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03\02_調整G\02_住基\01_住基\02_調査\02_住民基本台帳年報\R4.1.1\06_ホームページ等\02_確報\"/>
    </mc:Choice>
  </mc:AlternateContent>
  <bookViews>
    <workbookView xWindow="0" yWindow="1800" windowWidth="28710" windowHeight="525"/>
  </bookViews>
  <sheets>
    <sheet name="Sheet1" sheetId="1" r:id="rId1"/>
  </sheets>
  <definedNames>
    <definedName name="_xlnm.Print_Area" localSheetId="0">Sheet1!$A$1:$BQ$190</definedName>
    <definedName name="_xlnm.Print_Titles" localSheetId="0">Sheet1!$A:$C,Sheet1!$3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5" uniqueCount="98">
  <si>
    <t xml:space="preserve">  　　区分</t>
  </si>
  <si>
    <t>性</t>
  </si>
  <si>
    <t>総　　数</t>
  </si>
  <si>
    <t>0～4歳</t>
  </si>
  <si>
    <t>5～9歳</t>
  </si>
  <si>
    <t>10～14歳</t>
  </si>
  <si>
    <t>15～19歳</t>
  </si>
  <si>
    <t>20～24歳</t>
  </si>
  <si>
    <t>25～29歳</t>
  </si>
  <si>
    <t>30～34歳</t>
  </si>
  <si>
    <t>35～39歳</t>
  </si>
  <si>
    <t>40～44歳</t>
  </si>
  <si>
    <t>45～49歳</t>
  </si>
  <si>
    <t>50～54歳</t>
  </si>
  <si>
    <t>55～59歳</t>
  </si>
  <si>
    <t>60～64歳</t>
  </si>
  <si>
    <t>65～69歳</t>
  </si>
  <si>
    <t>70～74歳</t>
  </si>
  <si>
    <t>75～79歳</t>
  </si>
  <si>
    <t>80～84歳</t>
    <phoneticPr fontId="2"/>
  </si>
  <si>
    <t>85～89歳</t>
    <phoneticPr fontId="2"/>
  </si>
  <si>
    <t>90～94歳</t>
    <phoneticPr fontId="2"/>
  </si>
  <si>
    <t>95～99歳</t>
    <phoneticPr fontId="2"/>
  </si>
  <si>
    <t>100歳以上</t>
    <phoneticPr fontId="2"/>
  </si>
  <si>
    <t>団体名</t>
  </si>
  <si>
    <t>別</t>
  </si>
  <si>
    <t>日本人</t>
    <rPh sb="0" eb="3">
      <t>ニホンジン</t>
    </rPh>
    <phoneticPr fontId="2"/>
  </si>
  <si>
    <t>外国人</t>
    <rPh sb="0" eb="2">
      <t>ガイコク</t>
    </rPh>
    <rPh sb="2" eb="3">
      <t>ジン</t>
    </rPh>
    <phoneticPr fontId="2"/>
  </si>
  <si>
    <t>計</t>
    <rPh sb="0" eb="1">
      <t>ケイ</t>
    </rPh>
    <phoneticPr fontId="2"/>
  </si>
  <si>
    <t>男</t>
  </si>
  <si>
    <t>神奈川県計</t>
  </si>
  <si>
    <t>女</t>
  </si>
  <si>
    <t>計</t>
  </si>
  <si>
    <t>横浜市</t>
  </si>
  <si>
    <t>鶴見区</t>
  </si>
  <si>
    <t>神奈川区</t>
  </si>
  <si>
    <t>西区</t>
  </si>
  <si>
    <t>中区</t>
  </si>
  <si>
    <t>南区</t>
  </si>
  <si>
    <t>保土ヶ谷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 xml:space="preserve"> 団体
コード</t>
    <phoneticPr fontId="1"/>
  </si>
  <si>
    <t>市町村、男女、年齢階級別人口（2022(令和４)年１月１日現在）</t>
    <rPh sb="20" eb="22">
      <t>レイワ</t>
    </rPh>
    <rPh sb="24" eb="25">
      <t>ネン</t>
    </rPh>
    <rPh sb="26" eb="27">
      <t>ガツ</t>
    </rPh>
    <rPh sb="28" eb="29">
      <t>ニチ</t>
    </rPh>
    <rPh sb="29" eb="31">
      <t>ゲンザイ</t>
    </rPh>
    <phoneticPr fontId="2"/>
  </si>
  <si>
    <t>*</t>
    <phoneticPr fontId="1"/>
  </si>
  <si>
    <t>*</t>
    <phoneticPr fontId="1"/>
  </si>
  <si>
    <t>*</t>
    <phoneticPr fontId="1"/>
  </si>
  <si>
    <t>*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color rgb="FFFF000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8"/>
      </left>
      <right/>
      <top style="medium">
        <color indexed="8"/>
      </top>
      <bottom/>
      <diagonal/>
    </border>
    <border>
      <left style="thin">
        <color indexed="8"/>
      </left>
      <right/>
      <top style="medium">
        <color indexed="8"/>
      </top>
      <bottom/>
      <diagonal/>
    </border>
    <border>
      <left style="thin">
        <color indexed="8"/>
      </left>
      <right style="medium">
        <color indexed="8"/>
      </right>
      <top style="medium">
        <color indexed="8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 style="medium">
        <color indexed="8"/>
      </top>
      <bottom style="thin">
        <color indexed="8"/>
      </bottom>
      <diagonal/>
    </border>
    <border>
      <left/>
      <right style="thin">
        <color indexed="8"/>
      </right>
      <top style="medium">
        <color indexed="8"/>
      </top>
      <bottom style="thin">
        <color indexed="8"/>
      </bottom>
      <diagonal/>
    </border>
    <border>
      <left/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/>
      <top/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/>
      <top style="thin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medium">
        <color indexed="8"/>
      </bottom>
      <diagonal/>
    </border>
    <border>
      <left style="medium">
        <color indexed="8"/>
      </left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medium">
        <color indexed="8"/>
      </right>
      <top/>
      <bottom style="thin">
        <color indexed="8"/>
      </bottom>
      <diagonal/>
    </border>
    <border>
      <left style="medium">
        <color indexed="8"/>
      </left>
      <right style="thin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 style="medium">
        <color indexed="64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 style="medium">
        <color indexed="8"/>
      </bottom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/>
      <bottom/>
      <diagonal/>
    </border>
    <border>
      <left style="medium">
        <color indexed="8"/>
      </left>
      <right style="medium">
        <color indexed="8"/>
      </right>
      <top style="medium">
        <color indexed="64"/>
      </top>
      <bottom/>
      <diagonal/>
    </border>
  </borders>
  <cellStyleXfs count="3">
    <xf numFmtId="0" fontId="0" fillId="0" borderId="0">
      <alignment vertical="center"/>
    </xf>
    <xf numFmtId="0" fontId="5" fillId="0" borderId="0"/>
    <xf numFmtId="38" fontId="5" fillId="0" borderId="0" applyFont="0" applyFill="0" applyBorder="0" applyAlignment="0" applyProtection="0"/>
  </cellStyleXfs>
  <cellXfs count="90">
    <xf numFmtId="0" fontId="0" fillId="0" borderId="0" xfId="0">
      <alignment vertical="center"/>
    </xf>
    <xf numFmtId="0" fontId="3" fillId="0" borderId="0" xfId="0" applyFont="1" applyAlignment="1" applyProtection="1">
      <alignment horizontal="left" vertical="center"/>
    </xf>
    <xf numFmtId="0" fontId="3" fillId="0" borderId="0" xfId="0" applyFont="1" applyAlignment="1" applyProtection="1">
      <alignment vertical="center"/>
    </xf>
    <xf numFmtId="0" fontId="3" fillId="0" borderId="0" xfId="0" applyFont="1" applyBorder="1" applyAlignment="1" applyProtection="1">
      <alignment vertical="center"/>
    </xf>
    <xf numFmtId="0" fontId="3" fillId="0" borderId="0" xfId="0" applyFont="1" applyBorder="1" applyAlignment="1" applyProtection="1">
      <alignment horizontal="center" vertical="center"/>
    </xf>
    <xf numFmtId="0" fontId="3" fillId="0" borderId="0" xfId="0" applyFont="1" applyAlignment="1">
      <alignment vertical="center"/>
    </xf>
    <xf numFmtId="0" fontId="3" fillId="0" borderId="1" xfId="0" applyFont="1" applyBorder="1" applyAlignment="1" applyProtection="1">
      <alignment horizontal="right" vertical="center"/>
    </xf>
    <xf numFmtId="0" fontId="3" fillId="0" borderId="1" xfId="0" applyFont="1" applyBorder="1" applyAlignment="1" applyProtection="1">
      <alignment horizontal="center" vertical="center"/>
    </xf>
    <xf numFmtId="0" fontId="3" fillId="0" borderId="4" xfId="0" applyFont="1" applyBorder="1" applyAlignment="1" applyProtection="1">
      <alignment horizontal="center" vertical="center"/>
    </xf>
    <xf numFmtId="0" fontId="3" fillId="0" borderId="5" xfId="0" applyFont="1" applyBorder="1" applyAlignment="1" applyProtection="1">
      <alignment horizontal="center" vertical="center"/>
    </xf>
    <xf numFmtId="0" fontId="3" fillId="0" borderId="6" xfId="0" applyFont="1" applyBorder="1" applyAlignment="1" applyProtection="1">
      <alignment horizontal="center" vertical="center"/>
    </xf>
    <xf numFmtId="0" fontId="3" fillId="0" borderId="7" xfId="0" applyFont="1" applyBorder="1" applyAlignment="1" applyProtection="1">
      <alignment horizontal="center" vertical="center"/>
    </xf>
    <xf numFmtId="0" fontId="3" fillId="0" borderId="8" xfId="0" applyFont="1" applyBorder="1" applyAlignment="1" applyProtection="1">
      <alignment horizontal="center" vertical="center"/>
    </xf>
    <xf numFmtId="0" fontId="3" fillId="0" borderId="9" xfId="0" applyFont="1" applyBorder="1" applyAlignment="1" applyProtection="1">
      <alignment vertical="center"/>
    </xf>
    <xf numFmtId="0" fontId="3" fillId="0" borderId="9" xfId="0" applyFont="1" applyBorder="1" applyAlignment="1" applyProtection="1">
      <alignment horizontal="center" vertical="center"/>
    </xf>
    <xf numFmtId="0" fontId="3" fillId="0" borderId="10" xfId="0" applyFont="1" applyBorder="1" applyAlignment="1" applyProtection="1">
      <alignment horizontal="center" vertical="center"/>
    </xf>
    <xf numFmtId="0" fontId="3" fillId="0" borderId="11" xfId="0" applyFont="1" applyBorder="1" applyAlignment="1" applyProtection="1">
      <alignment horizontal="center" vertical="center"/>
    </xf>
    <xf numFmtId="0" fontId="3" fillId="0" borderId="12" xfId="0" applyFont="1" applyBorder="1" applyAlignment="1" applyProtection="1">
      <alignment horizontal="center" vertical="center"/>
    </xf>
    <xf numFmtId="0" fontId="3" fillId="0" borderId="13" xfId="0" applyFont="1" applyBorder="1" applyAlignment="1" applyProtection="1">
      <alignment horizontal="center" vertical="center"/>
    </xf>
    <xf numFmtId="0" fontId="3" fillId="0" borderId="14" xfId="0" applyFont="1" applyFill="1" applyBorder="1" applyAlignment="1" applyProtection="1">
      <alignment vertical="center"/>
    </xf>
    <xf numFmtId="0" fontId="3" fillId="0" borderId="15" xfId="0" applyFont="1" applyFill="1" applyBorder="1" applyAlignment="1" applyProtection="1">
      <alignment horizontal="center" vertical="center"/>
    </xf>
    <xf numFmtId="37" fontId="3" fillId="0" borderId="16" xfId="0" applyNumberFormat="1" applyFont="1" applyBorder="1" applyAlignment="1" applyProtection="1">
      <alignment vertical="center"/>
    </xf>
    <xf numFmtId="37" fontId="3" fillId="0" borderId="2" xfId="0" applyNumberFormat="1" applyFont="1" applyBorder="1" applyAlignment="1" applyProtection="1">
      <alignment vertical="center"/>
    </xf>
    <xf numFmtId="37" fontId="3" fillId="0" borderId="3" xfId="0" applyNumberFormat="1" applyFont="1" applyBorder="1" applyAlignment="1" applyProtection="1">
      <alignment vertical="center"/>
    </xf>
    <xf numFmtId="0" fontId="3" fillId="0" borderId="14" xfId="0" applyFont="1" applyFill="1" applyBorder="1" applyAlignment="1" applyProtection="1">
      <alignment horizontal="left" vertical="center"/>
    </xf>
    <xf numFmtId="0" fontId="3" fillId="0" borderId="17" xfId="0" applyFont="1" applyFill="1" applyBorder="1" applyAlignment="1" applyProtection="1">
      <alignment horizontal="center" vertical="center"/>
    </xf>
    <xf numFmtId="37" fontId="3" fillId="0" borderId="18" xfId="0" applyNumberFormat="1" applyFont="1" applyBorder="1" applyAlignment="1" applyProtection="1">
      <alignment vertical="center"/>
    </xf>
    <xf numFmtId="37" fontId="3" fillId="0" borderId="19" xfId="0" applyNumberFormat="1" applyFont="1" applyBorder="1" applyAlignment="1" applyProtection="1">
      <alignment vertical="center"/>
    </xf>
    <xf numFmtId="37" fontId="3" fillId="0" borderId="20" xfId="0" applyNumberFormat="1" applyFont="1" applyBorder="1" applyAlignment="1" applyProtection="1">
      <alignment vertical="center"/>
    </xf>
    <xf numFmtId="37" fontId="3" fillId="0" borderId="21" xfId="0" applyNumberFormat="1" applyFont="1" applyBorder="1" applyAlignment="1" applyProtection="1">
      <alignment vertical="center"/>
    </xf>
    <xf numFmtId="0" fontId="3" fillId="0" borderId="9" xfId="0" applyFont="1" applyFill="1" applyBorder="1" applyAlignment="1" applyProtection="1">
      <alignment vertical="center"/>
    </xf>
    <xf numFmtId="0" fontId="3" fillId="0" borderId="22" xfId="0" applyFont="1" applyFill="1" applyBorder="1" applyAlignment="1" applyProtection="1">
      <alignment horizontal="center" vertical="center"/>
    </xf>
    <xf numFmtId="37" fontId="3" fillId="0" borderId="10" xfId="0" applyNumberFormat="1" applyFont="1" applyBorder="1" applyAlignment="1" applyProtection="1">
      <alignment vertical="center"/>
    </xf>
    <xf numFmtId="37" fontId="3" fillId="0" borderId="12" xfId="0" applyNumberFormat="1" applyFont="1" applyBorder="1" applyAlignment="1" applyProtection="1">
      <alignment vertical="center"/>
    </xf>
    <xf numFmtId="37" fontId="3" fillId="0" borderId="11" xfId="0" applyNumberFormat="1" applyFont="1" applyBorder="1" applyAlignment="1" applyProtection="1">
      <alignment vertical="center"/>
    </xf>
    <xf numFmtId="37" fontId="3" fillId="0" borderId="13" xfId="0" applyNumberFormat="1" applyFont="1" applyBorder="1" applyAlignment="1" applyProtection="1">
      <alignment vertical="center"/>
    </xf>
    <xf numFmtId="37" fontId="3" fillId="0" borderId="23" xfId="0" applyNumberFormat="1" applyFont="1" applyBorder="1" applyAlignment="1" applyProtection="1">
      <alignment vertical="center"/>
    </xf>
    <xf numFmtId="37" fontId="3" fillId="0" borderId="24" xfId="0" applyNumberFormat="1" applyFont="1" applyBorder="1" applyAlignment="1" applyProtection="1">
      <alignment vertical="center"/>
    </xf>
    <xf numFmtId="37" fontId="3" fillId="0" borderId="25" xfId="0" applyNumberFormat="1" applyFont="1" applyFill="1" applyBorder="1" applyAlignment="1" applyProtection="1">
      <alignment vertical="center"/>
    </xf>
    <xf numFmtId="37" fontId="3" fillId="0" borderId="25" xfId="0" applyNumberFormat="1" applyFont="1" applyBorder="1" applyAlignment="1" applyProtection="1">
      <alignment vertical="center"/>
    </xf>
    <xf numFmtId="37" fontId="3" fillId="0" borderId="26" xfId="0" applyNumberFormat="1" applyFont="1" applyFill="1" applyBorder="1" applyAlignment="1" applyProtection="1">
      <alignment vertical="center"/>
    </xf>
    <xf numFmtId="37" fontId="3" fillId="0" borderId="27" xfId="0" applyNumberFormat="1" applyFont="1" applyBorder="1" applyAlignment="1" applyProtection="1">
      <alignment vertical="center"/>
    </xf>
    <xf numFmtId="37" fontId="3" fillId="0" borderId="20" xfId="0" applyNumberFormat="1" applyFont="1" applyFill="1" applyBorder="1" applyAlignment="1" applyProtection="1">
      <alignment vertical="center"/>
    </xf>
    <xf numFmtId="37" fontId="3" fillId="0" borderId="21" xfId="0" applyNumberFormat="1" applyFont="1" applyFill="1" applyBorder="1" applyAlignment="1" applyProtection="1">
      <alignment vertical="center"/>
    </xf>
    <xf numFmtId="0" fontId="3" fillId="0" borderId="28" xfId="0" applyFont="1" applyFill="1" applyBorder="1" applyAlignment="1" applyProtection="1">
      <alignment horizontal="left" vertical="center"/>
    </xf>
    <xf numFmtId="37" fontId="3" fillId="0" borderId="29" xfId="0" applyNumberFormat="1" applyFont="1" applyFill="1" applyBorder="1" applyAlignment="1" applyProtection="1">
      <alignment vertical="center"/>
    </xf>
    <xf numFmtId="37" fontId="3" fillId="0" borderId="30" xfId="0" applyNumberFormat="1" applyFont="1" applyFill="1" applyBorder="1" applyAlignment="1" applyProtection="1">
      <alignment vertical="center"/>
    </xf>
    <xf numFmtId="37" fontId="3" fillId="0" borderId="11" xfId="0" applyNumberFormat="1" applyFont="1" applyFill="1" applyBorder="1" applyAlignment="1" applyProtection="1">
      <alignment vertical="center"/>
    </xf>
    <xf numFmtId="37" fontId="3" fillId="0" borderId="31" xfId="0" applyNumberFormat="1" applyFont="1" applyFill="1" applyBorder="1" applyAlignment="1" applyProtection="1">
      <alignment vertical="center"/>
    </xf>
    <xf numFmtId="37" fontId="3" fillId="0" borderId="13" xfId="0" applyNumberFormat="1" applyFont="1" applyFill="1" applyBorder="1" applyAlignment="1" applyProtection="1">
      <alignment vertical="center"/>
    </xf>
    <xf numFmtId="0" fontId="3" fillId="0" borderId="14" xfId="0" applyFont="1" applyFill="1" applyBorder="1" applyAlignment="1" applyProtection="1">
      <alignment horizontal="center" vertical="center"/>
    </xf>
    <xf numFmtId="37" fontId="3" fillId="0" borderId="25" xfId="0" applyNumberFormat="1" applyFont="1" applyBorder="1" applyAlignment="1" applyProtection="1">
      <alignment vertical="center"/>
      <protection locked="0"/>
    </xf>
    <xf numFmtId="0" fontId="3" fillId="0" borderId="14" xfId="0" applyFont="1" applyFill="1" applyBorder="1" applyAlignment="1" applyProtection="1">
      <alignment horizontal="right" vertical="center"/>
    </xf>
    <xf numFmtId="0" fontId="3" fillId="0" borderId="28" xfId="0" applyFont="1" applyFill="1" applyBorder="1" applyAlignment="1" applyProtection="1">
      <alignment horizontal="right" vertical="center"/>
    </xf>
    <xf numFmtId="0" fontId="3" fillId="0" borderId="32" xfId="0" applyFont="1" applyFill="1" applyBorder="1" applyAlignment="1" applyProtection="1">
      <alignment horizontal="center" vertical="center"/>
    </xf>
    <xf numFmtId="0" fontId="3" fillId="0" borderId="33" xfId="0" applyFont="1" applyFill="1" applyBorder="1" applyAlignment="1" applyProtection="1">
      <alignment horizontal="center" vertical="center"/>
    </xf>
    <xf numFmtId="37" fontId="3" fillId="0" borderId="2" xfId="0" applyNumberFormat="1" applyFont="1" applyBorder="1" applyAlignment="1" applyProtection="1">
      <alignment vertical="center"/>
      <protection locked="0"/>
    </xf>
    <xf numFmtId="37" fontId="3" fillId="0" borderId="19" xfId="0" applyNumberFormat="1" applyFont="1" applyBorder="1" applyAlignment="1" applyProtection="1">
      <alignment vertical="center"/>
      <protection locked="0"/>
    </xf>
    <xf numFmtId="0" fontId="3" fillId="0" borderId="28" xfId="0" applyFont="1" applyFill="1" applyBorder="1" applyAlignment="1" applyProtection="1">
      <alignment vertical="center"/>
    </xf>
    <xf numFmtId="0" fontId="3" fillId="0" borderId="34" xfId="0" applyFont="1" applyFill="1" applyBorder="1" applyAlignment="1" applyProtection="1">
      <alignment vertical="center"/>
    </xf>
    <xf numFmtId="37" fontId="3" fillId="0" borderId="10" xfId="0" applyNumberFormat="1" applyFont="1" applyFill="1" applyBorder="1" applyAlignment="1" applyProtection="1">
      <alignment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 applyProtection="1">
      <alignment horizontal="left" vertical="center"/>
    </xf>
    <xf numFmtId="37" fontId="3" fillId="0" borderId="25" xfId="0" applyNumberFormat="1" applyFont="1" applyBorder="1" applyAlignment="1" applyProtection="1">
      <alignment horizontal="right" vertical="center"/>
      <protection locked="0"/>
    </xf>
    <xf numFmtId="37" fontId="3" fillId="0" borderId="11" xfId="0" applyNumberFormat="1" applyFont="1" applyFill="1" applyBorder="1" applyAlignment="1" applyProtection="1">
      <alignment horizontal="right" vertical="center"/>
    </xf>
    <xf numFmtId="37" fontId="3" fillId="0" borderId="2" xfId="0" applyNumberFormat="1" applyFont="1" applyBorder="1" applyAlignment="1" applyProtection="1">
      <alignment vertical="center"/>
    </xf>
    <xf numFmtId="37" fontId="3" fillId="0" borderId="19" xfId="0" applyNumberFormat="1" applyFont="1" applyBorder="1" applyAlignment="1" applyProtection="1">
      <alignment vertical="center"/>
    </xf>
    <xf numFmtId="37" fontId="3" fillId="0" borderId="20" xfId="0" applyNumberFormat="1" applyFont="1" applyBorder="1" applyAlignment="1" applyProtection="1">
      <alignment vertical="center"/>
    </xf>
    <xf numFmtId="37" fontId="3" fillId="0" borderId="12" xfId="0" applyNumberFormat="1" applyFont="1" applyBorder="1" applyAlignment="1" applyProtection="1">
      <alignment vertical="center"/>
    </xf>
    <xf numFmtId="37" fontId="3" fillId="0" borderId="11" xfId="0" applyNumberFormat="1" applyFont="1" applyBorder="1" applyAlignment="1" applyProtection="1">
      <alignment vertical="center"/>
    </xf>
    <xf numFmtId="37" fontId="3" fillId="0" borderId="25" xfId="0" applyNumberFormat="1" applyFont="1" applyFill="1" applyBorder="1" applyAlignment="1" applyProtection="1">
      <alignment vertical="center"/>
    </xf>
    <xf numFmtId="37" fontId="3" fillId="0" borderId="25" xfId="0" applyNumberFormat="1" applyFont="1" applyBorder="1" applyAlignment="1" applyProtection="1">
      <alignment vertical="center"/>
    </xf>
    <xf numFmtId="37" fontId="3" fillId="0" borderId="20" xfId="0" applyNumberFormat="1" applyFont="1" applyFill="1" applyBorder="1" applyAlignment="1" applyProtection="1">
      <alignment vertical="center"/>
    </xf>
    <xf numFmtId="37" fontId="3" fillId="0" borderId="11" xfId="0" applyNumberFormat="1" applyFont="1" applyFill="1" applyBorder="1" applyAlignment="1" applyProtection="1">
      <alignment vertical="center"/>
    </xf>
    <xf numFmtId="37" fontId="3" fillId="0" borderId="31" xfId="0" applyNumberFormat="1" applyFont="1" applyFill="1" applyBorder="1" applyAlignment="1" applyProtection="1">
      <alignment vertical="center"/>
    </xf>
    <xf numFmtId="37" fontId="3" fillId="0" borderId="25" xfId="0" applyNumberFormat="1" applyFont="1" applyBorder="1" applyAlignment="1" applyProtection="1">
      <alignment vertical="center"/>
      <protection locked="0"/>
    </xf>
    <xf numFmtId="0" fontId="6" fillId="0" borderId="0" xfId="0" applyFont="1" applyAlignment="1">
      <alignment vertical="center"/>
    </xf>
    <xf numFmtId="0" fontId="3" fillId="0" borderId="35" xfId="0" applyFont="1" applyFill="1" applyBorder="1" applyAlignment="1" applyProtection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3" fillId="0" borderId="0" xfId="0" applyFont="1" applyAlignment="1" applyProtection="1">
      <alignment horizontal="center" vertical="center"/>
    </xf>
    <xf numFmtId="0" fontId="3" fillId="0" borderId="1" xfId="0" applyFont="1" applyBorder="1" applyAlignment="1" applyProtection="1">
      <alignment horizontal="center" vertical="center" wrapText="1"/>
    </xf>
    <xf numFmtId="0" fontId="3" fillId="0" borderId="9" xfId="0" applyFont="1" applyBorder="1" applyAlignment="1" applyProtection="1">
      <alignment horizontal="center" vertical="center" wrapText="1"/>
    </xf>
    <xf numFmtId="0" fontId="0" fillId="0" borderId="36" xfId="0" applyFont="1" applyBorder="1" applyAlignment="1">
      <alignment horizontal="center" vertical="center"/>
    </xf>
    <xf numFmtId="0" fontId="0" fillId="0" borderId="34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/>
    </xf>
    <xf numFmtId="0" fontId="3" fillId="0" borderId="37" xfId="0" applyFont="1" applyFill="1" applyBorder="1" applyAlignment="1" applyProtection="1">
      <alignment horizontal="center" vertical="center" wrapText="1"/>
    </xf>
    <xf numFmtId="0" fontId="3" fillId="0" borderId="36" xfId="0" applyFont="1" applyBorder="1" applyAlignment="1">
      <alignment horizontal="center" vertical="center" wrapText="1"/>
    </xf>
    <xf numFmtId="0" fontId="3" fillId="0" borderId="34" xfId="0" applyFont="1" applyBorder="1" applyAlignment="1">
      <alignment horizontal="center" vertical="center" wrapText="1"/>
    </xf>
    <xf numFmtId="0" fontId="3" fillId="0" borderId="37" xfId="0" applyFont="1" applyFill="1" applyBorder="1" applyAlignment="1" applyProtection="1">
      <alignment horizontal="center" vertical="center"/>
    </xf>
  </cellXfs>
  <cellStyles count="3">
    <cellStyle name="桁区切り 2" xfId="2"/>
    <cellStyle name="標準" xfId="0" builtinId="0"/>
    <cellStyle name="標準 2" xfId="1"/>
  </cellStyles>
  <dxfs count="10730"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  <dxf>
      <fill>
        <patternFill patternType="none">
          <bgColor indexed="65"/>
        </patternFill>
      </fill>
    </dxf>
    <dxf>
      <fill>
        <patternFill>
          <bgColor rgb="FFFFC000"/>
        </patternFill>
      </fill>
    </dxf>
    <dxf>
      <fill>
        <patternFill>
          <bgColor rgb="FFFF6464"/>
        </patternFill>
      </fill>
    </dxf>
    <dxf>
      <fill>
        <patternFill>
          <bgColor rgb="FF64D7FF"/>
        </patternFill>
      </fill>
    </dxf>
    <dxf>
      <fill>
        <patternFill>
          <bgColor theme="6" tint="0.59996337778862885"/>
        </patternFill>
      </fill>
    </dxf>
  </dxfs>
  <tableStyles count="0" defaultTableStyle="TableStyleMedium2" defaultPivotStyle="PivotStyleLight16"/>
  <colors>
    <mruColors>
      <color rgb="FF0000FF"/>
      <color rgb="FF00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2</xdr:row>
      <xdr:rowOff>0</xdr:rowOff>
    </xdr:from>
    <xdr:to>
      <xdr:col>1</xdr:col>
      <xdr:colOff>0</xdr:colOff>
      <xdr:row>3</xdr:row>
      <xdr:rowOff>219075</xdr:rowOff>
    </xdr:to>
    <xdr:cxnSp macro="">
      <xdr:nvCxnSpPr>
        <xdr:cNvPr id="2" name="直線コネクタ 2"/>
        <xdr:cNvCxnSpPr>
          <a:cxnSpLocks noChangeShapeType="1"/>
        </xdr:cNvCxnSpPr>
      </xdr:nvCxnSpPr>
      <xdr:spPr bwMode="auto">
        <a:xfrm>
          <a:off x="371475" y="1323975"/>
          <a:ext cx="1495425" cy="438150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Q190"/>
  <sheetViews>
    <sheetView tabSelected="1" view="pageBreakPreview" zoomScale="95" zoomScaleNormal="100" zoomScaleSheetLayoutView="95" workbookViewId="0"/>
  </sheetViews>
  <sheetFormatPr defaultColWidth="9" defaultRowHeight="14.25" x14ac:dyDescent="0.15"/>
  <cols>
    <col min="1" max="1" width="11.5" style="5" customWidth="1"/>
    <col min="2" max="2" width="5.75" style="5" customWidth="1"/>
    <col min="3" max="3" width="7.5" style="61" customWidth="1"/>
    <col min="4" max="4" width="10.625" style="5" customWidth="1"/>
    <col min="5" max="5" width="10.125" style="5" customWidth="1"/>
    <col min="6" max="6" width="10.625" style="5" customWidth="1"/>
    <col min="7" max="69" width="8.625" style="5" customWidth="1"/>
    <col min="70" max="16384" width="9" style="5"/>
  </cols>
  <sheetData>
    <row r="1" spans="1:69" x14ac:dyDescent="0.15">
      <c r="A1" s="76"/>
      <c r="B1" s="62"/>
      <c r="C1" s="62"/>
      <c r="D1" s="62" t="s">
        <v>93</v>
      </c>
      <c r="E1" s="62"/>
      <c r="F1" s="62"/>
      <c r="G1" s="62"/>
      <c r="H1" s="62"/>
      <c r="I1" s="62"/>
      <c r="J1" s="62"/>
      <c r="K1" s="1"/>
      <c r="L1" s="1"/>
      <c r="M1" s="2"/>
      <c r="N1" s="2"/>
      <c r="O1" s="2"/>
      <c r="P1" s="2"/>
      <c r="Q1" s="2"/>
      <c r="R1" s="2"/>
      <c r="S1" s="2"/>
      <c r="T1" s="2"/>
      <c r="U1" s="2"/>
      <c r="V1" s="3"/>
      <c r="W1" s="3"/>
      <c r="X1" s="3"/>
      <c r="Y1" s="3"/>
      <c r="Z1" s="3"/>
      <c r="AA1" s="3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3"/>
      <c r="BB1" s="3"/>
      <c r="BC1" s="3"/>
      <c r="BD1" s="3"/>
      <c r="BE1" s="2"/>
      <c r="BF1" s="2"/>
      <c r="BG1" s="2"/>
      <c r="BH1" s="2"/>
      <c r="BI1" s="2"/>
      <c r="BJ1" s="2"/>
      <c r="BK1" s="2"/>
      <c r="BL1" s="2"/>
      <c r="BM1" s="3"/>
      <c r="BN1" s="3"/>
      <c r="BO1" s="3"/>
      <c r="BP1" s="3"/>
      <c r="BQ1" s="4"/>
    </row>
    <row r="2" spans="1:69" ht="15" thickBot="1" x14ac:dyDescent="0.2">
      <c r="A2" s="80"/>
      <c r="B2" s="80"/>
      <c r="C2" s="80"/>
      <c r="D2" s="1"/>
      <c r="E2" s="1"/>
      <c r="F2" s="1"/>
      <c r="G2" s="1"/>
      <c r="H2" s="1"/>
      <c r="I2" s="1"/>
      <c r="J2" s="1"/>
      <c r="K2" s="1"/>
      <c r="L2" s="1"/>
      <c r="M2" s="2"/>
      <c r="N2" s="2"/>
      <c r="O2" s="2"/>
      <c r="P2" s="2"/>
      <c r="Q2" s="2"/>
      <c r="R2" s="2"/>
      <c r="S2" s="2"/>
      <c r="T2" s="2"/>
      <c r="U2" s="2"/>
      <c r="V2" s="3"/>
      <c r="W2" s="3"/>
      <c r="X2" s="3"/>
      <c r="Y2" s="3"/>
      <c r="Z2" s="3"/>
      <c r="AA2" s="3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2"/>
      <c r="AP2" s="2"/>
      <c r="AQ2" s="2"/>
      <c r="AR2" s="2"/>
      <c r="AS2" s="2"/>
      <c r="AT2" s="2"/>
      <c r="AU2" s="2"/>
      <c r="AV2" s="2"/>
      <c r="AW2" s="3"/>
      <c r="AX2" s="3"/>
      <c r="AY2" s="3"/>
      <c r="AZ2" s="3"/>
      <c r="BA2" s="3"/>
      <c r="BB2" s="3"/>
      <c r="BC2" s="2"/>
      <c r="BD2" s="2"/>
      <c r="BE2" s="2"/>
      <c r="BF2" s="2"/>
      <c r="BG2" s="2"/>
      <c r="BH2" s="2"/>
      <c r="BI2" s="3"/>
      <c r="BJ2" s="3"/>
      <c r="BK2" s="3"/>
      <c r="BL2" s="3"/>
      <c r="BM2" s="3"/>
      <c r="BN2" s="3"/>
      <c r="BO2" s="2"/>
      <c r="BP2" s="2"/>
      <c r="BQ2" s="2"/>
    </row>
    <row r="3" spans="1:69" x14ac:dyDescent="0.15">
      <c r="A3" s="6" t="s">
        <v>0</v>
      </c>
      <c r="B3" s="7" t="s">
        <v>1</v>
      </c>
      <c r="C3" s="81" t="s">
        <v>92</v>
      </c>
      <c r="D3" s="8" t="s">
        <v>2</v>
      </c>
      <c r="E3" s="9"/>
      <c r="F3" s="9"/>
      <c r="G3" s="10" t="s">
        <v>3</v>
      </c>
      <c r="H3" s="9"/>
      <c r="I3" s="9"/>
      <c r="J3" s="10" t="s">
        <v>4</v>
      </c>
      <c r="K3" s="9"/>
      <c r="L3" s="9"/>
      <c r="M3" s="10" t="s">
        <v>5</v>
      </c>
      <c r="N3" s="9"/>
      <c r="O3" s="9"/>
      <c r="P3" s="10" t="s">
        <v>6</v>
      </c>
      <c r="Q3" s="9"/>
      <c r="R3" s="9"/>
      <c r="S3" s="10" t="s">
        <v>7</v>
      </c>
      <c r="T3" s="9"/>
      <c r="U3" s="9"/>
      <c r="V3" s="10" t="s">
        <v>8</v>
      </c>
      <c r="W3" s="9"/>
      <c r="X3" s="9"/>
      <c r="Y3" s="10" t="s">
        <v>9</v>
      </c>
      <c r="Z3" s="9"/>
      <c r="AA3" s="9"/>
      <c r="AB3" s="10" t="s">
        <v>10</v>
      </c>
      <c r="AC3" s="9"/>
      <c r="AD3" s="11"/>
      <c r="AE3" s="10" t="s">
        <v>11</v>
      </c>
      <c r="AF3" s="9"/>
      <c r="AG3" s="11"/>
      <c r="AH3" s="10" t="s">
        <v>12</v>
      </c>
      <c r="AI3" s="9"/>
      <c r="AJ3" s="9"/>
      <c r="AK3" s="10" t="s">
        <v>13</v>
      </c>
      <c r="AL3" s="9"/>
      <c r="AM3" s="9"/>
      <c r="AN3" s="10" t="s">
        <v>14</v>
      </c>
      <c r="AO3" s="9"/>
      <c r="AP3" s="9"/>
      <c r="AQ3" s="10" t="s">
        <v>15</v>
      </c>
      <c r="AR3" s="9"/>
      <c r="AS3" s="9"/>
      <c r="AT3" s="10" t="s">
        <v>16</v>
      </c>
      <c r="AU3" s="9"/>
      <c r="AV3" s="9"/>
      <c r="AW3" s="10" t="s">
        <v>17</v>
      </c>
      <c r="AX3" s="9"/>
      <c r="AY3" s="9"/>
      <c r="AZ3" s="10" t="s">
        <v>18</v>
      </c>
      <c r="BA3" s="9"/>
      <c r="BB3" s="9"/>
      <c r="BC3" s="10" t="s">
        <v>19</v>
      </c>
      <c r="BD3" s="9"/>
      <c r="BE3" s="9"/>
      <c r="BF3" s="10" t="s">
        <v>20</v>
      </c>
      <c r="BG3" s="9"/>
      <c r="BH3" s="9"/>
      <c r="BI3" s="10" t="s">
        <v>21</v>
      </c>
      <c r="BJ3" s="9"/>
      <c r="BK3" s="9"/>
      <c r="BL3" s="10" t="s">
        <v>22</v>
      </c>
      <c r="BM3" s="9"/>
      <c r="BN3" s="9"/>
      <c r="BO3" s="10" t="s">
        <v>23</v>
      </c>
      <c r="BP3" s="9"/>
      <c r="BQ3" s="12"/>
    </row>
    <row r="4" spans="1:69" ht="15" thickBot="1" x14ac:dyDescent="0.2">
      <c r="A4" s="13" t="s">
        <v>24</v>
      </c>
      <c r="B4" s="14" t="s">
        <v>25</v>
      </c>
      <c r="C4" s="82"/>
      <c r="D4" s="15" t="s">
        <v>26</v>
      </c>
      <c r="E4" s="16" t="s">
        <v>27</v>
      </c>
      <c r="F4" s="16" t="s">
        <v>28</v>
      </c>
      <c r="G4" s="16" t="s">
        <v>26</v>
      </c>
      <c r="H4" s="16" t="s">
        <v>27</v>
      </c>
      <c r="I4" s="16" t="s">
        <v>28</v>
      </c>
      <c r="J4" s="16" t="s">
        <v>26</v>
      </c>
      <c r="K4" s="16" t="s">
        <v>27</v>
      </c>
      <c r="L4" s="16" t="s">
        <v>28</v>
      </c>
      <c r="M4" s="16" t="s">
        <v>26</v>
      </c>
      <c r="N4" s="16" t="s">
        <v>27</v>
      </c>
      <c r="O4" s="16" t="s">
        <v>28</v>
      </c>
      <c r="P4" s="16" t="s">
        <v>26</v>
      </c>
      <c r="Q4" s="16" t="s">
        <v>27</v>
      </c>
      <c r="R4" s="16" t="s">
        <v>28</v>
      </c>
      <c r="S4" s="16" t="s">
        <v>26</v>
      </c>
      <c r="T4" s="16" t="s">
        <v>27</v>
      </c>
      <c r="U4" s="16" t="s">
        <v>28</v>
      </c>
      <c r="V4" s="16" t="s">
        <v>26</v>
      </c>
      <c r="W4" s="16" t="s">
        <v>27</v>
      </c>
      <c r="X4" s="16" t="s">
        <v>28</v>
      </c>
      <c r="Y4" s="16" t="s">
        <v>26</v>
      </c>
      <c r="Z4" s="16" t="s">
        <v>27</v>
      </c>
      <c r="AA4" s="16" t="s">
        <v>28</v>
      </c>
      <c r="AB4" s="16" t="s">
        <v>26</v>
      </c>
      <c r="AC4" s="16" t="s">
        <v>27</v>
      </c>
      <c r="AD4" s="16" t="s">
        <v>28</v>
      </c>
      <c r="AE4" s="16" t="s">
        <v>26</v>
      </c>
      <c r="AF4" s="16" t="s">
        <v>27</v>
      </c>
      <c r="AG4" s="16" t="s">
        <v>28</v>
      </c>
      <c r="AH4" s="16" t="s">
        <v>26</v>
      </c>
      <c r="AI4" s="16" t="s">
        <v>27</v>
      </c>
      <c r="AJ4" s="16" t="s">
        <v>28</v>
      </c>
      <c r="AK4" s="16" t="s">
        <v>26</v>
      </c>
      <c r="AL4" s="16" t="s">
        <v>27</v>
      </c>
      <c r="AM4" s="16" t="s">
        <v>28</v>
      </c>
      <c r="AN4" s="16" t="s">
        <v>26</v>
      </c>
      <c r="AO4" s="16" t="s">
        <v>27</v>
      </c>
      <c r="AP4" s="16" t="s">
        <v>28</v>
      </c>
      <c r="AQ4" s="16" t="s">
        <v>26</v>
      </c>
      <c r="AR4" s="16" t="s">
        <v>27</v>
      </c>
      <c r="AS4" s="16" t="s">
        <v>28</v>
      </c>
      <c r="AT4" s="16" t="s">
        <v>26</v>
      </c>
      <c r="AU4" s="16" t="s">
        <v>27</v>
      </c>
      <c r="AV4" s="16" t="s">
        <v>28</v>
      </c>
      <c r="AW4" s="16" t="s">
        <v>26</v>
      </c>
      <c r="AX4" s="16" t="s">
        <v>27</v>
      </c>
      <c r="AY4" s="16" t="s">
        <v>28</v>
      </c>
      <c r="AZ4" s="16" t="s">
        <v>26</v>
      </c>
      <c r="BA4" s="16" t="s">
        <v>27</v>
      </c>
      <c r="BB4" s="16" t="s">
        <v>28</v>
      </c>
      <c r="BC4" s="16" t="s">
        <v>26</v>
      </c>
      <c r="BD4" s="16" t="s">
        <v>27</v>
      </c>
      <c r="BE4" s="17" t="s">
        <v>28</v>
      </c>
      <c r="BF4" s="16" t="s">
        <v>26</v>
      </c>
      <c r="BG4" s="16" t="s">
        <v>27</v>
      </c>
      <c r="BH4" s="16" t="s">
        <v>28</v>
      </c>
      <c r="BI4" s="16" t="s">
        <v>26</v>
      </c>
      <c r="BJ4" s="16" t="s">
        <v>27</v>
      </c>
      <c r="BK4" s="16" t="s">
        <v>28</v>
      </c>
      <c r="BL4" s="16" t="s">
        <v>26</v>
      </c>
      <c r="BM4" s="16" t="s">
        <v>27</v>
      </c>
      <c r="BN4" s="16" t="s">
        <v>28</v>
      </c>
      <c r="BO4" s="16" t="s">
        <v>26</v>
      </c>
      <c r="BP4" s="16" t="s">
        <v>27</v>
      </c>
      <c r="BQ4" s="18" t="s">
        <v>28</v>
      </c>
    </row>
    <row r="5" spans="1:69" x14ac:dyDescent="0.15">
      <c r="A5" s="19"/>
      <c r="B5" s="20" t="s">
        <v>29</v>
      </c>
      <c r="C5" s="77">
        <v>140007</v>
      </c>
      <c r="D5" s="21">
        <v>4481391</v>
      </c>
      <c r="E5" s="22">
        <v>108974</v>
      </c>
      <c r="F5" s="22">
        <v>4590365</v>
      </c>
      <c r="G5" s="22">
        <v>162763</v>
      </c>
      <c r="H5" s="22">
        <v>4497</v>
      </c>
      <c r="I5" s="22">
        <v>167260</v>
      </c>
      <c r="J5" s="22">
        <v>186476</v>
      </c>
      <c r="K5" s="22">
        <v>4381</v>
      </c>
      <c r="L5" s="22">
        <v>190857</v>
      </c>
      <c r="M5" s="65">
        <v>197523</v>
      </c>
      <c r="N5" s="65">
        <v>3212</v>
      </c>
      <c r="O5" s="65">
        <v>200735</v>
      </c>
      <c r="P5" s="22">
        <v>205318</v>
      </c>
      <c r="Q5" s="22">
        <v>2997</v>
      </c>
      <c r="R5" s="22">
        <v>208315</v>
      </c>
      <c r="S5" s="22">
        <v>238805</v>
      </c>
      <c r="T5" s="22">
        <v>11317</v>
      </c>
      <c r="U5" s="22">
        <v>250122</v>
      </c>
      <c r="V5" s="22">
        <v>250240</v>
      </c>
      <c r="W5" s="22">
        <v>17334</v>
      </c>
      <c r="X5" s="22">
        <v>267574</v>
      </c>
      <c r="Y5" s="22">
        <v>248381</v>
      </c>
      <c r="Z5" s="22">
        <v>15854</v>
      </c>
      <c r="AA5" s="22">
        <v>264235</v>
      </c>
      <c r="AB5" s="22">
        <v>281153</v>
      </c>
      <c r="AC5" s="22">
        <v>12296</v>
      </c>
      <c r="AD5" s="22">
        <v>293449</v>
      </c>
      <c r="AE5" s="22">
        <v>316831</v>
      </c>
      <c r="AF5" s="22">
        <v>9201</v>
      </c>
      <c r="AG5" s="22">
        <v>326032</v>
      </c>
      <c r="AH5" s="22">
        <v>385698</v>
      </c>
      <c r="AI5" s="22">
        <v>7211</v>
      </c>
      <c r="AJ5" s="22">
        <v>392909</v>
      </c>
      <c r="AK5" s="22">
        <v>396888</v>
      </c>
      <c r="AL5" s="22">
        <v>6385</v>
      </c>
      <c r="AM5" s="22">
        <v>403273</v>
      </c>
      <c r="AN5" s="22">
        <v>316778</v>
      </c>
      <c r="AO5" s="22">
        <v>5263</v>
      </c>
      <c r="AP5" s="22">
        <v>322041</v>
      </c>
      <c r="AQ5" s="22">
        <v>256115</v>
      </c>
      <c r="AR5" s="22">
        <v>3250</v>
      </c>
      <c r="AS5" s="22">
        <v>259365</v>
      </c>
      <c r="AT5" s="22">
        <v>239645</v>
      </c>
      <c r="AU5" s="22">
        <v>2335</v>
      </c>
      <c r="AV5" s="22">
        <v>241980</v>
      </c>
      <c r="AW5" s="22">
        <v>295865</v>
      </c>
      <c r="AX5" s="22">
        <v>1580</v>
      </c>
      <c r="AY5" s="22">
        <v>297445</v>
      </c>
      <c r="AZ5" s="22">
        <v>210554</v>
      </c>
      <c r="BA5" s="22">
        <v>930</v>
      </c>
      <c r="BB5" s="22">
        <v>211484</v>
      </c>
      <c r="BC5" s="22">
        <v>163190</v>
      </c>
      <c r="BD5" s="22">
        <v>508</v>
      </c>
      <c r="BE5" s="22">
        <v>163698</v>
      </c>
      <c r="BF5" s="22">
        <v>90886</v>
      </c>
      <c r="BG5" s="22">
        <v>256</v>
      </c>
      <c r="BH5" s="22">
        <v>91142</v>
      </c>
      <c r="BI5" s="22">
        <v>31382</v>
      </c>
      <c r="BJ5" s="22">
        <v>101</v>
      </c>
      <c r="BK5" s="22">
        <v>31483</v>
      </c>
      <c r="BL5" s="22">
        <v>6315</v>
      </c>
      <c r="BM5" s="22">
        <v>32</v>
      </c>
      <c r="BN5" s="22">
        <v>6347</v>
      </c>
      <c r="BO5" s="22">
        <v>584</v>
      </c>
      <c r="BP5" s="22">
        <v>4</v>
      </c>
      <c r="BQ5" s="23">
        <v>588</v>
      </c>
    </row>
    <row r="6" spans="1:69" x14ac:dyDescent="0.15">
      <c r="A6" s="24" t="s">
        <v>30</v>
      </c>
      <c r="B6" s="25" t="s">
        <v>31</v>
      </c>
      <c r="C6" s="83"/>
      <c r="D6" s="26">
        <v>4511801</v>
      </c>
      <c r="E6" s="27">
        <v>113044</v>
      </c>
      <c r="F6" s="28">
        <v>4624845</v>
      </c>
      <c r="G6" s="27">
        <v>154847</v>
      </c>
      <c r="H6" s="27">
        <v>4067</v>
      </c>
      <c r="I6" s="28">
        <v>158914</v>
      </c>
      <c r="J6" s="27">
        <v>176953</v>
      </c>
      <c r="K6" s="27">
        <v>4179</v>
      </c>
      <c r="L6" s="28">
        <v>181132</v>
      </c>
      <c r="M6" s="66">
        <v>187811</v>
      </c>
      <c r="N6" s="66">
        <v>3038</v>
      </c>
      <c r="O6" s="67">
        <v>190849</v>
      </c>
      <c r="P6" s="27">
        <v>194642</v>
      </c>
      <c r="Q6" s="27">
        <v>2718</v>
      </c>
      <c r="R6" s="28">
        <v>197360</v>
      </c>
      <c r="S6" s="27">
        <v>229773</v>
      </c>
      <c r="T6" s="27">
        <v>9183</v>
      </c>
      <c r="U6" s="28">
        <v>238956</v>
      </c>
      <c r="V6" s="27">
        <v>233549</v>
      </c>
      <c r="W6" s="27">
        <v>13620</v>
      </c>
      <c r="X6" s="28">
        <v>247169</v>
      </c>
      <c r="Y6" s="27">
        <v>230792</v>
      </c>
      <c r="Z6" s="27">
        <v>13722</v>
      </c>
      <c r="AA6" s="28">
        <v>244514</v>
      </c>
      <c r="AB6" s="27">
        <v>260966</v>
      </c>
      <c r="AC6" s="27">
        <v>12180</v>
      </c>
      <c r="AD6" s="28">
        <v>273146</v>
      </c>
      <c r="AE6" s="27">
        <v>296734</v>
      </c>
      <c r="AF6" s="27">
        <v>10973</v>
      </c>
      <c r="AG6" s="28">
        <v>307707</v>
      </c>
      <c r="AH6" s="27">
        <v>362510</v>
      </c>
      <c r="AI6" s="27">
        <v>9651</v>
      </c>
      <c r="AJ6" s="28">
        <v>372161</v>
      </c>
      <c r="AK6" s="27">
        <v>365973</v>
      </c>
      <c r="AL6" s="27">
        <v>9732</v>
      </c>
      <c r="AM6" s="28">
        <v>375705</v>
      </c>
      <c r="AN6" s="27">
        <v>286966</v>
      </c>
      <c r="AO6" s="27">
        <v>7356</v>
      </c>
      <c r="AP6" s="28">
        <v>294322</v>
      </c>
      <c r="AQ6" s="27">
        <v>241552</v>
      </c>
      <c r="AR6" s="27">
        <v>4792</v>
      </c>
      <c r="AS6" s="28">
        <v>246344</v>
      </c>
      <c r="AT6" s="27">
        <v>243549</v>
      </c>
      <c r="AU6" s="27">
        <v>3142</v>
      </c>
      <c r="AV6" s="28">
        <v>246691</v>
      </c>
      <c r="AW6" s="27">
        <v>327107</v>
      </c>
      <c r="AX6" s="27">
        <v>1818</v>
      </c>
      <c r="AY6" s="28">
        <v>328925</v>
      </c>
      <c r="AZ6" s="27">
        <v>254954</v>
      </c>
      <c r="BA6" s="27">
        <v>1227</v>
      </c>
      <c r="BB6" s="28">
        <v>256181</v>
      </c>
      <c r="BC6" s="27">
        <v>215069</v>
      </c>
      <c r="BD6" s="27">
        <v>836</v>
      </c>
      <c r="BE6" s="28">
        <v>215905</v>
      </c>
      <c r="BF6" s="27">
        <v>147450</v>
      </c>
      <c r="BG6" s="27">
        <v>477</v>
      </c>
      <c r="BH6" s="28">
        <v>147927</v>
      </c>
      <c r="BI6" s="27">
        <v>73231</v>
      </c>
      <c r="BJ6" s="27">
        <v>217</v>
      </c>
      <c r="BK6" s="28">
        <v>73448</v>
      </c>
      <c r="BL6" s="27">
        <v>23384</v>
      </c>
      <c r="BM6" s="27">
        <v>74</v>
      </c>
      <c r="BN6" s="28">
        <v>23458</v>
      </c>
      <c r="BO6" s="27">
        <v>3989</v>
      </c>
      <c r="BP6" s="27">
        <v>7</v>
      </c>
      <c r="BQ6" s="29">
        <v>3996</v>
      </c>
    </row>
    <row r="7" spans="1:69" ht="15" thickBot="1" x14ac:dyDescent="0.2">
      <c r="A7" s="30"/>
      <c r="B7" s="31" t="s">
        <v>32</v>
      </c>
      <c r="C7" s="84"/>
      <c r="D7" s="32">
        <v>8993192</v>
      </c>
      <c r="E7" s="33">
        <v>222018</v>
      </c>
      <c r="F7" s="34">
        <v>9215210</v>
      </c>
      <c r="G7" s="33">
        <v>317610</v>
      </c>
      <c r="H7" s="33">
        <v>8564</v>
      </c>
      <c r="I7" s="34">
        <v>326174</v>
      </c>
      <c r="J7" s="33">
        <v>363429</v>
      </c>
      <c r="K7" s="33">
        <v>8560</v>
      </c>
      <c r="L7" s="34">
        <v>371989</v>
      </c>
      <c r="M7" s="68">
        <v>385334</v>
      </c>
      <c r="N7" s="68">
        <v>6250</v>
      </c>
      <c r="O7" s="69">
        <v>391584</v>
      </c>
      <c r="P7" s="33">
        <v>399960</v>
      </c>
      <c r="Q7" s="33">
        <v>5715</v>
      </c>
      <c r="R7" s="34">
        <v>405675</v>
      </c>
      <c r="S7" s="33">
        <v>468578</v>
      </c>
      <c r="T7" s="33">
        <v>20500</v>
      </c>
      <c r="U7" s="34">
        <v>489078</v>
      </c>
      <c r="V7" s="33">
        <v>483789</v>
      </c>
      <c r="W7" s="33">
        <v>30954</v>
      </c>
      <c r="X7" s="34">
        <v>514743</v>
      </c>
      <c r="Y7" s="33">
        <v>479173</v>
      </c>
      <c r="Z7" s="33">
        <v>29576</v>
      </c>
      <c r="AA7" s="34">
        <v>508749</v>
      </c>
      <c r="AB7" s="33">
        <v>542119</v>
      </c>
      <c r="AC7" s="33">
        <v>24476</v>
      </c>
      <c r="AD7" s="34">
        <v>566595</v>
      </c>
      <c r="AE7" s="33">
        <v>613565</v>
      </c>
      <c r="AF7" s="33">
        <v>20174</v>
      </c>
      <c r="AG7" s="34">
        <v>633739</v>
      </c>
      <c r="AH7" s="33">
        <v>748208</v>
      </c>
      <c r="AI7" s="33">
        <v>16862</v>
      </c>
      <c r="AJ7" s="34">
        <v>765070</v>
      </c>
      <c r="AK7" s="33">
        <v>762861</v>
      </c>
      <c r="AL7" s="33">
        <v>16117</v>
      </c>
      <c r="AM7" s="34">
        <v>778978</v>
      </c>
      <c r="AN7" s="33">
        <v>603744</v>
      </c>
      <c r="AO7" s="33">
        <v>12619</v>
      </c>
      <c r="AP7" s="34">
        <v>616363</v>
      </c>
      <c r="AQ7" s="33">
        <v>497667</v>
      </c>
      <c r="AR7" s="33">
        <v>8042</v>
      </c>
      <c r="AS7" s="34">
        <v>505709</v>
      </c>
      <c r="AT7" s="33">
        <v>483194</v>
      </c>
      <c r="AU7" s="33">
        <v>5477</v>
      </c>
      <c r="AV7" s="34">
        <v>488671</v>
      </c>
      <c r="AW7" s="33">
        <v>622972</v>
      </c>
      <c r="AX7" s="33">
        <v>3398</v>
      </c>
      <c r="AY7" s="34">
        <v>626370</v>
      </c>
      <c r="AZ7" s="33">
        <v>465508</v>
      </c>
      <c r="BA7" s="33">
        <v>2157</v>
      </c>
      <c r="BB7" s="34">
        <v>467665</v>
      </c>
      <c r="BC7" s="33">
        <v>378259</v>
      </c>
      <c r="BD7" s="33">
        <v>1344</v>
      </c>
      <c r="BE7" s="34">
        <v>379603</v>
      </c>
      <c r="BF7" s="33">
        <v>238336</v>
      </c>
      <c r="BG7" s="33">
        <v>733</v>
      </c>
      <c r="BH7" s="34">
        <v>239069</v>
      </c>
      <c r="BI7" s="33">
        <v>104613</v>
      </c>
      <c r="BJ7" s="33">
        <v>318</v>
      </c>
      <c r="BK7" s="34">
        <v>104931</v>
      </c>
      <c r="BL7" s="33">
        <v>29699</v>
      </c>
      <c r="BM7" s="33">
        <v>106</v>
      </c>
      <c r="BN7" s="34">
        <v>29805</v>
      </c>
      <c r="BO7" s="33">
        <v>4573</v>
      </c>
      <c r="BP7" s="33">
        <v>11</v>
      </c>
      <c r="BQ7" s="35">
        <v>4584</v>
      </c>
    </row>
    <row r="8" spans="1:69" x14ac:dyDescent="0.15">
      <c r="A8" s="24"/>
      <c r="B8" s="20" t="s">
        <v>29</v>
      </c>
      <c r="C8" s="77">
        <v>141003</v>
      </c>
      <c r="D8" s="36">
        <v>1813987</v>
      </c>
      <c r="E8" s="37">
        <v>48051</v>
      </c>
      <c r="F8" s="38">
        <v>1862038</v>
      </c>
      <c r="G8" s="39">
        <v>66279</v>
      </c>
      <c r="H8" s="39">
        <v>2125</v>
      </c>
      <c r="I8" s="38">
        <v>68404</v>
      </c>
      <c r="J8" s="39">
        <v>75437</v>
      </c>
      <c r="K8" s="39">
        <v>2153</v>
      </c>
      <c r="L8" s="38">
        <v>77590</v>
      </c>
      <c r="M8" s="71">
        <v>80052</v>
      </c>
      <c r="N8" s="71">
        <v>1551</v>
      </c>
      <c r="O8" s="70">
        <v>81603</v>
      </c>
      <c r="P8" s="39">
        <v>83219</v>
      </c>
      <c r="Q8" s="39">
        <v>1328</v>
      </c>
      <c r="R8" s="38">
        <v>84547</v>
      </c>
      <c r="S8" s="39">
        <v>98184</v>
      </c>
      <c r="T8" s="39">
        <v>4502</v>
      </c>
      <c r="U8" s="38">
        <v>102686</v>
      </c>
      <c r="V8" s="39">
        <v>101583</v>
      </c>
      <c r="W8" s="39">
        <v>6987</v>
      </c>
      <c r="X8" s="38">
        <v>108570</v>
      </c>
      <c r="Y8" s="39">
        <v>100067</v>
      </c>
      <c r="Z8" s="39">
        <v>6963</v>
      </c>
      <c r="AA8" s="38">
        <v>107030</v>
      </c>
      <c r="AB8" s="39">
        <v>112735</v>
      </c>
      <c r="AC8" s="39">
        <v>5746</v>
      </c>
      <c r="AD8" s="38">
        <v>118481</v>
      </c>
      <c r="AE8" s="39">
        <v>126966</v>
      </c>
      <c r="AF8" s="39">
        <v>4251</v>
      </c>
      <c r="AG8" s="38">
        <v>131217</v>
      </c>
      <c r="AH8" s="39">
        <v>155099</v>
      </c>
      <c r="AI8" s="39">
        <v>3351</v>
      </c>
      <c r="AJ8" s="38">
        <v>158450</v>
      </c>
      <c r="AK8" s="39">
        <v>163753</v>
      </c>
      <c r="AL8" s="39">
        <v>2728</v>
      </c>
      <c r="AM8" s="38">
        <v>166481</v>
      </c>
      <c r="AN8" s="39">
        <v>132538</v>
      </c>
      <c r="AO8" s="39">
        <v>2287</v>
      </c>
      <c r="AP8" s="38">
        <v>134825</v>
      </c>
      <c r="AQ8" s="39">
        <v>105663</v>
      </c>
      <c r="AR8" s="39">
        <v>1408</v>
      </c>
      <c r="AS8" s="38">
        <v>107071</v>
      </c>
      <c r="AT8" s="39">
        <v>95911</v>
      </c>
      <c r="AU8" s="39">
        <v>1028</v>
      </c>
      <c r="AV8" s="38">
        <v>96939</v>
      </c>
      <c r="AW8" s="39">
        <v>117085</v>
      </c>
      <c r="AX8" s="39">
        <v>719</v>
      </c>
      <c r="AY8" s="38">
        <v>117804</v>
      </c>
      <c r="AZ8" s="39">
        <v>81590</v>
      </c>
      <c r="BA8" s="39">
        <v>468</v>
      </c>
      <c r="BB8" s="38">
        <v>82058</v>
      </c>
      <c r="BC8" s="39">
        <v>64274</v>
      </c>
      <c r="BD8" s="39">
        <v>244</v>
      </c>
      <c r="BE8" s="38">
        <v>64518</v>
      </c>
      <c r="BF8" s="39">
        <v>37459</v>
      </c>
      <c r="BG8" s="39">
        <v>125</v>
      </c>
      <c r="BH8" s="38">
        <v>37584</v>
      </c>
      <c r="BI8" s="39">
        <v>13198</v>
      </c>
      <c r="BJ8" s="39">
        <v>62</v>
      </c>
      <c r="BK8" s="38">
        <v>13260</v>
      </c>
      <c r="BL8" s="39">
        <v>2641</v>
      </c>
      <c r="BM8" s="39">
        <v>17</v>
      </c>
      <c r="BN8" s="38">
        <v>2658</v>
      </c>
      <c r="BO8" s="39">
        <v>253</v>
      </c>
      <c r="BP8" s="39">
        <v>3</v>
      </c>
      <c r="BQ8" s="40">
        <v>256</v>
      </c>
    </row>
    <row r="9" spans="1:69" x14ac:dyDescent="0.15">
      <c r="A9" s="24" t="s">
        <v>33</v>
      </c>
      <c r="B9" s="25" t="s">
        <v>31</v>
      </c>
      <c r="C9" s="83"/>
      <c r="D9" s="41">
        <v>1842577</v>
      </c>
      <c r="E9" s="39">
        <v>51178</v>
      </c>
      <c r="F9" s="42">
        <v>1893755</v>
      </c>
      <c r="G9" s="39">
        <v>63027</v>
      </c>
      <c r="H9" s="39">
        <v>1837</v>
      </c>
      <c r="I9" s="42">
        <v>64864</v>
      </c>
      <c r="J9" s="39">
        <v>71966</v>
      </c>
      <c r="K9" s="39">
        <v>1999</v>
      </c>
      <c r="L9" s="42">
        <v>73965</v>
      </c>
      <c r="M9" s="71">
        <v>75782</v>
      </c>
      <c r="N9" s="71">
        <v>1454</v>
      </c>
      <c r="O9" s="72">
        <v>77236</v>
      </c>
      <c r="P9" s="39">
        <v>79398</v>
      </c>
      <c r="Q9" s="39">
        <v>1179</v>
      </c>
      <c r="R9" s="42">
        <v>80577</v>
      </c>
      <c r="S9" s="39">
        <v>95865</v>
      </c>
      <c r="T9" s="39">
        <v>3618</v>
      </c>
      <c r="U9" s="42">
        <v>99483</v>
      </c>
      <c r="V9" s="39">
        <v>97058</v>
      </c>
      <c r="W9" s="39">
        <v>5866</v>
      </c>
      <c r="X9" s="42">
        <v>102924</v>
      </c>
      <c r="Y9" s="39">
        <v>94507</v>
      </c>
      <c r="Z9" s="39">
        <v>6428</v>
      </c>
      <c r="AA9" s="42">
        <v>100935</v>
      </c>
      <c r="AB9" s="39">
        <v>106777</v>
      </c>
      <c r="AC9" s="39">
        <v>5847</v>
      </c>
      <c r="AD9" s="42">
        <v>112624</v>
      </c>
      <c r="AE9" s="39">
        <v>120471</v>
      </c>
      <c r="AF9" s="39">
        <v>5111</v>
      </c>
      <c r="AG9" s="42">
        <v>125582</v>
      </c>
      <c r="AH9" s="39">
        <v>149350</v>
      </c>
      <c r="AI9" s="39">
        <v>4389</v>
      </c>
      <c r="AJ9" s="42">
        <v>153739</v>
      </c>
      <c r="AK9" s="39">
        <v>154244</v>
      </c>
      <c r="AL9" s="39">
        <v>4340</v>
      </c>
      <c r="AM9" s="42">
        <v>158584</v>
      </c>
      <c r="AN9" s="39">
        <v>120984</v>
      </c>
      <c r="AO9" s="39">
        <v>3277</v>
      </c>
      <c r="AP9" s="42">
        <v>124261</v>
      </c>
      <c r="AQ9" s="39">
        <v>99861</v>
      </c>
      <c r="AR9" s="39">
        <v>2107</v>
      </c>
      <c r="AS9" s="42">
        <v>101968</v>
      </c>
      <c r="AT9" s="39">
        <v>96951</v>
      </c>
      <c r="AU9" s="39">
        <v>1475</v>
      </c>
      <c r="AV9" s="42">
        <v>98426</v>
      </c>
      <c r="AW9" s="39">
        <v>127613</v>
      </c>
      <c r="AX9" s="39">
        <v>843</v>
      </c>
      <c r="AY9" s="42">
        <v>128456</v>
      </c>
      <c r="AZ9" s="39">
        <v>99972</v>
      </c>
      <c r="BA9" s="39">
        <v>611</v>
      </c>
      <c r="BB9" s="42">
        <v>100583</v>
      </c>
      <c r="BC9" s="39">
        <v>86538</v>
      </c>
      <c r="BD9" s="39">
        <v>393</v>
      </c>
      <c r="BE9" s="42">
        <v>86931</v>
      </c>
      <c r="BF9" s="39">
        <v>61141</v>
      </c>
      <c r="BG9" s="39">
        <v>234</v>
      </c>
      <c r="BH9" s="42">
        <v>61375</v>
      </c>
      <c r="BI9" s="39">
        <v>30008</v>
      </c>
      <c r="BJ9" s="39">
        <v>113</v>
      </c>
      <c r="BK9" s="42">
        <v>30121</v>
      </c>
      <c r="BL9" s="39">
        <v>9481</v>
      </c>
      <c r="BM9" s="39">
        <v>42</v>
      </c>
      <c r="BN9" s="42">
        <v>9523</v>
      </c>
      <c r="BO9" s="39">
        <v>1583</v>
      </c>
      <c r="BP9" s="39">
        <v>4</v>
      </c>
      <c r="BQ9" s="43">
        <v>1587</v>
      </c>
    </row>
    <row r="10" spans="1:69" ht="15" thickBot="1" x14ac:dyDescent="0.2">
      <c r="A10" s="44"/>
      <c r="B10" s="31" t="s">
        <v>32</v>
      </c>
      <c r="C10" s="84"/>
      <c r="D10" s="45">
        <v>3656564</v>
      </c>
      <c r="E10" s="46">
        <v>99229</v>
      </c>
      <c r="F10" s="47">
        <v>3755793</v>
      </c>
      <c r="G10" s="48">
        <v>129306</v>
      </c>
      <c r="H10" s="47">
        <v>3962</v>
      </c>
      <c r="I10" s="47">
        <v>133268</v>
      </c>
      <c r="J10" s="48">
        <v>147403</v>
      </c>
      <c r="K10" s="47">
        <v>4152</v>
      </c>
      <c r="L10" s="47">
        <v>151555</v>
      </c>
      <c r="M10" s="74">
        <v>155834</v>
      </c>
      <c r="N10" s="73">
        <v>3005</v>
      </c>
      <c r="O10" s="73">
        <v>158839</v>
      </c>
      <c r="P10" s="48">
        <v>162617</v>
      </c>
      <c r="Q10" s="47">
        <v>2507</v>
      </c>
      <c r="R10" s="47">
        <v>165124</v>
      </c>
      <c r="S10" s="48">
        <v>194049</v>
      </c>
      <c r="T10" s="47">
        <v>8120</v>
      </c>
      <c r="U10" s="47">
        <v>202169</v>
      </c>
      <c r="V10" s="48">
        <v>198641</v>
      </c>
      <c r="W10" s="47">
        <v>12853</v>
      </c>
      <c r="X10" s="47">
        <v>211494</v>
      </c>
      <c r="Y10" s="48">
        <v>194574</v>
      </c>
      <c r="Z10" s="47">
        <v>13391</v>
      </c>
      <c r="AA10" s="47">
        <v>207965</v>
      </c>
      <c r="AB10" s="48">
        <v>219512</v>
      </c>
      <c r="AC10" s="47">
        <v>11593</v>
      </c>
      <c r="AD10" s="47">
        <v>231105</v>
      </c>
      <c r="AE10" s="48">
        <v>247437</v>
      </c>
      <c r="AF10" s="47">
        <v>9362</v>
      </c>
      <c r="AG10" s="47">
        <v>256799</v>
      </c>
      <c r="AH10" s="48">
        <v>304449</v>
      </c>
      <c r="AI10" s="47">
        <v>7740</v>
      </c>
      <c r="AJ10" s="47">
        <v>312189</v>
      </c>
      <c r="AK10" s="48">
        <v>317997</v>
      </c>
      <c r="AL10" s="47">
        <v>7068</v>
      </c>
      <c r="AM10" s="47">
        <v>325065</v>
      </c>
      <c r="AN10" s="48">
        <v>253522</v>
      </c>
      <c r="AO10" s="47">
        <v>5564</v>
      </c>
      <c r="AP10" s="47">
        <v>259086</v>
      </c>
      <c r="AQ10" s="48">
        <v>205524</v>
      </c>
      <c r="AR10" s="47">
        <v>3515</v>
      </c>
      <c r="AS10" s="47">
        <v>209039</v>
      </c>
      <c r="AT10" s="48">
        <v>192862</v>
      </c>
      <c r="AU10" s="47">
        <v>2503</v>
      </c>
      <c r="AV10" s="47">
        <v>195365</v>
      </c>
      <c r="AW10" s="48">
        <v>244698</v>
      </c>
      <c r="AX10" s="47">
        <v>1562</v>
      </c>
      <c r="AY10" s="47">
        <v>246260</v>
      </c>
      <c r="AZ10" s="48">
        <v>181562</v>
      </c>
      <c r="BA10" s="47">
        <v>1079</v>
      </c>
      <c r="BB10" s="47">
        <v>182641</v>
      </c>
      <c r="BC10" s="48">
        <v>150812</v>
      </c>
      <c r="BD10" s="47">
        <v>637</v>
      </c>
      <c r="BE10" s="47">
        <v>151449</v>
      </c>
      <c r="BF10" s="48">
        <v>98600</v>
      </c>
      <c r="BG10" s="47">
        <v>359</v>
      </c>
      <c r="BH10" s="47">
        <v>98959</v>
      </c>
      <c r="BI10" s="48">
        <v>43206</v>
      </c>
      <c r="BJ10" s="47">
        <v>175</v>
      </c>
      <c r="BK10" s="47">
        <v>43381</v>
      </c>
      <c r="BL10" s="48">
        <v>12122</v>
      </c>
      <c r="BM10" s="47">
        <v>59</v>
      </c>
      <c r="BN10" s="47">
        <v>12181</v>
      </c>
      <c r="BO10" s="48">
        <v>1836</v>
      </c>
      <c r="BP10" s="47">
        <v>7</v>
      </c>
      <c r="BQ10" s="49">
        <v>1843</v>
      </c>
    </row>
    <row r="11" spans="1:69" x14ac:dyDescent="0.15">
      <c r="A11" s="50"/>
      <c r="B11" s="20" t="s">
        <v>29</v>
      </c>
      <c r="C11" s="77">
        <v>141011</v>
      </c>
      <c r="D11" s="36">
        <v>144992</v>
      </c>
      <c r="E11" s="37">
        <v>6614</v>
      </c>
      <c r="F11" s="38">
        <v>151606</v>
      </c>
      <c r="G11" s="51">
        <v>5455</v>
      </c>
      <c r="H11" s="51">
        <v>346</v>
      </c>
      <c r="I11" s="38">
        <v>5801</v>
      </c>
      <c r="J11" s="51">
        <v>6243</v>
      </c>
      <c r="K11" s="51">
        <v>299</v>
      </c>
      <c r="L11" s="38">
        <v>6542</v>
      </c>
      <c r="M11" s="75">
        <v>6256</v>
      </c>
      <c r="N11" s="75">
        <v>220</v>
      </c>
      <c r="O11" s="70">
        <v>6476</v>
      </c>
      <c r="P11" s="51">
        <v>6031</v>
      </c>
      <c r="Q11" s="51">
        <v>181</v>
      </c>
      <c r="R11" s="38">
        <v>6212</v>
      </c>
      <c r="S11" s="51">
        <v>7828</v>
      </c>
      <c r="T11" s="51">
        <v>550</v>
      </c>
      <c r="U11" s="38">
        <v>8378</v>
      </c>
      <c r="V11" s="51">
        <v>9570</v>
      </c>
      <c r="W11" s="51">
        <v>994</v>
      </c>
      <c r="X11" s="38">
        <v>10564</v>
      </c>
      <c r="Y11" s="51">
        <v>9180</v>
      </c>
      <c r="Z11" s="51">
        <v>1063</v>
      </c>
      <c r="AA11" s="38">
        <v>10243</v>
      </c>
      <c r="AB11" s="51">
        <v>10304</v>
      </c>
      <c r="AC11" s="51">
        <v>778</v>
      </c>
      <c r="AD11" s="38">
        <v>11082</v>
      </c>
      <c r="AE11" s="51">
        <v>11128</v>
      </c>
      <c r="AF11" s="51">
        <v>562</v>
      </c>
      <c r="AG11" s="38">
        <v>11690</v>
      </c>
      <c r="AH11" s="51">
        <v>13419</v>
      </c>
      <c r="AI11" s="51">
        <v>463</v>
      </c>
      <c r="AJ11" s="38">
        <v>13882</v>
      </c>
      <c r="AK11" s="51">
        <v>12914</v>
      </c>
      <c r="AL11" s="51">
        <v>385</v>
      </c>
      <c r="AM11" s="38">
        <v>13299</v>
      </c>
      <c r="AN11" s="51">
        <v>10032</v>
      </c>
      <c r="AO11" s="51">
        <v>308</v>
      </c>
      <c r="AP11" s="38">
        <v>10340</v>
      </c>
      <c r="AQ11" s="51">
        <v>7952</v>
      </c>
      <c r="AR11" s="51">
        <v>180</v>
      </c>
      <c r="AS11" s="38">
        <v>8132</v>
      </c>
      <c r="AT11" s="51">
        <v>7491</v>
      </c>
      <c r="AU11" s="51">
        <v>117</v>
      </c>
      <c r="AV11" s="38">
        <v>7608</v>
      </c>
      <c r="AW11" s="51">
        <v>8653</v>
      </c>
      <c r="AX11" s="51">
        <v>74</v>
      </c>
      <c r="AY11" s="38">
        <v>8727</v>
      </c>
      <c r="AZ11" s="51">
        <v>5589</v>
      </c>
      <c r="BA11" s="51">
        <v>51</v>
      </c>
      <c r="BB11" s="38">
        <v>5640</v>
      </c>
      <c r="BC11" s="51">
        <v>3885</v>
      </c>
      <c r="BD11" s="51">
        <v>24</v>
      </c>
      <c r="BE11" s="38">
        <v>3909</v>
      </c>
      <c r="BF11" s="51">
        <v>2089</v>
      </c>
      <c r="BG11" s="51">
        <v>12</v>
      </c>
      <c r="BH11" s="38">
        <v>2101</v>
      </c>
      <c r="BI11" s="51">
        <v>765</v>
      </c>
      <c r="BJ11" s="51">
        <v>4</v>
      </c>
      <c r="BK11" s="38">
        <v>769</v>
      </c>
      <c r="BL11" s="51">
        <v>178</v>
      </c>
      <c r="BM11" s="51">
        <v>3</v>
      </c>
      <c r="BN11" s="38">
        <v>181</v>
      </c>
      <c r="BO11" s="51">
        <v>30</v>
      </c>
      <c r="BP11" s="51">
        <v>0</v>
      </c>
      <c r="BQ11" s="40">
        <v>30</v>
      </c>
    </row>
    <row r="12" spans="1:69" x14ac:dyDescent="0.15">
      <c r="A12" s="52" t="s">
        <v>34</v>
      </c>
      <c r="B12" s="25" t="s">
        <v>31</v>
      </c>
      <c r="C12" s="78"/>
      <c r="D12" s="41">
        <v>135641</v>
      </c>
      <c r="E12" s="39">
        <v>6781</v>
      </c>
      <c r="F12" s="42">
        <v>142422</v>
      </c>
      <c r="G12" s="51">
        <v>5085</v>
      </c>
      <c r="H12" s="51">
        <v>291</v>
      </c>
      <c r="I12" s="42">
        <v>5376</v>
      </c>
      <c r="J12" s="51">
        <v>6009</v>
      </c>
      <c r="K12" s="51">
        <v>284</v>
      </c>
      <c r="L12" s="42">
        <v>6293</v>
      </c>
      <c r="M12" s="75">
        <v>5890</v>
      </c>
      <c r="N12" s="75">
        <v>208</v>
      </c>
      <c r="O12" s="72">
        <v>6098</v>
      </c>
      <c r="P12" s="51">
        <v>5746</v>
      </c>
      <c r="Q12" s="51">
        <v>170</v>
      </c>
      <c r="R12" s="42">
        <v>5916</v>
      </c>
      <c r="S12" s="51">
        <v>7334</v>
      </c>
      <c r="T12" s="51">
        <v>443</v>
      </c>
      <c r="U12" s="42">
        <v>7777</v>
      </c>
      <c r="V12" s="51">
        <v>8101</v>
      </c>
      <c r="W12" s="51">
        <v>799</v>
      </c>
      <c r="X12" s="42">
        <v>8900</v>
      </c>
      <c r="Y12" s="51">
        <v>7714</v>
      </c>
      <c r="Z12" s="51">
        <v>941</v>
      </c>
      <c r="AA12" s="42">
        <v>8655</v>
      </c>
      <c r="AB12" s="51">
        <v>8959</v>
      </c>
      <c r="AC12" s="51">
        <v>804</v>
      </c>
      <c r="AD12" s="42">
        <v>9763</v>
      </c>
      <c r="AE12" s="51">
        <v>9471</v>
      </c>
      <c r="AF12" s="51">
        <v>631</v>
      </c>
      <c r="AG12" s="42">
        <v>10102</v>
      </c>
      <c r="AH12" s="51">
        <v>11436</v>
      </c>
      <c r="AI12" s="51">
        <v>557</v>
      </c>
      <c r="AJ12" s="42">
        <v>11993</v>
      </c>
      <c r="AK12" s="51">
        <v>10682</v>
      </c>
      <c r="AL12" s="51">
        <v>550</v>
      </c>
      <c r="AM12" s="42">
        <v>11232</v>
      </c>
      <c r="AN12" s="51">
        <v>8119</v>
      </c>
      <c r="AO12" s="51">
        <v>416</v>
      </c>
      <c r="AP12" s="42">
        <v>8535</v>
      </c>
      <c r="AQ12" s="51">
        <v>7037</v>
      </c>
      <c r="AR12" s="51">
        <v>270</v>
      </c>
      <c r="AS12" s="42">
        <v>7307</v>
      </c>
      <c r="AT12" s="51">
        <v>6938</v>
      </c>
      <c r="AU12" s="51">
        <v>173</v>
      </c>
      <c r="AV12" s="42">
        <v>7111</v>
      </c>
      <c r="AW12" s="51">
        <v>8640</v>
      </c>
      <c r="AX12" s="51">
        <v>93</v>
      </c>
      <c r="AY12" s="42">
        <v>8733</v>
      </c>
      <c r="AZ12" s="51">
        <v>6413</v>
      </c>
      <c r="BA12" s="51">
        <v>69</v>
      </c>
      <c r="BB12" s="42">
        <v>6482</v>
      </c>
      <c r="BC12" s="51">
        <v>5399</v>
      </c>
      <c r="BD12" s="51">
        <v>40</v>
      </c>
      <c r="BE12" s="42">
        <v>5439</v>
      </c>
      <c r="BF12" s="51">
        <v>3989</v>
      </c>
      <c r="BG12" s="51">
        <v>25</v>
      </c>
      <c r="BH12" s="42">
        <v>4014</v>
      </c>
      <c r="BI12" s="51">
        <v>1946</v>
      </c>
      <c r="BJ12" s="51">
        <v>12</v>
      </c>
      <c r="BK12" s="42">
        <v>1958</v>
      </c>
      <c r="BL12" s="51">
        <v>615</v>
      </c>
      <c r="BM12" s="51">
        <v>5</v>
      </c>
      <c r="BN12" s="42">
        <v>620</v>
      </c>
      <c r="BO12" s="51">
        <v>118</v>
      </c>
      <c r="BP12" s="51">
        <v>0</v>
      </c>
      <c r="BQ12" s="43">
        <v>118</v>
      </c>
    </row>
    <row r="13" spans="1:69" ht="15" thickBot="1" x14ac:dyDescent="0.2">
      <c r="A13" s="53"/>
      <c r="B13" s="31" t="s">
        <v>32</v>
      </c>
      <c r="C13" s="79"/>
      <c r="D13" s="45">
        <v>280633</v>
      </c>
      <c r="E13" s="46">
        <v>13395</v>
      </c>
      <c r="F13" s="47">
        <v>294028</v>
      </c>
      <c r="G13" s="48">
        <v>10540</v>
      </c>
      <c r="H13" s="47">
        <v>637</v>
      </c>
      <c r="I13" s="47">
        <v>11177</v>
      </c>
      <c r="J13" s="48">
        <v>12252</v>
      </c>
      <c r="K13" s="47">
        <v>583</v>
      </c>
      <c r="L13" s="47">
        <v>12835</v>
      </c>
      <c r="M13" s="74">
        <v>12146</v>
      </c>
      <c r="N13" s="73">
        <v>428</v>
      </c>
      <c r="O13" s="73">
        <v>12574</v>
      </c>
      <c r="P13" s="48">
        <v>11777</v>
      </c>
      <c r="Q13" s="47">
        <v>351</v>
      </c>
      <c r="R13" s="47">
        <v>12128</v>
      </c>
      <c r="S13" s="48">
        <v>15162</v>
      </c>
      <c r="T13" s="47">
        <v>993</v>
      </c>
      <c r="U13" s="47">
        <v>16155</v>
      </c>
      <c r="V13" s="48">
        <v>17671</v>
      </c>
      <c r="W13" s="47">
        <v>1793</v>
      </c>
      <c r="X13" s="47">
        <v>19464</v>
      </c>
      <c r="Y13" s="48">
        <v>16894</v>
      </c>
      <c r="Z13" s="47">
        <v>2004</v>
      </c>
      <c r="AA13" s="47">
        <v>18898</v>
      </c>
      <c r="AB13" s="48">
        <v>19263</v>
      </c>
      <c r="AC13" s="47">
        <v>1582</v>
      </c>
      <c r="AD13" s="47">
        <v>20845</v>
      </c>
      <c r="AE13" s="48">
        <v>20599</v>
      </c>
      <c r="AF13" s="47">
        <v>1193</v>
      </c>
      <c r="AG13" s="47">
        <v>21792</v>
      </c>
      <c r="AH13" s="48">
        <v>24855</v>
      </c>
      <c r="AI13" s="47">
        <v>1020</v>
      </c>
      <c r="AJ13" s="47">
        <v>25875</v>
      </c>
      <c r="AK13" s="48">
        <v>23596</v>
      </c>
      <c r="AL13" s="47">
        <v>935</v>
      </c>
      <c r="AM13" s="47">
        <v>24531</v>
      </c>
      <c r="AN13" s="48">
        <v>18151</v>
      </c>
      <c r="AO13" s="47">
        <v>724</v>
      </c>
      <c r="AP13" s="47">
        <v>18875</v>
      </c>
      <c r="AQ13" s="48">
        <v>14989</v>
      </c>
      <c r="AR13" s="47">
        <v>450</v>
      </c>
      <c r="AS13" s="47">
        <v>15439</v>
      </c>
      <c r="AT13" s="48">
        <v>14429</v>
      </c>
      <c r="AU13" s="47">
        <v>290</v>
      </c>
      <c r="AV13" s="47">
        <v>14719</v>
      </c>
      <c r="AW13" s="48">
        <v>17293</v>
      </c>
      <c r="AX13" s="47">
        <v>167</v>
      </c>
      <c r="AY13" s="47">
        <v>17460</v>
      </c>
      <c r="AZ13" s="48">
        <v>12002</v>
      </c>
      <c r="BA13" s="47">
        <v>120</v>
      </c>
      <c r="BB13" s="47">
        <v>12122</v>
      </c>
      <c r="BC13" s="48">
        <v>9284</v>
      </c>
      <c r="BD13" s="47">
        <v>64</v>
      </c>
      <c r="BE13" s="47">
        <v>9348</v>
      </c>
      <c r="BF13" s="48">
        <v>6078</v>
      </c>
      <c r="BG13" s="47">
        <v>37</v>
      </c>
      <c r="BH13" s="47">
        <v>6115</v>
      </c>
      <c r="BI13" s="48">
        <v>2711</v>
      </c>
      <c r="BJ13" s="47">
        <v>16</v>
      </c>
      <c r="BK13" s="47">
        <v>2727</v>
      </c>
      <c r="BL13" s="48">
        <v>793</v>
      </c>
      <c r="BM13" s="47">
        <v>8</v>
      </c>
      <c r="BN13" s="47">
        <v>801</v>
      </c>
      <c r="BO13" s="48">
        <v>148</v>
      </c>
      <c r="BP13" s="47">
        <v>0</v>
      </c>
      <c r="BQ13" s="49">
        <v>148</v>
      </c>
    </row>
    <row r="14" spans="1:69" x14ac:dyDescent="0.15">
      <c r="A14" s="52"/>
      <c r="B14" s="20" t="s">
        <v>29</v>
      </c>
      <c r="C14" s="77">
        <v>141020</v>
      </c>
      <c r="D14" s="36">
        <v>118369</v>
      </c>
      <c r="E14" s="37">
        <v>3541</v>
      </c>
      <c r="F14" s="38">
        <v>121910</v>
      </c>
      <c r="G14" s="51">
        <v>4402</v>
      </c>
      <c r="H14" s="51">
        <v>133</v>
      </c>
      <c r="I14" s="38">
        <v>4535</v>
      </c>
      <c r="J14" s="51">
        <v>4612</v>
      </c>
      <c r="K14" s="51">
        <v>124</v>
      </c>
      <c r="L14" s="38">
        <v>4736</v>
      </c>
      <c r="M14" s="75">
        <v>4565</v>
      </c>
      <c r="N14" s="75">
        <v>94</v>
      </c>
      <c r="O14" s="70">
        <v>4659</v>
      </c>
      <c r="P14" s="51">
        <v>4715</v>
      </c>
      <c r="Q14" s="51">
        <v>83</v>
      </c>
      <c r="R14" s="38">
        <v>4798</v>
      </c>
      <c r="S14" s="51">
        <v>6915</v>
      </c>
      <c r="T14" s="51">
        <v>412</v>
      </c>
      <c r="U14" s="38">
        <v>7327</v>
      </c>
      <c r="V14" s="51">
        <v>8981</v>
      </c>
      <c r="W14" s="51">
        <v>648</v>
      </c>
      <c r="X14" s="38">
        <v>9629</v>
      </c>
      <c r="Y14" s="51">
        <v>8024</v>
      </c>
      <c r="Z14" s="51">
        <v>597</v>
      </c>
      <c r="AA14" s="38">
        <v>8621</v>
      </c>
      <c r="AB14" s="51">
        <v>8487</v>
      </c>
      <c r="AC14" s="51">
        <v>406</v>
      </c>
      <c r="AD14" s="38">
        <v>8893</v>
      </c>
      <c r="AE14" s="51">
        <v>8861</v>
      </c>
      <c r="AF14" s="51">
        <v>291</v>
      </c>
      <c r="AG14" s="38">
        <v>9152</v>
      </c>
      <c r="AH14" s="51">
        <v>10218</v>
      </c>
      <c r="AI14" s="51">
        <v>218</v>
      </c>
      <c r="AJ14" s="38">
        <v>10436</v>
      </c>
      <c r="AK14" s="51">
        <v>10509</v>
      </c>
      <c r="AL14" s="51">
        <v>163</v>
      </c>
      <c r="AM14" s="38">
        <v>10672</v>
      </c>
      <c r="AN14" s="51">
        <v>8268</v>
      </c>
      <c r="AO14" s="51">
        <v>135</v>
      </c>
      <c r="AP14" s="38">
        <v>8403</v>
      </c>
      <c r="AQ14" s="51">
        <v>6417</v>
      </c>
      <c r="AR14" s="51">
        <v>74</v>
      </c>
      <c r="AS14" s="38">
        <v>6491</v>
      </c>
      <c r="AT14" s="51">
        <v>5867</v>
      </c>
      <c r="AU14" s="51">
        <v>58</v>
      </c>
      <c r="AV14" s="38">
        <v>5925</v>
      </c>
      <c r="AW14" s="51">
        <v>6926</v>
      </c>
      <c r="AX14" s="51">
        <v>42</v>
      </c>
      <c r="AY14" s="38">
        <v>6968</v>
      </c>
      <c r="AZ14" s="51">
        <v>4436</v>
      </c>
      <c r="BA14" s="51">
        <v>36</v>
      </c>
      <c r="BB14" s="38">
        <v>4472</v>
      </c>
      <c r="BC14" s="51">
        <v>3347</v>
      </c>
      <c r="BD14" s="51">
        <v>12</v>
      </c>
      <c r="BE14" s="38">
        <v>3359</v>
      </c>
      <c r="BF14" s="51">
        <v>1847</v>
      </c>
      <c r="BG14" s="51">
        <v>10</v>
      </c>
      <c r="BH14" s="38">
        <v>1857</v>
      </c>
      <c r="BI14" s="51">
        <v>780</v>
      </c>
      <c r="BJ14" s="51">
        <v>4</v>
      </c>
      <c r="BK14" s="38">
        <v>784</v>
      </c>
      <c r="BL14" s="51">
        <v>173</v>
      </c>
      <c r="BM14" s="51">
        <v>0</v>
      </c>
      <c r="BN14" s="38">
        <v>173</v>
      </c>
      <c r="BO14" s="51">
        <v>19</v>
      </c>
      <c r="BP14" s="51">
        <v>1</v>
      </c>
      <c r="BQ14" s="40">
        <v>20</v>
      </c>
    </row>
    <row r="15" spans="1:69" x14ac:dyDescent="0.15">
      <c r="A15" s="52" t="s">
        <v>35</v>
      </c>
      <c r="B15" s="25" t="s">
        <v>31</v>
      </c>
      <c r="C15" s="78"/>
      <c r="D15" s="41">
        <v>115982</v>
      </c>
      <c r="E15" s="39">
        <v>3584</v>
      </c>
      <c r="F15" s="42">
        <v>119566</v>
      </c>
      <c r="G15" s="51">
        <v>4148</v>
      </c>
      <c r="H15" s="51">
        <v>125</v>
      </c>
      <c r="I15" s="42">
        <v>4273</v>
      </c>
      <c r="J15" s="51">
        <v>4422</v>
      </c>
      <c r="K15" s="51">
        <v>125</v>
      </c>
      <c r="L15" s="42">
        <v>4547</v>
      </c>
      <c r="M15" s="75">
        <v>4442</v>
      </c>
      <c r="N15" s="75">
        <v>73</v>
      </c>
      <c r="O15" s="72">
        <v>4515</v>
      </c>
      <c r="P15" s="51">
        <v>4382</v>
      </c>
      <c r="Q15" s="51">
        <v>68</v>
      </c>
      <c r="R15" s="42">
        <v>4450</v>
      </c>
      <c r="S15" s="51">
        <v>6528</v>
      </c>
      <c r="T15" s="51">
        <v>341</v>
      </c>
      <c r="U15" s="42">
        <v>6869</v>
      </c>
      <c r="V15" s="51">
        <v>7651</v>
      </c>
      <c r="W15" s="51">
        <v>581</v>
      </c>
      <c r="X15" s="42">
        <v>8232</v>
      </c>
      <c r="Y15" s="51">
        <v>7166</v>
      </c>
      <c r="Z15" s="51">
        <v>555</v>
      </c>
      <c r="AA15" s="42">
        <v>7721</v>
      </c>
      <c r="AB15" s="51">
        <v>7765</v>
      </c>
      <c r="AC15" s="51">
        <v>401</v>
      </c>
      <c r="AD15" s="42">
        <v>8166</v>
      </c>
      <c r="AE15" s="51">
        <v>8109</v>
      </c>
      <c r="AF15" s="51">
        <v>296</v>
      </c>
      <c r="AG15" s="42">
        <v>8405</v>
      </c>
      <c r="AH15" s="51">
        <v>9673</v>
      </c>
      <c r="AI15" s="51">
        <v>234</v>
      </c>
      <c r="AJ15" s="42">
        <v>9907</v>
      </c>
      <c r="AK15" s="51">
        <v>9239</v>
      </c>
      <c r="AL15" s="51">
        <v>237</v>
      </c>
      <c r="AM15" s="42">
        <v>9476</v>
      </c>
      <c r="AN15" s="51">
        <v>7071</v>
      </c>
      <c r="AO15" s="51">
        <v>187</v>
      </c>
      <c r="AP15" s="42">
        <v>7258</v>
      </c>
      <c r="AQ15" s="51">
        <v>5873</v>
      </c>
      <c r="AR15" s="51">
        <v>133</v>
      </c>
      <c r="AS15" s="42">
        <v>6006</v>
      </c>
      <c r="AT15" s="51">
        <v>5658</v>
      </c>
      <c r="AU15" s="51">
        <v>72</v>
      </c>
      <c r="AV15" s="42">
        <v>5730</v>
      </c>
      <c r="AW15" s="51">
        <v>7332</v>
      </c>
      <c r="AX15" s="51">
        <v>57</v>
      </c>
      <c r="AY15" s="42">
        <v>7389</v>
      </c>
      <c r="AZ15" s="51">
        <v>5430</v>
      </c>
      <c r="BA15" s="51">
        <v>40</v>
      </c>
      <c r="BB15" s="42">
        <v>5470</v>
      </c>
      <c r="BC15" s="51">
        <v>4803</v>
      </c>
      <c r="BD15" s="51">
        <v>26</v>
      </c>
      <c r="BE15" s="42">
        <v>4829</v>
      </c>
      <c r="BF15" s="51">
        <v>3652</v>
      </c>
      <c r="BG15" s="51">
        <v>16</v>
      </c>
      <c r="BH15" s="42">
        <v>3668</v>
      </c>
      <c r="BI15" s="51">
        <v>1901</v>
      </c>
      <c r="BJ15" s="51">
        <v>14</v>
      </c>
      <c r="BK15" s="42">
        <v>1915</v>
      </c>
      <c r="BL15" s="51">
        <v>619</v>
      </c>
      <c r="BM15" s="51">
        <v>1</v>
      </c>
      <c r="BN15" s="42">
        <v>620</v>
      </c>
      <c r="BO15" s="51">
        <v>118</v>
      </c>
      <c r="BP15" s="51">
        <v>0</v>
      </c>
      <c r="BQ15" s="43">
        <v>118</v>
      </c>
    </row>
    <row r="16" spans="1:69" ht="15" thickBot="1" x14ac:dyDescent="0.2">
      <c r="A16" s="53"/>
      <c r="B16" s="31" t="s">
        <v>32</v>
      </c>
      <c r="C16" s="79"/>
      <c r="D16" s="45">
        <v>234351</v>
      </c>
      <c r="E16" s="46">
        <v>7125</v>
      </c>
      <c r="F16" s="47">
        <v>241476</v>
      </c>
      <c r="G16" s="48">
        <v>8550</v>
      </c>
      <c r="H16" s="47">
        <v>258</v>
      </c>
      <c r="I16" s="47">
        <v>8808</v>
      </c>
      <c r="J16" s="48">
        <v>9034</v>
      </c>
      <c r="K16" s="47">
        <v>249</v>
      </c>
      <c r="L16" s="47">
        <v>9283</v>
      </c>
      <c r="M16" s="74">
        <v>9007</v>
      </c>
      <c r="N16" s="73">
        <v>167</v>
      </c>
      <c r="O16" s="73">
        <v>9174</v>
      </c>
      <c r="P16" s="48">
        <v>9097</v>
      </c>
      <c r="Q16" s="47">
        <v>151</v>
      </c>
      <c r="R16" s="47">
        <v>9248</v>
      </c>
      <c r="S16" s="48">
        <v>13443</v>
      </c>
      <c r="T16" s="47">
        <v>753</v>
      </c>
      <c r="U16" s="47">
        <v>14196</v>
      </c>
      <c r="V16" s="48">
        <v>16632</v>
      </c>
      <c r="W16" s="47">
        <v>1229</v>
      </c>
      <c r="X16" s="47">
        <v>17861</v>
      </c>
      <c r="Y16" s="48">
        <v>15190</v>
      </c>
      <c r="Z16" s="47">
        <v>1152</v>
      </c>
      <c r="AA16" s="47">
        <v>16342</v>
      </c>
      <c r="AB16" s="48">
        <v>16252</v>
      </c>
      <c r="AC16" s="47">
        <v>807</v>
      </c>
      <c r="AD16" s="47">
        <v>17059</v>
      </c>
      <c r="AE16" s="48">
        <v>16970</v>
      </c>
      <c r="AF16" s="47">
        <v>587</v>
      </c>
      <c r="AG16" s="47">
        <v>17557</v>
      </c>
      <c r="AH16" s="48">
        <v>19891</v>
      </c>
      <c r="AI16" s="47">
        <v>452</v>
      </c>
      <c r="AJ16" s="47">
        <v>20343</v>
      </c>
      <c r="AK16" s="48">
        <v>19748</v>
      </c>
      <c r="AL16" s="47">
        <v>400</v>
      </c>
      <c r="AM16" s="47">
        <v>20148</v>
      </c>
      <c r="AN16" s="48">
        <v>15339</v>
      </c>
      <c r="AO16" s="47">
        <v>322</v>
      </c>
      <c r="AP16" s="47">
        <v>15661</v>
      </c>
      <c r="AQ16" s="48">
        <v>12290</v>
      </c>
      <c r="AR16" s="47">
        <v>207</v>
      </c>
      <c r="AS16" s="47">
        <v>12497</v>
      </c>
      <c r="AT16" s="48">
        <v>11525</v>
      </c>
      <c r="AU16" s="47">
        <v>130</v>
      </c>
      <c r="AV16" s="47">
        <v>11655</v>
      </c>
      <c r="AW16" s="48">
        <v>14258</v>
      </c>
      <c r="AX16" s="47">
        <v>99</v>
      </c>
      <c r="AY16" s="47">
        <v>14357</v>
      </c>
      <c r="AZ16" s="48">
        <v>9866</v>
      </c>
      <c r="BA16" s="47">
        <v>76</v>
      </c>
      <c r="BB16" s="47">
        <v>9942</v>
      </c>
      <c r="BC16" s="48">
        <v>8150</v>
      </c>
      <c r="BD16" s="47">
        <v>38</v>
      </c>
      <c r="BE16" s="47">
        <v>8188</v>
      </c>
      <c r="BF16" s="48">
        <v>5499</v>
      </c>
      <c r="BG16" s="47">
        <v>26</v>
      </c>
      <c r="BH16" s="47">
        <v>5525</v>
      </c>
      <c r="BI16" s="48">
        <v>2681</v>
      </c>
      <c r="BJ16" s="47">
        <v>18</v>
      </c>
      <c r="BK16" s="47">
        <v>2699</v>
      </c>
      <c r="BL16" s="48">
        <v>792</v>
      </c>
      <c r="BM16" s="47">
        <v>1</v>
      </c>
      <c r="BN16" s="47">
        <v>793</v>
      </c>
      <c r="BO16" s="48">
        <v>137</v>
      </c>
      <c r="BP16" s="47">
        <v>1</v>
      </c>
      <c r="BQ16" s="49">
        <v>138</v>
      </c>
    </row>
    <row r="17" spans="1:69" x14ac:dyDescent="0.15">
      <c r="A17" s="52"/>
      <c r="B17" s="20" t="s">
        <v>29</v>
      </c>
      <c r="C17" s="77">
        <v>141038</v>
      </c>
      <c r="D17" s="36">
        <v>49438</v>
      </c>
      <c r="E17" s="37">
        <v>2217</v>
      </c>
      <c r="F17" s="38">
        <v>51655</v>
      </c>
      <c r="G17" s="51">
        <v>1879</v>
      </c>
      <c r="H17" s="51">
        <v>85</v>
      </c>
      <c r="I17" s="38">
        <v>1964</v>
      </c>
      <c r="J17" s="51">
        <v>1927</v>
      </c>
      <c r="K17" s="51">
        <v>68</v>
      </c>
      <c r="L17" s="38">
        <v>1995</v>
      </c>
      <c r="M17" s="75">
        <v>1809</v>
      </c>
      <c r="N17" s="75">
        <v>61</v>
      </c>
      <c r="O17" s="70">
        <v>1870</v>
      </c>
      <c r="P17" s="51">
        <v>1704</v>
      </c>
      <c r="Q17" s="51">
        <v>57</v>
      </c>
      <c r="R17" s="38">
        <v>1761</v>
      </c>
      <c r="S17" s="51">
        <v>2459</v>
      </c>
      <c r="T17" s="51">
        <v>289</v>
      </c>
      <c r="U17" s="38">
        <v>2748</v>
      </c>
      <c r="V17" s="51">
        <v>3684</v>
      </c>
      <c r="W17" s="51">
        <v>388</v>
      </c>
      <c r="X17" s="38">
        <v>4072</v>
      </c>
      <c r="Y17" s="51">
        <v>3659</v>
      </c>
      <c r="Z17" s="51">
        <v>317</v>
      </c>
      <c r="AA17" s="38">
        <v>3976</v>
      </c>
      <c r="AB17" s="51">
        <v>3985</v>
      </c>
      <c r="AC17" s="51">
        <v>282</v>
      </c>
      <c r="AD17" s="38">
        <v>4267</v>
      </c>
      <c r="AE17" s="51">
        <v>4103</v>
      </c>
      <c r="AF17" s="51">
        <v>208</v>
      </c>
      <c r="AG17" s="38">
        <v>4311</v>
      </c>
      <c r="AH17" s="51">
        <v>4692</v>
      </c>
      <c r="AI17" s="51">
        <v>144</v>
      </c>
      <c r="AJ17" s="38">
        <v>4836</v>
      </c>
      <c r="AK17" s="51">
        <v>4601</v>
      </c>
      <c r="AL17" s="51">
        <v>110</v>
      </c>
      <c r="AM17" s="38">
        <v>4711</v>
      </c>
      <c r="AN17" s="51">
        <v>3473</v>
      </c>
      <c r="AO17" s="51">
        <v>79</v>
      </c>
      <c r="AP17" s="38">
        <v>3552</v>
      </c>
      <c r="AQ17" s="51">
        <v>2624</v>
      </c>
      <c r="AR17" s="51">
        <v>47</v>
      </c>
      <c r="AS17" s="38">
        <v>2671</v>
      </c>
      <c r="AT17" s="51">
        <v>2289</v>
      </c>
      <c r="AU17" s="51">
        <v>39</v>
      </c>
      <c r="AV17" s="38">
        <v>2328</v>
      </c>
      <c r="AW17" s="51">
        <v>2617</v>
      </c>
      <c r="AX17" s="51">
        <v>23</v>
      </c>
      <c r="AY17" s="38">
        <v>2640</v>
      </c>
      <c r="AZ17" s="51">
        <v>1636</v>
      </c>
      <c r="BA17" s="51">
        <v>10</v>
      </c>
      <c r="BB17" s="38">
        <v>1646</v>
      </c>
      <c r="BC17" s="51">
        <v>1162</v>
      </c>
      <c r="BD17" s="51">
        <v>7</v>
      </c>
      <c r="BE17" s="38">
        <v>1169</v>
      </c>
      <c r="BF17" s="51">
        <v>754</v>
      </c>
      <c r="BG17" s="51">
        <v>2</v>
      </c>
      <c r="BH17" s="38">
        <v>756</v>
      </c>
      <c r="BI17" s="51">
        <v>314</v>
      </c>
      <c r="BJ17" s="51">
        <v>1</v>
      </c>
      <c r="BK17" s="38">
        <v>315</v>
      </c>
      <c r="BL17" s="51">
        <v>65</v>
      </c>
      <c r="BM17" s="51">
        <v>0</v>
      </c>
      <c r="BN17" s="38">
        <v>65</v>
      </c>
      <c r="BO17" s="51">
        <v>2</v>
      </c>
      <c r="BP17" s="51">
        <v>0</v>
      </c>
      <c r="BQ17" s="40">
        <v>2</v>
      </c>
    </row>
    <row r="18" spans="1:69" x14ac:dyDescent="0.15">
      <c r="A18" s="52" t="s">
        <v>36</v>
      </c>
      <c r="B18" s="25" t="s">
        <v>31</v>
      </c>
      <c r="C18" s="78"/>
      <c r="D18" s="41">
        <v>49400</v>
      </c>
      <c r="E18" s="39">
        <v>2224</v>
      </c>
      <c r="F18" s="42">
        <v>51624</v>
      </c>
      <c r="G18" s="51">
        <v>1798</v>
      </c>
      <c r="H18" s="51">
        <v>76</v>
      </c>
      <c r="I18" s="42">
        <v>1874</v>
      </c>
      <c r="J18" s="51">
        <v>1876</v>
      </c>
      <c r="K18" s="51">
        <v>78</v>
      </c>
      <c r="L18" s="42">
        <v>1954</v>
      </c>
      <c r="M18" s="75">
        <v>1744</v>
      </c>
      <c r="N18" s="75">
        <v>48</v>
      </c>
      <c r="O18" s="72">
        <v>1792</v>
      </c>
      <c r="P18" s="51">
        <v>1629</v>
      </c>
      <c r="Q18" s="51">
        <v>36</v>
      </c>
      <c r="R18" s="42">
        <v>1665</v>
      </c>
      <c r="S18" s="51">
        <v>2487</v>
      </c>
      <c r="T18" s="51">
        <v>275</v>
      </c>
      <c r="U18" s="42">
        <v>2762</v>
      </c>
      <c r="V18" s="51">
        <v>3359</v>
      </c>
      <c r="W18" s="51">
        <v>350</v>
      </c>
      <c r="X18" s="42">
        <v>3709</v>
      </c>
      <c r="Y18" s="51">
        <v>3371</v>
      </c>
      <c r="Z18" s="51">
        <v>305</v>
      </c>
      <c r="AA18" s="42">
        <v>3676</v>
      </c>
      <c r="AB18" s="51">
        <v>3595</v>
      </c>
      <c r="AC18" s="51">
        <v>256</v>
      </c>
      <c r="AD18" s="42">
        <v>3851</v>
      </c>
      <c r="AE18" s="51">
        <v>3806</v>
      </c>
      <c r="AF18" s="51">
        <v>203</v>
      </c>
      <c r="AG18" s="42">
        <v>4009</v>
      </c>
      <c r="AH18" s="51">
        <v>4481</v>
      </c>
      <c r="AI18" s="51">
        <v>155</v>
      </c>
      <c r="AJ18" s="42">
        <v>4636</v>
      </c>
      <c r="AK18" s="51">
        <v>4236</v>
      </c>
      <c r="AL18" s="51">
        <v>139</v>
      </c>
      <c r="AM18" s="42">
        <v>4375</v>
      </c>
      <c r="AN18" s="51">
        <v>3118</v>
      </c>
      <c r="AO18" s="51">
        <v>110</v>
      </c>
      <c r="AP18" s="42">
        <v>3228</v>
      </c>
      <c r="AQ18" s="51">
        <v>2524</v>
      </c>
      <c r="AR18" s="51">
        <v>72</v>
      </c>
      <c r="AS18" s="42">
        <v>2596</v>
      </c>
      <c r="AT18" s="51">
        <v>2183</v>
      </c>
      <c r="AU18" s="51">
        <v>53</v>
      </c>
      <c r="AV18" s="42">
        <v>2236</v>
      </c>
      <c r="AW18" s="51">
        <v>2823</v>
      </c>
      <c r="AX18" s="51">
        <v>18</v>
      </c>
      <c r="AY18" s="42">
        <v>2841</v>
      </c>
      <c r="AZ18" s="51">
        <v>1996</v>
      </c>
      <c r="BA18" s="51">
        <v>24</v>
      </c>
      <c r="BB18" s="42">
        <v>2020</v>
      </c>
      <c r="BC18" s="51">
        <v>1805</v>
      </c>
      <c r="BD18" s="51">
        <v>11</v>
      </c>
      <c r="BE18" s="42">
        <v>1816</v>
      </c>
      <c r="BF18" s="51">
        <v>1462</v>
      </c>
      <c r="BG18" s="51">
        <v>8</v>
      </c>
      <c r="BH18" s="42">
        <v>1470</v>
      </c>
      <c r="BI18" s="51">
        <v>782</v>
      </c>
      <c r="BJ18" s="51">
        <v>3</v>
      </c>
      <c r="BK18" s="42">
        <v>785</v>
      </c>
      <c r="BL18" s="51">
        <v>273</v>
      </c>
      <c r="BM18" s="51">
        <v>4</v>
      </c>
      <c r="BN18" s="42">
        <v>277</v>
      </c>
      <c r="BO18" s="51">
        <v>52</v>
      </c>
      <c r="BP18" s="51">
        <v>0</v>
      </c>
      <c r="BQ18" s="43">
        <v>52</v>
      </c>
    </row>
    <row r="19" spans="1:69" ht="15" thickBot="1" x14ac:dyDescent="0.2">
      <c r="A19" s="53"/>
      <c r="B19" s="31" t="s">
        <v>32</v>
      </c>
      <c r="C19" s="79"/>
      <c r="D19" s="45">
        <v>98838</v>
      </c>
      <c r="E19" s="46">
        <v>4441</v>
      </c>
      <c r="F19" s="47">
        <v>103279</v>
      </c>
      <c r="G19" s="48">
        <v>3677</v>
      </c>
      <c r="H19" s="47">
        <v>161</v>
      </c>
      <c r="I19" s="47">
        <v>3838</v>
      </c>
      <c r="J19" s="48">
        <v>3803</v>
      </c>
      <c r="K19" s="47">
        <v>146</v>
      </c>
      <c r="L19" s="47">
        <v>3949</v>
      </c>
      <c r="M19" s="74">
        <v>3553</v>
      </c>
      <c r="N19" s="73">
        <v>109</v>
      </c>
      <c r="O19" s="73">
        <v>3662</v>
      </c>
      <c r="P19" s="48">
        <v>3333</v>
      </c>
      <c r="Q19" s="47">
        <v>93</v>
      </c>
      <c r="R19" s="47">
        <v>3426</v>
      </c>
      <c r="S19" s="48">
        <v>4946</v>
      </c>
      <c r="T19" s="47">
        <v>564</v>
      </c>
      <c r="U19" s="47">
        <v>5510</v>
      </c>
      <c r="V19" s="48">
        <v>7043</v>
      </c>
      <c r="W19" s="47">
        <v>738</v>
      </c>
      <c r="X19" s="47">
        <v>7781</v>
      </c>
      <c r="Y19" s="48">
        <v>7030</v>
      </c>
      <c r="Z19" s="47">
        <v>622</v>
      </c>
      <c r="AA19" s="47">
        <v>7652</v>
      </c>
      <c r="AB19" s="48">
        <v>7580</v>
      </c>
      <c r="AC19" s="47">
        <v>538</v>
      </c>
      <c r="AD19" s="47">
        <v>8118</v>
      </c>
      <c r="AE19" s="48">
        <v>7909</v>
      </c>
      <c r="AF19" s="47">
        <v>411</v>
      </c>
      <c r="AG19" s="47">
        <v>8320</v>
      </c>
      <c r="AH19" s="48">
        <v>9173</v>
      </c>
      <c r="AI19" s="47">
        <v>299</v>
      </c>
      <c r="AJ19" s="47">
        <v>9472</v>
      </c>
      <c r="AK19" s="48">
        <v>8837</v>
      </c>
      <c r="AL19" s="47">
        <v>249</v>
      </c>
      <c r="AM19" s="47">
        <v>9086</v>
      </c>
      <c r="AN19" s="48">
        <v>6591</v>
      </c>
      <c r="AO19" s="47">
        <v>189</v>
      </c>
      <c r="AP19" s="47">
        <v>6780</v>
      </c>
      <c r="AQ19" s="48">
        <v>5148</v>
      </c>
      <c r="AR19" s="47">
        <v>119</v>
      </c>
      <c r="AS19" s="47">
        <v>5267</v>
      </c>
      <c r="AT19" s="48">
        <v>4472</v>
      </c>
      <c r="AU19" s="47">
        <v>92</v>
      </c>
      <c r="AV19" s="47">
        <v>4564</v>
      </c>
      <c r="AW19" s="48">
        <v>5440</v>
      </c>
      <c r="AX19" s="47">
        <v>41</v>
      </c>
      <c r="AY19" s="47">
        <v>5481</v>
      </c>
      <c r="AZ19" s="48">
        <v>3632</v>
      </c>
      <c r="BA19" s="47">
        <v>34</v>
      </c>
      <c r="BB19" s="47">
        <v>3666</v>
      </c>
      <c r="BC19" s="48">
        <v>2967</v>
      </c>
      <c r="BD19" s="47">
        <v>18</v>
      </c>
      <c r="BE19" s="47">
        <v>2985</v>
      </c>
      <c r="BF19" s="48">
        <v>2216</v>
      </c>
      <c r="BG19" s="47">
        <v>10</v>
      </c>
      <c r="BH19" s="47">
        <v>2226</v>
      </c>
      <c r="BI19" s="48">
        <v>1096</v>
      </c>
      <c r="BJ19" s="47">
        <v>4</v>
      </c>
      <c r="BK19" s="47">
        <v>1100</v>
      </c>
      <c r="BL19" s="48">
        <v>338</v>
      </c>
      <c r="BM19" s="47">
        <v>4</v>
      </c>
      <c r="BN19" s="47">
        <v>342</v>
      </c>
      <c r="BO19" s="48">
        <v>54</v>
      </c>
      <c r="BP19" s="47">
        <v>0</v>
      </c>
      <c r="BQ19" s="49">
        <v>54</v>
      </c>
    </row>
    <row r="20" spans="1:69" x14ac:dyDescent="0.15">
      <c r="A20" s="52"/>
      <c r="B20" s="20" t="s">
        <v>29</v>
      </c>
      <c r="C20" s="77">
        <v>141046</v>
      </c>
      <c r="D20" s="36">
        <v>71308</v>
      </c>
      <c r="E20" s="37">
        <v>7358</v>
      </c>
      <c r="F20" s="38">
        <v>78666</v>
      </c>
      <c r="G20" s="51">
        <v>2036</v>
      </c>
      <c r="H20" s="51">
        <v>282</v>
      </c>
      <c r="I20" s="38">
        <v>2318</v>
      </c>
      <c r="J20" s="51">
        <v>2396</v>
      </c>
      <c r="K20" s="51">
        <v>364</v>
      </c>
      <c r="L20" s="38">
        <v>2760</v>
      </c>
      <c r="M20" s="75">
        <v>2571</v>
      </c>
      <c r="N20" s="75">
        <v>295</v>
      </c>
      <c r="O20" s="70">
        <v>2866</v>
      </c>
      <c r="P20" s="51">
        <v>2452</v>
      </c>
      <c r="Q20" s="51">
        <v>296</v>
      </c>
      <c r="R20" s="38">
        <v>2748</v>
      </c>
      <c r="S20" s="51">
        <v>3050</v>
      </c>
      <c r="T20" s="51">
        <v>577</v>
      </c>
      <c r="U20" s="38">
        <v>3627</v>
      </c>
      <c r="V20" s="51">
        <v>3884</v>
      </c>
      <c r="W20" s="51">
        <v>709</v>
      </c>
      <c r="X20" s="38">
        <v>4593</v>
      </c>
      <c r="Y20" s="51">
        <v>3723</v>
      </c>
      <c r="Z20" s="51">
        <v>798</v>
      </c>
      <c r="AA20" s="38">
        <v>4521</v>
      </c>
      <c r="AB20" s="51">
        <v>4055</v>
      </c>
      <c r="AC20" s="51">
        <v>700</v>
      </c>
      <c r="AD20" s="38">
        <v>4755</v>
      </c>
      <c r="AE20" s="51">
        <v>5050</v>
      </c>
      <c r="AF20" s="51">
        <v>715</v>
      </c>
      <c r="AG20" s="38">
        <v>5765</v>
      </c>
      <c r="AH20" s="51">
        <v>6314</v>
      </c>
      <c r="AI20" s="51">
        <v>680</v>
      </c>
      <c r="AJ20" s="38">
        <v>6994</v>
      </c>
      <c r="AK20" s="51">
        <v>7232</v>
      </c>
      <c r="AL20" s="51">
        <v>541</v>
      </c>
      <c r="AM20" s="38">
        <v>7773</v>
      </c>
      <c r="AN20" s="51">
        <v>6229</v>
      </c>
      <c r="AO20" s="51">
        <v>426</v>
      </c>
      <c r="AP20" s="38">
        <v>6655</v>
      </c>
      <c r="AQ20" s="51">
        <v>4988</v>
      </c>
      <c r="AR20" s="51">
        <v>323</v>
      </c>
      <c r="AS20" s="38">
        <v>5311</v>
      </c>
      <c r="AT20" s="51">
        <v>4507</v>
      </c>
      <c r="AU20" s="51">
        <v>237</v>
      </c>
      <c r="AV20" s="38">
        <v>4744</v>
      </c>
      <c r="AW20" s="51">
        <v>5389</v>
      </c>
      <c r="AX20" s="51">
        <v>161</v>
      </c>
      <c r="AY20" s="38">
        <v>5550</v>
      </c>
      <c r="AZ20" s="51">
        <v>3345</v>
      </c>
      <c r="BA20" s="51">
        <v>116</v>
      </c>
      <c r="BB20" s="38">
        <v>3461</v>
      </c>
      <c r="BC20" s="51">
        <v>2209</v>
      </c>
      <c r="BD20" s="51">
        <v>73</v>
      </c>
      <c r="BE20" s="38">
        <v>2282</v>
      </c>
      <c r="BF20" s="51">
        <v>1307</v>
      </c>
      <c r="BG20" s="51">
        <v>41</v>
      </c>
      <c r="BH20" s="38">
        <v>1348</v>
      </c>
      <c r="BI20" s="51">
        <v>458</v>
      </c>
      <c r="BJ20" s="51">
        <v>16</v>
      </c>
      <c r="BK20" s="38">
        <v>474</v>
      </c>
      <c r="BL20" s="51">
        <v>100</v>
      </c>
      <c r="BM20" s="51">
        <v>6</v>
      </c>
      <c r="BN20" s="38">
        <v>106</v>
      </c>
      <c r="BO20" s="51">
        <v>13</v>
      </c>
      <c r="BP20" s="51">
        <v>1</v>
      </c>
      <c r="BQ20" s="40">
        <v>14</v>
      </c>
    </row>
    <row r="21" spans="1:69" x14ac:dyDescent="0.15">
      <c r="A21" s="52" t="s">
        <v>37</v>
      </c>
      <c r="B21" s="25" t="s">
        <v>31</v>
      </c>
      <c r="C21" s="78"/>
      <c r="D21" s="41">
        <v>65392</v>
      </c>
      <c r="E21" s="39">
        <v>8133</v>
      </c>
      <c r="F21" s="42">
        <v>73525</v>
      </c>
      <c r="G21" s="51">
        <v>1838</v>
      </c>
      <c r="H21" s="51">
        <v>228</v>
      </c>
      <c r="I21" s="42">
        <v>2066</v>
      </c>
      <c r="J21" s="51">
        <v>2289</v>
      </c>
      <c r="K21" s="51">
        <v>305</v>
      </c>
      <c r="L21" s="42">
        <v>2594</v>
      </c>
      <c r="M21" s="75">
        <v>2456</v>
      </c>
      <c r="N21" s="75">
        <v>278</v>
      </c>
      <c r="O21" s="72">
        <v>2734</v>
      </c>
      <c r="P21" s="51">
        <v>2419</v>
      </c>
      <c r="Q21" s="51">
        <v>249</v>
      </c>
      <c r="R21" s="42">
        <v>2668</v>
      </c>
      <c r="S21" s="51">
        <v>3001</v>
      </c>
      <c r="T21" s="51">
        <v>510</v>
      </c>
      <c r="U21" s="42">
        <v>3511</v>
      </c>
      <c r="V21" s="51">
        <v>3365</v>
      </c>
      <c r="W21" s="51">
        <v>657</v>
      </c>
      <c r="X21" s="42">
        <v>4022</v>
      </c>
      <c r="Y21" s="51">
        <v>3394</v>
      </c>
      <c r="Z21" s="51">
        <v>874</v>
      </c>
      <c r="AA21" s="42">
        <v>4268</v>
      </c>
      <c r="AB21" s="51">
        <v>3890</v>
      </c>
      <c r="AC21" s="51">
        <v>841</v>
      </c>
      <c r="AD21" s="42">
        <v>4731</v>
      </c>
      <c r="AE21" s="51">
        <v>4581</v>
      </c>
      <c r="AF21" s="51">
        <v>920</v>
      </c>
      <c r="AG21" s="42">
        <v>5501</v>
      </c>
      <c r="AH21" s="51">
        <v>5838</v>
      </c>
      <c r="AI21" s="51">
        <v>824</v>
      </c>
      <c r="AJ21" s="42">
        <v>6662</v>
      </c>
      <c r="AK21" s="51">
        <v>6299</v>
      </c>
      <c r="AL21" s="51">
        <v>742</v>
      </c>
      <c r="AM21" s="42">
        <v>7041</v>
      </c>
      <c r="AN21" s="51">
        <v>4876</v>
      </c>
      <c r="AO21" s="51">
        <v>566</v>
      </c>
      <c r="AP21" s="42">
        <v>5442</v>
      </c>
      <c r="AQ21" s="51">
        <v>3867</v>
      </c>
      <c r="AR21" s="51">
        <v>351</v>
      </c>
      <c r="AS21" s="42">
        <v>4218</v>
      </c>
      <c r="AT21" s="51">
        <v>3338</v>
      </c>
      <c r="AU21" s="51">
        <v>287</v>
      </c>
      <c r="AV21" s="42">
        <v>3625</v>
      </c>
      <c r="AW21" s="51">
        <v>4296</v>
      </c>
      <c r="AX21" s="51">
        <v>179</v>
      </c>
      <c r="AY21" s="42">
        <v>4475</v>
      </c>
      <c r="AZ21" s="51">
        <v>3143</v>
      </c>
      <c r="BA21" s="51">
        <v>119</v>
      </c>
      <c r="BB21" s="42">
        <v>3262</v>
      </c>
      <c r="BC21" s="51">
        <v>2690</v>
      </c>
      <c r="BD21" s="51">
        <v>99</v>
      </c>
      <c r="BE21" s="42">
        <v>2789</v>
      </c>
      <c r="BF21" s="51">
        <v>2195</v>
      </c>
      <c r="BG21" s="51">
        <v>54</v>
      </c>
      <c r="BH21" s="42">
        <v>2249</v>
      </c>
      <c r="BI21" s="51">
        <v>1154</v>
      </c>
      <c r="BJ21" s="51">
        <v>35</v>
      </c>
      <c r="BK21" s="42">
        <v>1189</v>
      </c>
      <c r="BL21" s="51">
        <v>404</v>
      </c>
      <c r="BM21" s="51">
        <v>11</v>
      </c>
      <c r="BN21" s="42">
        <v>415</v>
      </c>
      <c r="BO21" s="51">
        <v>59</v>
      </c>
      <c r="BP21" s="51">
        <v>1</v>
      </c>
      <c r="BQ21" s="43">
        <v>60</v>
      </c>
    </row>
    <row r="22" spans="1:69" ht="15" thickBot="1" x14ac:dyDescent="0.2">
      <c r="A22" s="53"/>
      <c r="B22" s="31" t="s">
        <v>32</v>
      </c>
      <c r="C22" s="79"/>
      <c r="D22" s="45">
        <v>136700</v>
      </c>
      <c r="E22" s="46">
        <v>15491</v>
      </c>
      <c r="F22" s="47">
        <v>152191</v>
      </c>
      <c r="G22" s="48">
        <v>3874</v>
      </c>
      <c r="H22" s="47">
        <v>510</v>
      </c>
      <c r="I22" s="47">
        <v>4384</v>
      </c>
      <c r="J22" s="48">
        <v>4685</v>
      </c>
      <c r="K22" s="47">
        <v>669</v>
      </c>
      <c r="L22" s="47">
        <v>5354</v>
      </c>
      <c r="M22" s="74">
        <v>5027</v>
      </c>
      <c r="N22" s="73">
        <v>573</v>
      </c>
      <c r="O22" s="73">
        <v>5600</v>
      </c>
      <c r="P22" s="48">
        <v>4871</v>
      </c>
      <c r="Q22" s="47">
        <v>545</v>
      </c>
      <c r="R22" s="47">
        <v>5416</v>
      </c>
      <c r="S22" s="48">
        <v>6051</v>
      </c>
      <c r="T22" s="47">
        <v>1087</v>
      </c>
      <c r="U22" s="47">
        <v>7138</v>
      </c>
      <c r="V22" s="48">
        <v>7249</v>
      </c>
      <c r="W22" s="47">
        <v>1366</v>
      </c>
      <c r="X22" s="47">
        <v>8615</v>
      </c>
      <c r="Y22" s="48">
        <v>7117</v>
      </c>
      <c r="Z22" s="47">
        <v>1672</v>
      </c>
      <c r="AA22" s="47">
        <v>8789</v>
      </c>
      <c r="AB22" s="48">
        <v>7945</v>
      </c>
      <c r="AC22" s="47">
        <v>1541</v>
      </c>
      <c r="AD22" s="47">
        <v>9486</v>
      </c>
      <c r="AE22" s="48">
        <v>9631</v>
      </c>
      <c r="AF22" s="47">
        <v>1635</v>
      </c>
      <c r="AG22" s="47">
        <v>11266</v>
      </c>
      <c r="AH22" s="48">
        <v>12152</v>
      </c>
      <c r="AI22" s="47">
        <v>1504</v>
      </c>
      <c r="AJ22" s="47">
        <v>13656</v>
      </c>
      <c r="AK22" s="48">
        <v>13531</v>
      </c>
      <c r="AL22" s="47">
        <v>1283</v>
      </c>
      <c r="AM22" s="47">
        <v>14814</v>
      </c>
      <c r="AN22" s="48">
        <v>11105</v>
      </c>
      <c r="AO22" s="47">
        <v>992</v>
      </c>
      <c r="AP22" s="47">
        <v>12097</v>
      </c>
      <c r="AQ22" s="48">
        <v>8855</v>
      </c>
      <c r="AR22" s="47">
        <v>674</v>
      </c>
      <c r="AS22" s="47">
        <v>9529</v>
      </c>
      <c r="AT22" s="48">
        <v>7845</v>
      </c>
      <c r="AU22" s="47">
        <v>524</v>
      </c>
      <c r="AV22" s="47">
        <v>8369</v>
      </c>
      <c r="AW22" s="48">
        <v>9685</v>
      </c>
      <c r="AX22" s="47">
        <v>340</v>
      </c>
      <c r="AY22" s="47">
        <v>10025</v>
      </c>
      <c r="AZ22" s="48">
        <v>6488</v>
      </c>
      <c r="BA22" s="47">
        <v>235</v>
      </c>
      <c r="BB22" s="47">
        <v>6723</v>
      </c>
      <c r="BC22" s="48">
        <v>4899</v>
      </c>
      <c r="BD22" s="47">
        <v>172</v>
      </c>
      <c r="BE22" s="47">
        <v>5071</v>
      </c>
      <c r="BF22" s="48">
        <v>3502</v>
      </c>
      <c r="BG22" s="47">
        <v>95</v>
      </c>
      <c r="BH22" s="47">
        <v>3597</v>
      </c>
      <c r="BI22" s="48">
        <v>1612</v>
      </c>
      <c r="BJ22" s="47">
        <v>51</v>
      </c>
      <c r="BK22" s="47">
        <v>1663</v>
      </c>
      <c r="BL22" s="48">
        <v>504</v>
      </c>
      <c r="BM22" s="47">
        <v>17</v>
      </c>
      <c r="BN22" s="47">
        <v>521</v>
      </c>
      <c r="BO22" s="48">
        <v>72</v>
      </c>
      <c r="BP22" s="47">
        <v>2</v>
      </c>
      <c r="BQ22" s="49">
        <v>74</v>
      </c>
    </row>
    <row r="23" spans="1:69" x14ac:dyDescent="0.15">
      <c r="A23" s="52"/>
      <c r="B23" s="20" t="s">
        <v>29</v>
      </c>
      <c r="C23" s="77">
        <v>141054</v>
      </c>
      <c r="D23" s="36">
        <v>94691</v>
      </c>
      <c r="E23" s="37">
        <v>4774</v>
      </c>
      <c r="F23" s="38">
        <v>99465</v>
      </c>
      <c r="G23" s="51">
        <v>2617</v>
      </c>
      <c r="H23" s="51">
        <v>238</v>
      </c>
      <c r="I23" s="38">
        <v>2855</v>
      </c>
      <c r="J23" s="51">
        <v>3187</v>
      </c>
      <c r="K23" s="51">
        <v>273</v>
      </c>
      <c r="L23" s="38">
        <v>3460</v>
      </c>
      <c r="M23" s="75">
        <v>3383</v>
      </c>
      <c r="N23" s="75">
        <v>164</v>
      </c>
      <c r="O23" s="70">
        <v>3547</v>
      </c>
      <c r="P23" s="51">
        <v>3471</v>
      </c>
      <c r="Q23" s="51">
        <v>160</v>
      </c>
      <c r="R23" s="38">
        <v>3631</v>
      </c>
      <c r="S23" s="51">
        <v>5054</v>
      </c>
      <c r="T23" s="51">
        <v>508</v>
      </c>
      <c r="U23" s="38">
        <v>5562</v>
      </c>
      <c r="V23" s="51">
        <v>5860</v>
      </c>
      <c r="W23" s="51">
        <v>668</v>
      </c>
      <c r="X23" s="38">
        <v>6528</v>
      </c>
      <c r="Y23" s="51">
        <v>5229</v>
      </c>
      <c r="Z23" s="51">
        <v>676</v>
      </c>
      <c r="AA23" s="38">
        <v>5905</v>
      </c>
      <c r="AB23" s="51">
        <v>5693</v>
      </c>
      <c r="AC23" s="51">
        <v>583</v>
      </c>
      <c r="AD23" s="38">
        <v>6276</v>
      </c>
      <c r="AE23" s="51">
        <v>6478</v>
      </c>
      <c r="AF23" s="51">
        <v>412</v>
      </c>
      <c r="AG23" s="38">
        <v>6890</v>
      </c>
      <c r="AH23" s="51">
        <v>7910</v>
      </c>
      <c r="AI23" s="51">
        <v>298</v>
      </c>
      <c r="AJ23" s="38">
        <v>8208</v>
      </c>
      <c r="AK23" s="51">
        <v>8484</v>
      </c>
      <c r="AL23" s="51">
        <v>247</v>
      </c>
      <c r="AM23" s="38">
        <v>8731</v>
      </c>
      <c r="AN23" s="51">
        <v>7100</v>
      </c>
      <c r="AO23" s="51">
        <v>198</v>
      </c>
      <c r="AP23" s="38">
        <v>7298</v>
      </c>
      <c r="AQ23" s="51">
        <v>6019</v>
      </c>
      <c r="AR23" s="51">
        <v>108</v>
      </c>
      <c r="AS23" s="38">
        <v>6127</v>
      </c>
      <c r="AT23" s="51">
        <v>5808</v>
      </c>
      <c r="AU23" s="51">
        <v>85</v>
      </c>
      <c r="AV23" s="38">
        <v>5893</v>
      </c>
      <c r="AW23" s="51">
        <v>7351</v>
      </c>
      <c r="AX23" s="51">
        <v>73</v>
      </c>
      <c r="AY23" s="38">
        <v>7424</v>
      </c>
      <c r="AZ23" s="51">
        <v>4487</v>
      </c>
      <c r="BA23" s="51">
        <v>44</v>
      </c>
      <c r="BB23" s="38">
        <v>4531</v>
      </c>
      <c r="BC23" s="51">
        <v>3450</v>
      </c>
      <c r="BD23" s="51">
        <v>21</v>
      </c>
      <c r="BE23" s="38">
        <v>3471</v>
      </c>
      <c r="BF23" s="51">
        <v>2151</v>
      </c>
      <c r="BG23" s="51">
        <v>9</v>
      </c>
      <c r="BH23" s="38">
        <v>2160</v>
      </c>
      <c r="BI23" s="51">
        <v>797</v>
      </c>
      <c r="BJ23" s="51">
        <v>7</v>
      </c>
      <c r="BK23" s="38">
        <v>804</v>
      </c>
      <c r="BL23" s="51">
        <v>147</v>
      </c>
      <c r="BM23" s="51">
        <v>2</v>
      </c>
      <c r="BN23" s="38">
        <v>149</v>
      </c>
      <c r="BO23" s="51">
        <v>15</v>
      </c>
      <c r="BP23" s="51">
        <v>0</v>
      </c>
      <c r="BQ23" s="40">
        <v>15</v>
      </c>
    </row>
    <row r="24" spans="1:69" x14ac:dyDescent="0.15">
      <c r="A24" s="52" t="s">
        <v>38</v>
      </c>
      <c r="B24" s="25" t="s">
        <v>31</v>
      </c>
      <c r="C24" s="78"/>
      <c r="D24" s="41">
        <v>93725</v>
      </c>
      <c r="E24" s="39">
        <v>5632</v>
      </c>
      <c r="F24" s="42">
        <v>99357</v>
      </c>
      <c r="G24" s="51">
        <v>2623</v>
      </c>
      <c r="H24" s="51">
        <v>201</v>
      </c>
      <c r="I24" s="42">
        <v>2824</v>
      </c>
      <c r="J24" s="51">
        <v>2945</v>
      </c>
      <c r="K24" s="51">
        <v>205</v>
      </c>
      <c r="L24" s="42">
        <v>3150</v>
      </c>
      <c r="M24" s="75">
        <v>3151</v>
      </c>
      <c r="N24" s="75">
        <v>181</v>
      </c>
      <c r="O24" s="72">
        <v>3332</v>
      </c>
      <c r="P24" s="51">
        <v>3401</v>
      </c>
      <c r="Q24" s="51">
        <v>140</v>
      </c>
      <c r="R24" s="42">
        <v>3541</v>
      </c>
      <c r="S24" s="51">
        <v>5160</v>
      </c>
      <c r="T24" s="51">
        <v>365</v>
      </c>
      <c r="U24" s="42">
        <v>5525</v>
      </c>
      <c r="V24" s="51">
        <v>5457</v>
      </c>
      <c r="W24" s="51">
        <v>574</v>
      </c>
      <c r="X24" s="42">
        <v>6031</v>
      </c>
      <c r="Y24" s="51">
        <v>4835</v>
      </c>
      <c r="Z24" s="51">
        <v>670</v>
      </c>
      <c r="AA24" s="42">
        <v>5505</v>
      </c>
      <c r="AB24" s="51">
        <v>5260</v>
      </c>
      <c r="AC24" s="51">
        <v>637</v>
      </c>
      <c r="AD24" s="42">
        <v>5897</v>
      </c>
      <c r="AE24" s="51">
        <v>5818</v>
      </c>
      <c r="AF24" s="51">
        <v>617</v>
      </c>
      <c r="AG24" s="42">
        <v>6435</v>
      </c>
      <c r="AH24" s="51">
        <v>7081</v>
      </c>
      <c r="AI24" s="51">
        <v>465</v>
      </c>
      <c r="AJ24" s="42">
        <v>7546</v>
      </c>
      <c r="AK24" s="51">
        <v>7510</v>
      </c>
      <c r="AL24" s="51">
        <v>513</v>
      </c>
      <c r="AM24" s="42">
        <v>8023</v>
      </c>
      <c r="AN24" s="51">
        <v>6041</v>
      </c>
      <c r="AO24" s="51">
        <v>411</v>
      </c>
      <c r="AP24" s="42">
        <v>6452</v>
      </c>
      <c r="AQ24" s="51">
        <v>5390</v>
      </c>
      <c r="AR24" s="51">
        <v>267</v>
      </c>
      <c r="AS24" s="42">
        <v>5657</v>
      </c>
      <c r="AT24" s="51">
        <v>5301</v>
      </c>
      <c r="AU24" s="51">
        <v>170</v>
      </c>
      <c r="AV24" s="42">
        <v>5471</v>
      </c>
      <c r="AW24" s="51">
        <v>7176</v>
      </c>
      <c r="AX24" s="51">
        <v>71</v>
      </c>
      <c r="AY24" s="42">
        <v>7247</v>
      </c>
      <c r="AZ24" s="51">
        <v>5450</v>
      </c>
      <c r="BA24" s="51">
        <v>67</v>
      </c>
      <c r="BB24" s="42">
        <v>5517</v>
      </c>
      <c r="BC24" s="51">
        <v>4980</v>
      </c>
      <c r="BD24" s="51">
        <v>48</v>
      </c>
      <c r="BE24" s="42">
        <v>5028</v>
      </c>
      <c r="BF24" s="51">
        <v>3687</v>
      </c>
      <c r="BG24" s="51">
        <v>15</v>
      </c>
      <c r="BH24" s="42">
        <v>3702</v>
      </c>
      <c r="BI24" s="51">
        <v>1801</v>
      </c>
      <c r="BJ24" s="51">
        <v>6</v>
      </c>
      <c r="BK24" s="42">
        <v>1807</v>
      </c>
      <c r="BL24" s="51">
        <v>578</v>
      </c>
      <c r="BM24" s="51">
        <v>6</v>
      </c>
      <c r="BN24" s="42">
        <v>584</v>
      </c>
      <c r="BO24" s="51">
        <v>80</v>
      </c>
      <c r="BP24" s="51">
        <v>0</v>
      </c>
      <c r="BQ24" s="43">
        <v>80</v>
      </c>
    </row>
    <row r="25" spans="1:69" ht="15" thickBot="1" x14ac:dyDescent="0.2">
      <c r="A25" s="53"/>
      <c r="B25" s="31" t="s">
        <v>32</v>
      </c>
      <c r="C25" s="79"/>
      <c r="D25" s="45">
        <v>188416</v>
      </c>
      <c r="E25" s="46">
        <v>10406</v>
      </c>
      <c r="F25" s="47">
        <v>198822</v>
      </c>
      <c r="G25" s="48">
        <v>5240</v>
      </c>
      <c r="H25" s="47">
        <v>439</v>
      </c>
      <c r="I25" s="47">
        <v>5679</v>
      </c>
      <c r="J25" s="48">
        <v>6132</v>
      </c>
      <c r="K25" s="47">
        <v>478</v>
      </c>
      <c r="L25" s="47">
        <v>6610</v>
      </c>
      <c r="M25" s="74">
        <v>6534</v>
      </c>
      <c r="N25" s="73">
        <v>345</v>
      </c>
      <c r="O25" s="73">
        <v>6879</v>
      </c>
      <c r="P25" s="48">
        <v>6872</v>
      </c>
      <c r="Q25" s="47">
        <v>300</v>
      </c>
      <c r="R25" s="47">
        <v>7172</v>
      </c>
      <c r="S25" s="48">
        <v>10214</v>
      </c>
      <c r="T25" s="47">
        <v>873</v>
      </c>
      <c r="U25" s="47">
        <v>11087</v>
      </c>
      <c r="V25" s="48">
        <v>11317</v>
      </c>
      <c r="W25" s="47">
        <v>1242</v>
      </c>
      <c r="X25" s="47">
        <v>12559</v>
      </c>
      <c r="Y25" s="48">
        <v>10064</v>
      </c>
      <c r="Z25" s="47">
        <v>1346</v>
      </c>
      <c r="AA25" s="47">
        <v>11410</v>
      </c>
      <c r="AB25" s="48">
        <v>10953</v>
      </c>
      <c r="AC25" s="47">
        <v>1220</v>
      </c>
      <c r="AD25" s="47">
        <v>12173</v>
      </c>
      <c r="AE25" s="48">
        <v>12296</v>
      </c>
      <c r="AF25" s="47">
        <v>1029</v>
      </c>
      <c r="AG25" s="47">
        <v>13325</v>
      </c>
      <c r="AH25" s="48">
        <v>14991</v>
      </c>
      <c r="AI25" s="47">
        <v>763</v>
      </c>
      <c r="AJ25" s="47">
        <v>15754</v>
      </c>
      <c r="AK25" s="48">
        <v>15994</v>
      </c>
      <c r="AL25" s="47">
        <v>760</v>
      </c>
      <c r="AM25" s="47">
        <v>16754</v>
      </c>
      <c r="AN25" s="48">
        <v>13141</v>
      </c>
      <c r="AO25" s="47">
        <v>609</v>
      </c>
      <c r="AP25" s="47">
        <v>13750</v>
      </c>
      <c r="AQ25" s="48">
        <v>11409</v>
      </c>
      <c r="AR25" s="47">
        <v>375</v>
      </c>
      <c r="AS25" s="47">
        <v>11784</v>
      </c>
      <c r="AT25" s="48">
        <v>11109</v>
      </c>
      <c r="AU25" s="47">
        <v>255</v>
      </c>
      <c r="AV25" s="47">
        <v>11364</v>
      </c>
      <c r="AW25" s="48">
        <v>14527</v>
      </c>
      <c r="AX25" s="47">
        <v>144</v>
      </c>
      <c r="AY25" s="47">
        <v>14671</v>
      </c>
      <c r="AZ25" s="48">
        <v>9937</v>
      </c>
      <c r="BA25" s="47">
        <v>111</v>
      </c>
      <c r="BB25" s="47">
        <v>10048</v>
      </c>
      <c r="BC25" s="48">
        <v>8430</v>
      </c>
      <c r="BD25" s="47">
        <v>69</v>
      </c>
      <c r="BE25" s="47">
        <v>8499</v>
      </c>
      <c r="BF25" s="48">
        <v>5838</v>
      </c>
      <c r="BG25" s="47">
        <v>24</v>
      </c>
      <c r="BH25" s="47">
        <v>5862</v>
      </c>
      <c r="BI25" s="48">
        <v>2598</v>
      </c>
      <c r="BJ25" s="47">
        <v>13</v>
      </c>
      <c r="BK25" s="47">
        <v>2611</v>
      </c>
      <c r="BL25" s="48">
        <v>725</v>
      </c>
      <c r="BM25" s="47">
        <v>8</v>
      </c>
      <c r="BN25" s="47">
        <v>733</v>
      </c>
      <c r="BO25" s="48">
        <v>95</v>
      </c>
      <c r="BP25" s="47">
        <v>0</v>
      </c>
      <c r="BQ25" s="49">
        <v>95</v>
      </c>
    </row>
    <row r="26" spans="1:69" x14ac:dyDescent="0.15">
      <c r="A26" s="52"/>
      <c r="B26" s="20" t="s">
        <v>29</v>
      </c>
      <c r="C26" s="77">
        <v>141062</v>
      </c>
      <c r="D26" s="36">
        <v>98403</v>
      </c>
      <c r="E26" s="37">
        <v>2582</v>
      </c>
      <c r="F26" s="38">
        <v>100985</v>
      </c>
      <c r="G26" s="51">
        <v>3269</v>
      </c>
      <c r="H26" s="51">
        <v>98</v>
      </c>
      <c r="I26" s="38">
        <v>3367</v>
      </c>
      <c r="J26" s="51">
        <v>3815</v>
      </c>
      <c r="K26" s="51">
        <v>124</v>
      </c>
      <c r="L26" s="38">
        <v>3939</v>
      </c>
      <c r="M26" s="75">
        <v>3976</v>
      </c>
      <c r="N26" s="75">
        <v>67</v>
      </c>
      <c r="O26" s="70">
        <v>4043</v>
      </c>
      <c r="P26" s="51">
        <v>4307</v>
      </c>
      <c r="Q26" s="51">
        <v>54</v>
      </c>
      <c r="R26" s="38">
        <v>4361</v>
      </c>
      <c r="S26" s="51">
        <v>5894</v>
      </c>
      <c r="T26" s="51">
        <v>263</v>
      </c>
      <c r="U26" s="38">
        <v>6157</v>
      </c>
      <c r="V26" s="51">
        <v>5740</v>
      </c>
      <c r="W26" s="51">
        <v>433</v>
      </c>
      <c r="X26" s="38">
        <v>6173</v>
      </c>
      <c r="Y26" s="51">
        <v>5276</v>
      </c>
      <c r="Z26" s="51">
        <v>446</v>
      </c>
      <c r="AA26" s="38">
        <v>5722</v>
      </c>
      <c r="AB26" s="51">
        <v>5920</v>
      </c>
      <c r="AC26" s="51">
        <v>347</v>
      </c>
      <c r="AD26" s="38">
        <v>6267</v>
      </c>
      <c r="AE26" s="51">
        <v>6703</v>
      </c>
      <c r="AF26" s="51">
        <v>233</v>
      </c>
      <c r="AG26" s="38">
        <v>6936</v>
      </c>
      <c r="AH26" s="51">
        <v>7970</v>
      </c>
      <c r="AI26" s="51">
        <v>139</v>
      </c>
      <c r="AJ26" s="38">
        <v>8109</v>
      </c>
      <c r="AK26" s="51">
        <v>8575</v>
      </c>
      <c r="AL26" s="51">
        <v>115</v>
      </c>
      <c r="AM26" s="38">
        <v>8690</v>
      </c>
      <c r="AN26" s="51">
        <v>7404</v>
      </c>
      <c r="AO26" s="51">
        <v>90</v>
      </c>
      <c r="AP26" s="38">
        <v>7494</v>
      </c>
      <c r="AQ26" s="51">
        <v>6009</v>
      </c>
      <c r="AR26" s="51">
        <v>64</v>
      </c>
      <c r="AS26" s="38">
        <v>6073</v>
      </c>
      <c r="AT26" s="51">
        <v>5514</v>
      </c>
      <c r="AU26" s="51">
        <v>45</v>
      </c>
      <c r="AV26" s="38">
        <v>5559</v>
      </c>
      <c r="AW26" s="51">
        <v>6615</v>
      </c>
      <c r="AX26" s="51">
        <v>37</v>
      </c>
      <c r="AY26" s="38">
        <v>6652</v>
      </c>
      <c r="AZ26" s="51">
        <v>4458</v>
      </c>
      <c r="BA26" s="51">
        <v>15</v>
      </c>
      <c r="BB26" s="38">
        <v>4473</v>
      </c>
      <c r="BC26" s="51">
        <v>3672</v>
      </c>
      <c r="BD26" s="51">
        <v>5</v>
      </c>
      <c r="BE26" s="38">
        <v>3677</v>
      </c>
      <c r="BF26" s="51">
        <v>2256</v>
      </c>
      <c r="BG26" s="51">
        <v>3</v>
      </c>
      <c r="BH26" s="38">
        <v>2259</v>
      </c>
      <c r="BI26" s="51">
        <v>853</v>
      </c>
      <c r="BJ26" s="51">
        <v>2</v>
      </c>
      <c r="BK26" s="38">
        <v>855</v>
      </c>
      <c r="BL26" s="51">
        <v>163</v>
      </c>
      <c r="BM26" s="51">
        <v>0</v>
      </c>
      <c r="BN26" s="38">
        <v>163</v>
      </c>
      <c r="BO26" s="51">
        <v>14</v>
      </c>
      <c r="BP26" s="51">
        <v>1</v>
      </c>
      <c r="BQ26" s="40">
        <v>15</v>
      </c>
    </row>
    <row r="27" spans="1:69" x14ac:dyDescent="0.15">
      <c r="A27" s="52" t="s">
        <v>39</v>
      </c>
      <c r="B27" s="25" t="s">
        <v>31</v>
      </c>
      <c r="C27" s="78"/>
      <c r="D27" s="41">
        <v>100409</v>
      </c>
      <c r="E27" s="39">
        <v>2688</v>
      </c>
      <c r="F27" s="42">
        <v>103097</v>
      </c>
      <c r="G27" s="51">
        <v>3070</v>
      </c>
      <c r="H27" s="51">
        <v>122</v>
      </c>
      <c r="I27" s="42">
        <v>3192</v>
      </c>
      <c r="J27" s="51">
        <v>3543</v>
      </c>
      <c r="K27" s="51">
        <v>103</v>
      </c>
      <c r="L27" s="42">
        <v>3646</v>
      </c>
      <c r="M27" s="75">
        <v>3796</v>
      </c>
      <c r="N27" s="75">
        <v>71</v>
      </c>
      <c r="O27" s="72">
        <v>3867</v>
      </c>
      <c r="P27" s="51">
        <v>4077</v>
      </c>
      <c r="Q27" s="51">
        <v>47</v>
      </c>
      <c r="R27" s="42">
        <v>4124</v>
      </c>
      <c r="S27" s="51">
        <v>5418</v>
      </c>
      <c r="T27" s="51">
        <v>248</v>
      </c>
      <c r="U27" s="42">
        <v>5666</v>
      </c>
      <c r="V27" s="51">
        <v>5321</v>
      </c>
      <c r="W27" s="51">
        <v>364</v>
      </c>
      <c r="X27" s="42">
        <v>5685</v>
      </c>
      <c r="Y27" s="51">
        <v>4791</v>
      </c>
      <c r="Z27" s="51">
        <v>364</v>
      </c>
      <c r="AA27" s="42">
        <v>5155</v>
      </c>
      <c r="AB27" s="51">
        <v>5436</v>
      </c>
      <c r="AC27" s="51">
        <v>307</v>
      </c>
      <c r="AD27" s="42">
        <v>5743</v>
      </c>
      <c r="AE27" s="51">
        <v>6324</v>
      </c>
      <c r="AF27" s="51">
        <v>230</v>
      </c>
      <c r="AG27" s="42">
        <v>6554</v>
      </c>
      <c r="AH27" s="51">
        <v>7518</v>
      </c>
      <c r="AI27" s="51">
        <v>199</v>
      </c>
      <c r="AJ27" s="42">
        <v>7717</v>
      </c>
      <c r="AK27" s="51">
        <v>8121</v>
      </c>
      <c r="AL27" s="51">
        <v>182</v>
      </c>
      <c r="AM27" s="42">
        <v>8303</v>
      </c>
      <c r="AN27" s="51">
        <v>6849</v>
      </c>
      <c r="AO27" s="51">
        <v>166</v>
      </c>
      <c r="AP27" s="42">
        <v>7015</v>
      </c>
      <c r="AQ27" s="51">
        <v>5595</v>
      </c>
      <c r="AR27" s="51">
        <v>106</v>
      </c>
      <c r="AS27" s="42">
        <v>5701</v>
      </c>
      <c r="AT27" s="51">
        <v>5479</v>
      </c>
      <c r="AU27" s="51">
        <v>71</v>
      </c>
      <c r="AV27" s="42">
        <v>5550</v>
      </c>
      <c r="AW27" s="51">
        <v>7398</v>
      </c>
      <c r="AX27" s="51">
        <v>33</v>
      </c>
      <c r="AY27" s="42">
        <v>7431</v>
      </c>
      <c r="AZ27" s="51">
        <v>5808</v>
      </c>
      <c r="BA27" s="51">
        <v>34</v>
      </c>
      <c r="BB27" s="42">
        <v>5842</v>
      </c>
      <c r="BC27" s="51">
        <v>5341</v>
      </c>
      <c r="BD27" s="51">
        <v>24</v>
      </c>
      <c r="BE27" s="42">
        <v>5365</v>
      </c>
      <c r="BF27" s="51">
        <v>3935</v>
      </c>
      <c r="BG27" s="51">
        <v>13</v>
      </c>
      <c r="BH27" s="42">
        <v>3948</v>
      </c>
      <c r="BI27" s="51">
        <v>1933</v>
      </c>
      <c r="BJ27" s="51">
        <v>1</v>
      </c>
      <c r="BK27" s="42">
        <v>1934</v>
      </c>
      <c r="BL27" s="51">
        <v>574</v>
      </c>
      <c r="BM27" s="51">
        <v>2</v>
      </c>
      <c r="BN27" s="42">
        <v>576</v>
      </c>
      <c r="BO27" s="51">
        <v>82</v>
      </c>
      <c r="BP27" s="51">
        <v>1</v>
      </c>
      <c r="BQ27" s="43">
        <v>83</v>
      </c>
    </row>
    <row r="28" spans="1:69" ht="15" thickBot="1" x14ac:dyDescent="0.2">
      <c r="A28" s="53"/>
      <c r="B28" s="31" t="s">
        <v>32</v>
      </c>
      <c r="C28" s="79"/>
      <c r="D28" s="45">
        <v>198812</v>
      </c>
      <c r="E28" s="46">
        <v>5270</v>
      </c>
      <c r="F28" s="47">
        <v>204082</v>
      </c>
      <c r="G28" s="48">
        <v>6339</v>
      </c>
      <c r="H28" s="47">
        <v>220</v>
      </c>
      <c r="I28" s="47">
        <v>6559</v>
      </c>
      <c r="J28" s="48">
        <v>7358</v>
      </c>
      <c r="K28" s="47">
        <v>227</v>
      </c>
      <c r="L28" s="47">
        <v>7585</v>
      </c>
      <c r="M28" s="74">
        <v>7772</v>
      </c>
      <c r="N28" s="73">
        <v>138</v>
      </c>
      <c r="O28" s="73">
        <v>7910</v>
      </c>
      <c r="P28" s="48">
        <v>8384</v>
      </c>
      <c r="Q28" s="47">
        <v>101</v>
      </c>
      <c r="R28" s="47">
        <v>8485</v>
      </c>
      <c r="S28" s="48">
        <v>11312</v>
      </c>
      <c r="T28" s="47">
        <v>511</v>
      </c>
      <c r="U28" s="47">
        <v>11823</v>
      </c>
      <c r="V28" s="48">
        <v>11061</v>
      </c>
      <c r="W28" s="47">
        <v>797</v>
      </c>
      <c r="X28" s="47">
        <v>11858</v>
      </c>
      <c r="Y28" s="48">
        <v>10067</v>
      </c>
      <c r="Z28" s="47">
        <v>810</v>
      </c>
      <c r="AA28" s="47">
        <v>10877</v>
      </c>
      <c r="AB28" s="48">
        <v>11356</v>
      </c>
      <c r="AC28" s="47">
        <v>654</v>
      </c>
      <c r="AD28" s="47">
        <v>12010</v>
      </c>
      <c r="AE28" s="48">
        <v>13027</v>
      </c>
      <c r="AF28" s="47">
        <v>463</v>
      </c>
      <c r="AG28" s="47">
        <v>13490</v>
      </c>
      <c r="AH28" s="48">
        <v>15488</v>
      </c>
      <c r="AI28" s="47">
        <v>338</v>
      </c>
      <c r="AJ28" s="47">
        <v>15826</v>
      </c>
      <c r="AK28" s="48">
        <v>16696</v>
      </c>
      <c r="AL28" s="47">
        <v>297</v>
      </c>
      <c r="AM28" s="47">
        <v>16993</v>
      </c>
      <c r="AN28" s="48">
        <v>14253</v>
      </c>
      <c r="AO28" s="47">
        <v>256</v>
      </c>
      <c r="AP28" s="47">
        <v>14509</v>
      </c>
      <c r="AQ28" s="48">
        <v>11604</v>
      </c>
      <c r="AR28" s="47">
        <v>170</v>
      </c>
      <c r="AS28" s="47">
        <v>11774</v>
      </c>
      <c r="AT28" s="48">
        <v>10993</v>
      </c>
      <c r="AU28" s="47">
        <v>116</v>
      </c>
      <c r="AV28" s="47">
        <v>11109</v>
      </c>
      <c r="AW28" s="48">
        <v>14013</v>
      </c>
      <c r="AX28" s="47">
        <v>70</v>
      </c>
      <c r="AY28" s="47">
        <v>14083</v>
      </c>
      <c r="AZ28" s="48">
        <v>10266</v>
      </c>
      <c r="BA28" s="47">
        <v>49</v>
      </c>
      <c r="BB28" s="47">
        <v>10315</v>
      </c>
      <c r="BC28" s="48">
        <v>9013</v>
      </c>
      <c r="BD28" s="47">
        <v>29</v>
      </c>
      <c r="BE28" s="47">
        <v>9042</v>
      </c>
      <c r="BF28" s="48">
        <v>6191</v>
      </c>
      <c r="BG28" s="47">
        <v>16</v>
      </c>
      <c r="BH28" s="47">
        <v>6207</v>
      </c>
      <c r="BI28" s="48">
        <v>2786</v>
      </c>
      <c r="BJ28" s="47">
        <v>3</v>
      </c>
      <c r="BK28" s="47">
        <v>2789</v>
      </c>
      <c r="BL28" s="48">
        <v>737</v>
      </c>
      <c r="BM28" s="47">
        <v>2</v>
      </c>
      <c r="BN28" s="47">
        <v>739</v>
      </c>
      <c r="BO28" s="48">
        <v>96</v>
      </c>
      <c r="BP28" s="47">
        <v>2</v>
      </c>
      <c r="BQ28" s="49">
        <v>98</v>
      </c>
    </row>
    <row r="29" spans="1:69" x14ac:dyDescent="0.15">
      <c r="A29" s="52"/>
      <c r="B29" s="20" t="s">
        <v>29</v>
      </c>
      <c r="C29" s="77">
        <v>141071</v>
      </c>
      <c r="D29" s="36">
        <v>80103</v>
      </c>
      <c r="E29" s="37">
        <v>2323</v>
      </c>
      <c r="F29" s="38">
        <v>82426</v>
      </c>
      <c r="G29" s="51">
        <v>2797</v>
      </c>
      <c r="H29" s="51">
        <v>137</v>
      </c>
      <c r="I29" s="38">
        <v>2934</v>
      </c>
      <c r="J29" s="51">
        <v>3328</v>
      </c>
      <c r="K29" s="51">
        <v>145</v>
      </c>
      <c r="L29" s="38">
        <v>3473</v>
      </c>
      <c r="M29" s="75">
        <v>3460</v>
      </c>
      <c r="N29" s="75">
        <v>94</v>
      </c>
      <c r="O29" s="70">
        <v>3554</v>
      </c>
      <c r="P29" s="51">
        <v>3402</v>
      </c>
      <c r="Q29" s="51">
        <v>58</v>
      </c>
      <c r="R29" s="38">
        <v>3460</v>
      </c>
      <c r="S29" s="51">
        <v>3918</v>
      </c>
      <c r="T29" s="51">
        <v>166</v>
      </c>
      <c r="U29" s="38">
        <v>4084</v>
      </c>
      <c r="V29" s="51">
        <v>4235</v>
      </c>
      <c r="W29" s="51">
        <v>258</v>
      </c>
      <c r="X29" s="38">
        <v>4493</v>
      </c>
      <c r="Y29" s="51">
        <v>4198</v>
      </c>
      <c r="Z29" s="51">
        <v>353</v>
      </c>
      <c r="AA29" s="38">
        <v>4551</v>
      </c>
      <c r="AB29" s="51">
        <v>5023</v>
      </c>
      <c r="AC29" s="51">
        <v>303</v>
      </c>
      <c r="AD29" s="38">
        <v>5326</v>
      </c>
      <c r="AE29" s="51">
        <v>5518</v>
      </c>
      <c r="AF29" s="51">
        <v>203</v>
      </c>
      <c r="AG29" s="38">
        <v>5721</v>
      </c>
      <c r="AH29" s="51">
        <v>6777</v>
      </c>
      <c r="AI29" s="51">
        <v>164</v>
      </c>
      <c r="AJ29" s="38">
        <v>6941</v>
      </c>
      <c r="AK29" s="51">
        <v>6840</v>
      </c>
      <c r="AL29" s="51">
        <v>124</v>
      </c>
      <c r="AM29" s="38">
        <v>6964</v>
      </c>
      <c r="AN29" s="51">
        <v>5639</v>
      </c>
      <c r="AO29" s="51">
        <v>116</v>
      </c>
      <c r="AP29" s="38">
        <v>5755</v>
      </c>
      <c r="AQ29" s="51">
        <v>4865</v>
      </c>
      <c r="AR29" s="51">
        <v>62</v>
      </c>
      <c r="AS29" s="38">
        <v>4927</v>
      </c>
      <c r="AT29" s="51">
        <v>4627</v>
      </c>
      <c r="AU29" s="51">
        <v>57</v>
      </c>
      <c r="AV29" s="38">
        <v>4684</v>
      </c>
      <c r="AW29" s="51">
        <v>5717</v>
      </c>
      <c r="AX29" s="51">
        <v>35</v>
      </c>
      <c r="AY29" s="38">
        <v>5752</v>
      </c>
      <c r="AZ29" s="51">
        <v>4038</v>
      </c>
      <c r="BA29" s="51">
        <v>27</v>
      </c>
      <c r="BB29" s="38">
        <v>4065</v>
      </c>
      <c r="BC29" s="51">
        <v>3064</v>
      </c>
      <c r="BD29" s="51">
        <v>10</v>
      </c>
      <c r="BE29" s="38">
        <v>3074</v>
      </c>
      <c r="BF29" s="51">
        <v>1849</v>
      </c>
      <c r="BG29" s="51">
        <v>5</v>
      </c>
      <c r="BH29" s="38">
        <v>1854</v>
      </c>
      <c r="BI29" s="51">
        <v>662</v>
      </c>
      <c r="BJ29" s="51">
        <v>4</v>
      </c>
      <c r="BK29" s="38">
        <v>666</v>
      </c>
      <c r="BL29" s="51">
        <v>136</v>
      </c>
      <c r="BM29" s="51">
        <v>1</v>
      </c>
      <c r="BN29" s="38">
        <v>137</v>
      </c>
      <c r="BO29" s="51">
        <v>10</v>
      </c>
      <c r="BP29" s="51">
        <v>0</v>
      </c>
      <c r="BQ29" s="40">
        <v>10</v>
      </c>
    </row>
    <row r="30" spans="1:69" x14ac:dyDescent="0.15">
      <c r="A30" s="52" t="s">
        <v>40</v>
      </c>
      <c r="B30" s="25" t="s">
        <v>31</v>
      </c>
      <c r="C30" s="78"/>
      <c r="D30" s="41">
        <v>82307</v>
      </c>
      <c r="E30" s="39">
        <v>2672</v>
      </c>
      <c r="F30" s="42">
        <v>84979</v>
      </c>
      <c r="G30" s="51">
        <v>2778</v>
      </c>
      <c r="H30" s="51">
        <v>108</v>
      </c>
      <c r="I30" s="42">
        <v>2886</v>
      </c>
      <c r="J30" s="51">
        <v>3140</v>
      </c>
      <c r="K30" s="51">
        <v>126</v>
      </c>
      <c r="L30" s="42">
        <v>3266</v>
      </c>
      <c r="M30" s="75">
        <v>3220</v>
      </c>
      <c r="N30" s="75">
        <v>88</v>
      </c>
      <c r="O30" s="72">
        <v>3308</v>
      </c>
      <c r="P30" s="51">
        <v>3196</v>
      </c>
      <c r="Q30" s="51">
        <v>52</v>
      </c>
      <c r="R30" s="42">
        <v>3248</v>
      </c>
      <c r="S30" s="51">
        <v>3800</v>
      </c>
      <c r="T30" s="51">
        <v>130</v>
      </c>
      <c r="U30" s="42">
        <v>3930</v>
      </c>
      <c r="V30" s="51">
        <v>3749</v>
      </c>
      <c r="W30" s="51">
        <v>235</v>
      </c>
      <c r="X30" s="42">
        <v>3984</v>
      </c>
      <c r="Y30" s="51">
        <v>3860</v>
      </c>
      <c r="Z30" s="51">
        <v>348</v>
      </c>
      <c r="AA30" s="42">
        <v>4208</v>
      </c>
      <c r="AB30" s="51">
        <v>4587</v>
      </c>
      <c r="AC30" s="51">
        <v>338</v>
      </c>
      <c r="AD30" s="42">
        <v>4925</v>
      </c>
      <c r="AE30" s="51">
        <v>5199</v>
      </c>
      <c r="AF30" s="51">
        <v>268</v>
      </c>
      <c r="AG30" s="42">
        <v>5467</v>
      </c>
      <c r="AH30" s="51">
        <v>6411</v>
      </c>
      <c r="AI30" s="51">
        <v>235</v>
      </c>
      <c r="AJ30" s="42">
        <v>6646</v>
      </c>
      <c r="AK30" s="51">
        <v>6426</v>
      </c>
      <c r="AL30" s="51">
        <v>237</v>
      </c>
      <c r="AM30" s="42">
        <v>6663</v>
      </c>
      <c r="AN30" s="51">
        <v>5286</v>
      </c>
      <c r="AO30" s="51">
        <v>161</v>
      </c>
      <c r="AP30" s="42">
        <v>5447</v>
      </c>
      <c r="AQ30" s="51">
        <v>4725</v>
      </c>
      <c r="AR30" s="51">
        <v>122</v>
      </c>
      <c r="AS30" s="42">
        <v>4847</v>
      </c>
      <c r="AT30" s="51">
        <v>4768</v>
      </c>
      <c r="AU30" s="51">
        <v>91</v>
      </c>
      <c r="AV30" s="42">
        <v>4859</v>
      </c>
      <c r="AW30" s="51">
        <v>6357</v>
      </c>
      <c r="AX30" s="51">
        <v>60</v>
      </c>
      <c r="AY30" s="42">
        <v>6417</v>
      </c>
      <c r="AZ30" s="51">
        <v>5074</v>
      </c>
      <c r="BA30" s="51">
        <v>32</v>
      </c>
      <c r="BB30" s="42">
        <v>5106</v>
      </c>
      <c r="BC30" s="51">
        <v>4376</v>
      </c>
      <c r="BD30" s="51">
        <v>21</v>
      </c>
      <c r="BE30" s="42">
        <v>4397</v>
      </c>
      <c r="BF30" s="51">
        <v>3210</v>
      </c>
      <c r="BG30" s="51">
        <v>15</v>
      </c>
      <c r="BH30" s="42">
        <v>3225</v>
      </c>
      <c r="BI30" s="51">
        <v>1617</v>
      </c>
      <c r="BJ30" s="51">
        <v>3</v>
      </c>
      <c r="BK30" s="42">
        <v>1620</v>
      </c>
      <c r="BL30" s="51">
        <v>454</v>
      </c>
      <c r="BM30" s="51">
        <v>1</v>
      </c>
      <c r="BN30" s="42">
        <v>455</v>
      </c>
      <c r="BO30" s="51">
        <v>74</v>
      </c>
      <c r="BP30" s="51">
        <v>0</v>
      </c>
      <c r="BQ30" s="43">
        <v>74</v>
      </c>
    </row>
    <row r="31" spans="1:69" ht="15" thickBot="1" x14ac:dyDescent="0.2">
      <c r="A31" s="53"/>
      <c r="B31" s="31" t="s">
        <v>32</v>
      </c>
      <c r="C31" s="79"/>
      <c r="D31" s="45">
        <v>162410</v>
      </c>
      <c r="E31" s="46">
        <v>4995</v>
      </c>
      <c r="F31" s="47">
        <v>167405</v>
      </c>
      <c r="G31" s="48">
        <v>5575</v>
      </c>
      <c r="H31" s="47">
        <v>245</v>
      </c>
      <c r="I31" s="47">
        <v>5820</v>
      </c>
      <c r="J31" s="48">
        <v>6468</v>
      </c>
      <c r="K31" s="47">
        <v>271</v>
      </c>
      <c r="L31" s="47">
        <v>6739</v>
      </c>
      <c r="M31" s="74">
        <v>6680</v>
      </c>
      <c r="N31" s="73">
        <v>182</v>
      </c>
      <c r="O31" s="73">
        <v>6862</v>
      </c>
      <c r="P31" s="48">
        <v>6598</v>
      </c>
      <c r="Q31" s="47">
        <v>110</v>
      </c>
      <c r="R31" s="47">
        <v>6708</v>
      </c>
      <c r="S31" s="48">
        <v>7718</v>
      </c>
      <c r="T31" s="47">
        <v>296</v>
      </c>
      <c r="U31" s="47">
        <v>8014</v>
      </c>
      <c r="V31" s="48">
        <v>7984</v>
      </c>
      <c r="W31" s="47">
        <v>493</v>
      </c>
      <c r="X31" s="47">
        <v>8477</v>
      </c>
      <c r="Y31" s="48">
        <v>8058</v>
      </c>
      <c r="Z31" s="47">
        <v>701</v>
      </c>
      <c r="AA31" s="47">
        <v>8759</v>
      </c>
      <c r="AB31" s="48">
        <v>9610</v>
      </c>
      <c r="AC31" s="47">
        <v>641</v>
      </c>
      <c r="AD31" s="47">
        <v>10251</v>
      </c>
      <c r="AE31" s="48">
        <v>10717</v>
      </c>
      <c r="AF31" s="47">
        <v>471</v>
      </c>
      <c r="AG31" s="47">
        <v>11188</v>
      </c>
      <c r="AH31" s="48">
        <v>13188</v>
      </c>
      <c r="AI31" s="47">
        <v>399</v>
      </c>
      <c r="AJ31" s="47">
        <v>13587</v>
      </c>
      <c r="AK31" s="48">
        <v>13266</v>
      </c>
      <c r="AL31" s="47">
        <v>361</v>
      </c>
      <c r="AM31" s="47">
        <v>13627</v>
      </c>
      <c r="AN31" s="48">
        <v>10925</v>
      </c>
      <c r="AO31" s="47">
        <v>277</v>
      </c>
      <c r="AP31" s="47">
        <v>11202</v>
      </c>
      <c r="AQ31" s="48">
        <v>9590</v>
      </c>
      <c r="AR31" s="47">
        <v>184</v>
      </c>
      <c r="AS31" s="47">
        <v>9774</v>
      </c>
      <c r="AT31" s="48">
        <v>9395</v>
      </c>
      <c r="AU31" s="47">
        <v>148</v>
      </c>
      <c r="AV31" s="47">
        <v>9543</v>
      </c>
      <c r="AW31" s="48">
        <v>12074</v>
      </c>
      <c r="AX31" s="47">
        <v>95</v>
      </c>
      <c r="AY31" s="47">
        <v>12169</v>
      </c>
      <c r="AZ31" s="48">
        <v>9112</v>
      </c>
      <c r="BA31" s="47">
        <v>59</v>
      </c>
      <c r="BB31" s="47">
        <v>9171</v>
      </c>
      <c r="BC31" s="48">
        <v>7440</v>
      </c>
      <c r="BD31" s="47">
        <v>31</v>
      </c>
      <c r="BE31" s="47">
        <v>7471</v>
      </c>
      <c r="BF31" s="48">
        <v>5059</v>
      </c>
      <c r="BG31" s="47">
        <v>20</v>
      </c>
      <c r="BH31" s="47">
        <v>5079</v>
      </c>
      <c r="BI31" s="48">
        <v>2279</v>
      </c>
      <c r="BJ31" s="47">
        <v>7</v>
      </c>
      <c r="BK31" s="47">
        <v>2286</v>
      </c>
      <c r="BL31" s="48">
        <v>590</v>
      </c>
      <c r="BM31" s="47">
        <v>2</v>
      </c>
      <c r="BN31" s="47">
        <v>592</v>
      </c>
      <c r="BO31" s="48">
        <v>84</v>
      </c>
      <c r="BP31" s="47">
        <v>0</v>
      </c>
      <c r="BQ31" s="49">
        <v>84</v>
      </c>
    </row>
    <row r="32" spans="1:69" x14ac:dyDescent="0.15">
      <c r="A32" s="52"/>
      <c r="B32" s="20" t="s">
        <v>29</v>
      </c>
      <c r="C32" s="77">
        <v>141089</v>
      </c>
      <c r="D32" s="36">
        <v>94660</v>
      </c>
      <c r="E32" s="37">
        <v>1574</v>
      </c>
      <c r="F32" s="38">
        <v>96234</v>
      </c>
      <c r="G32" s="51">
        <v>2940</v>
      </c>
      <c r="H32" s="51">
        <v>64</v>
      </c>
      <c r="I32" s="38">
        <v>3004</v>
      </c>
      <c r="J32" s="51">
        <v>3586</v>
      </c>
      <c r="K32" s="51">
        <v>60</v>
      </c>
      <c r="L32" s="38">
        <v>3646</v>
      </c>
      <c r="M32" s="75">
        <v>4128</v>
      </c>
      <c r="N32" s="75">
        <v>59</v>
      </c>
      <c r="O32" s="70">
        <v>4187</v>
      </c>
      <c r="P32" s="51">
        <v>4639</v>
      </c>
      <c r="Q32" s="51">
        <v>34</v>
      </c>
      <c r="R32" s="38">
        <v>4673</v>
      </c>
      <c r="S32" s="51">
        <v>5286</v>
      </c>
      <c r="T32" s="51">
        <v>167</v>
      </c>
      <c r="U32" s="38">
        <v>5453</v>
      </c>
      <c r="V32" s="51">
        <v>4411</v>
      </c>
      <c r="W32" s="51">
        <v>220</v>
      </c>
      <c r="X32" s="38">
        <v>4631</v>
      </c>
      <c r="Y32" s="51">
        <v>4350</v>
      </c>
      <c r="Z32" s="51">
        <v>215</v>
      </c>
      <c r="AA32" s="38">
        <v>4565</v>
      </c>
      <c r="AB32" s="51">
        <v>5045</v>
      </c>
      <c r="AC32" s="51">
        <v>162</v>
      </c>
      <c r="AD32" s="38">
        <v>5207</v>
      </c>
      <c r="AE32" s="51">
        <v>5970</v>
      </c>
      <c r="AF32" s="51">
        <v>132</v>
      </c>
      <c r="AG32" s="38">
        <v>6102</v>
      </c>
      <c r="AH32" s="51">
        <v>7603</v>
      </c>
      <c r="AI32" s="51">
        <v>118</v>
      </c>
      <c r="AJ32" s="38">
        <v>7721</v>
      </c>
      <c r="AK32" s="51">
        <v>7810</v>
      </c>
      <c r="AL32" s="51">
        <v>99</v>
      </c>
      <c r="AM32" s="38">
        <v>7909</v>
      </c>
      <c r="AN32" s="51">
        <v>6501</v>
      </c>
      <c r="AO32" s="51">
        <v>89</v>
      </c>
      <c r="AP32" s="38">
        <v>6590</v>
      </c>
      <c r="AQ32" s="51">
        <v>5802</v>
      </c>
      <c r="AR32" s="51">
        <v>40</v>
      </c>
      <c r="AS32" s="38">
        <v>5842</v>
      </c>
      <c r="AT32" s="51">
        <v>5925</v>
      </c>
      <c r="AU32" s="51">
        <v>36</v>
      </c>
      <c r="AV32" s="38">
        <v>5961</v>
      </c>
      <c r="AW32" s="51">
        <v>7766</v>
      </c>
      <c r="AX32" s="51">
        <v>38</v>
      </c>
      <c r="AY32" s="38">
        <v>7804</v>
      </c>
      <c r="AZ32" s="51">
        <v>5394</v>
      </c>
      <c r="BA32" s="51">
        <v>20</v>
      </c>
      <c r="BB32" s="38">
        <v>5414</v>
      </c>
      <c r="BC32" s="51">
        <v>4051</v>
      </c>
      <c r="BD32" s="51">
        <v>13</v>
      </c>
      <c r="BE32" s="38">
        <v>4064</v>
      </c>
      <c r="BF32" s="51">
        <v>2430</v>
      </c>
      <c r="BG32" s="51">
        <v>7</v>
      </c>
      <c r="BH32" s="38">
        <v>2437</v>
      </c>
      <c r="BI32" s="51">
        <v>836</v>
      </c>
      <c r="BJ32" s="51">
        <v>1</v>
      </c>
      <c r="BK32" s="38">
        <v>837</v>
      </c>
      <c r="BL32" s="51">
        <v>174</v>
      </c>
      <c r="BM32" s="51">
        <v>0</v>
      </c>
      <c r="BN32" s="38">
        <v>174</v>
      </c>
      <c r="BO32" s="51">
        <v>12</v>
      </c>
      <c r="BP32" s="51">
        <v>0</v>
      </c>
      <c r="BQ32" s="40">
        <v>12</v>
      </c>
    </row>
    <row r="33" spans="1:69" x14ac:dyDescent="0.15">
      <c r="A33" s="52" t="s">
        <v>41</v>
      </c>
      <c r="B33" s="25" t="s">
        <v>31</v>
      </c>
      <c r="C33" s="78"/>
      <c r="D33" s="41">
        <v>98521</v>
      </c>
      <c r="E33" s="39">
        <v>1708</v>
      </c>
      <c r="F33" s="42">
        <v>100229</v>
      </c>
      <c r="G33" s="51">
        <v>2808</v>
      </c>
      <c r="H33" s="51">
        <v>48</v>
      </c>
      <c r="I33" s="42">
        <v>2856</v>
      </c>
      <c r="J33" s="51">
        <v>3456</v>
      </c>
      <c r="K33" s="51">
        <v>54</v>
      </c>
      <c r="L33" s="42">
        <v>3510</v>
      </c>
      <c r="M33" s="75">
        <v>3960</v>
      </c>
      <c r="N33" s="75">
        <v>42</v>
      </c>
      <c r="O33" s="72">
        <v>4002</v>
      </c>
      <c r="P33" s="51">
        <v>4446</v>
      </c>
      <c r="Q33" s="51">
        <v>41</v>
      </c>
      <c r="R33" s="42">
        <v>4487</v>
      </c>
      <c r="S33" s="51">
        <v>4779</v>
      </c>
      <c r="T33" s="51">
        <v>127</v>
      </c>
      <c r="U33" s="42">
        <v>4906</v>
      </c>
      <c r="V33" s="51">
        <v>4056</v>
      </c>
      <c r="W33" s="51">
        <v>231</v>
      </c>
      <c r="X33" s="42">
        <v>4287</v>
      </c>
      <c r="Y33" s="51">
        <v>3982</v>
      </c>
      <c r="Z33" s="51">
        <v>209</v>
      </c>
      <c r="AA33" s="42">
        <v>4191</v>
      </c>
      <c r="AB33" s="51">
        <v>4745</v>
      </c>
      <c r="AC33" s="51">
        <v>203</v>
      </c>
      <c r="AD33" s="42">
        <v>4948</v>
      </c>
      <c r="AE33" s="51">
        <v>5894</v>
      </c>
      <c r="AF33" s="51">
        <v>166</v>
      </c>
      <c r="AG33" s="42">
        <v>6060</v>
      </c>
      <c r="AH33" s="51">
        <v>7392</v>
      </c>
      <c r="AI33" s="51">
        <v>149</v>
      </c>
      <c r="AJ33" s="42">
        <v>7541</v>
      </c>
      <c r="AK33" s="51">
        <v>7752</v>
      </c>
      <c r="AL33" s="51">
        <v>153</v>
      </c>
      <c r="AM33" s="42">
        <v>7905</v>
      </c>
      <c r="AN33" s="51">
        <v>6552</v>
      </c>
      <c r="AO33" s="51">
        <v>106</v>
      </c>
      <c r="AP33" s="42">
        <v>6658</v>
      </c>
      <c r="AQ33" s="51">
        <v>5890</v>
      </c>
      <c r="AR33" s="51">
        <v>54</v>
      </c>
      <c r="AS33" s="42">
        <v>5944</v>
      </c>
      <c r="AT33" s="51">
        <v>6362</v>
      </c>
      <c r="AU33" s="51">
        <v>54</v>
      </c>
      <c r="AV33" s="42">
        <v>6416</v>
      </c>
      <c r="AW33" s="51">
        <v>8576</v>
      </c>
      <c r="AX33" s="51">
        <v>25</v>
      </c>
      <c r="AY33" s="42">
        <v>8601</v>
      </c>
      <c r="AZ33" s="51">
        <v>6284</v>
      </c>
      <c r="BA33" s="51">
        <v>26</v>
      </c>
      <c r="BB33" s="42">
        <v>6310</v>
      </c>
      <c r="BC33" s="51">
        <v>5311</v>
      </c>
      <c r="BD33" s="51">
        <v>14</v>
      </c>
      <c r="BE33" s="42">
        <v>5325</v>
      </c>
      <c r="BF33" s="51">
        <v>3719</v>
      </c>
      <c r="BG33" s="51">
        <v>4</v>
      </c>
      <c r="BH33" s="42">
        <v>3723</v>
      </c>
      <c r="BI33" s="51">
        <v>1817</v>
      </c>
      <c r="BJ33" s="51">
        <v>1</v>
      </c>
      <c r="BK33" s="42">
        <v>1818</v>
      </c>
      <c r="BL33" s="51">
        <v>628</v>
      </c>
      <c r="BM33" s="51">
        <v>0</v>
      </c>
      <c r="BN33" s="42">
        <v>628</v>
      </c>
      <c r="BO33" s="51">
        <v>112</v>
      </c>
      <c r="BP33" s="51">
        <v>0</v>
      </c>
      <c r="BQ33" s="43">
        <v>112</v>
      </c>
    </row>
    <row r="34" spans="1:69" ht="15" thickBot="1" x14ac:dyDescent="0.2">
      <c r="A34" s="53"/>
      <c r="B34" s="31" t="s">
        <v>32</v>
      </c>
      <c r="C34" s="79"/>
      <c r="D34" s="45">
        <v>193181</v>
      </c>
      <c r="E34" s="46">
        <v>3282</v>
      </c>
      <c r="F34" s="47">
        <v>196463</v>
      </c>
      <c r="G34" s="48">
        <v>5748</v>
      </c>
      <c r="H34" s="47">
        <v>112</v>
      </c>
      <c r="I34" s="47">
        <v>5860</v>
      </c>
      <c r="J34" s="48">
        <v>7042</v>
      </c>
      <c r="K34" s="47">
        <v>114</v>
      </c>
      <c r="L34" s="47">
        <v>7156</v>
      </c>
      <c r="M34" s="74">
        <v>8088</v>
      </c>
      <c r="N34" s="73">
        <v>101</v>
      </c>
      <c r="O34" s="73">
        <v>8189</v>
      </c>
      <c r="P34" s="48">
        <v>9085</v>
      </c>
      <c r="Q34" s="47">
        <v>75</v>
      </c>
      <c r="R34" s="47">
        <v>9160</v>
      </c>
      <c r="S34" s="48">
        <v>10065</v>
      </c>
      <c r="T34" s="47">
        <v>294</v>
      </c>
      <c r="U34" s="47">
        <v>10359</v>
      </c>
      <c r="V34" s="48">
        <v>8467</v>
      </c>
      <c r="W34" s="47">
        <v>451</v>
      </c>
      <c r="X34" s="47">
        <v>8918</v>
      </c>
      <c r="Y34" s="48">
        <v>8332</v>
      </c>
      <c r="Z34" s="47">
        <v>424</v>
      </c>
      <c r="AA34" s="47">
        <v>8756</v>
      </c>
      <c r="AB34" s="48">
        <v>9790</v>
      </c>
      <c r="AC34" s="47">
        <v>365</v>
      </c>
      <c r="AD34" s="47">
        <v>10155</v>
      </c>
      <c r="AE34" s="48">
        <v>11864</v>
      </c>
      <c r="AF34" s="47">
        <v>298</v>
      </c>
      <c r="AG34" s="47">
        <v>12162</v>
      </c>
      <c r="AH34" s="48">
        <v>14995</v>
      </c>
      <c r="AI34" s="47">
        <v>267</v>
      </c>
      <c r="AJ34" s="47">
        <v>15262</v>
      </c>
      <c r="AK34" s="48">
        <v>15562</v>
      </c>
      <c r="AL34" s="47">
        <v>252</v>
      </c>
      <c r="AM34" s="47">
        <v>15814</v>
      </c>
      <c r="AN34" s="48">
        <v>13053</v>
      </c>
      <c r="AO34" s="47">
        <v>195</v>
      </c>
      <c r="AP34" s="47">
        <v>13248</v>
      </c>
      <c r="AQ34" s="48">
        <v>11692</v>
      </c>
      <c r="AR34" s="47">
        <v>94</v>
      </c>
      <c r="AS34" s="47">
        <v>11786</v>
      </c>
      <c r="AT34" s="48">
        <v>12287</v>
      </c>
      <c r="AU34" s="47">
        <v>90</v>
      </c>
      <c r="AV34" s="47">
        <v>12377</v>
      </c>
      <c r="AW34" s="48">
        <v>16342</v>
      </c>
      <c r="AX34" s="47">
        <v>63</v>
      </c>
      <c r="AY34" s="47">
        <v>16405</v>
      </c>
      <c r="AZ34" s="48">
        <v>11678</v>
      </c>
      <c r="BA34" s="47">
        <v>46</v>
      </c>
      <c r="BB34" s="47">
        <v>11724</v>
      </c>
      <c r="BC34" s="48">
        <v>9362</v>
      </c>
      <c r="BD34" s="47">
        <v>27</v>
      </c>
      <c r="BE34" s="47">
        <v>9389</v>
      </c>
      <c r="BF34" s="48">
        <v>6149</v>
      </c>
      <c r="BG34" s="47">
        <v>11</v>
      </c>
      <c r="BH34" s="47">
        <v>6160</v>
      </c>
      <c r="BI34" s="48">
        <v>2653</v>
      </c>
      <c r="BJ34" s="47">
        <v>2</v>
      </c>
      <c r="BK34" s="47">
        <v>2655</v>
      </c>
      <c r="BL34" s="48">
        <v>802</v>
      </c>
      <c r="BM34" s="47">
        <v>0</v>
      </c>
      <c r="BN34" s="47">
        <v>802</v>
      </c>
      <c r="BO34" s="48">
        <v>124</v>
      </c>
      <c r="BP34" s="47">
        <v>0</v>
      </c>
      <c r="BQ34" s="49">
        <v>124</v>
      </c>
    </row>
    <row r="35" spans="1:69" x14ac:dyDescent="0.15">
      <c r="A35" s="52"/>
      <c r="B35" s="20" t="s">
        <v>29</v>
      </c>
      <c r="C35" s="77">
        <v>141097</v>
      </c>
      <c r="D35" s="36">
        <v>171730</v>
      </c>
      <c r="E35" s="37">
        <v>3349</v>
      </c>
      <c r="F35" s="38">
        <v>175079</v>
      </c>
      <c r="G35" s="51">
        <v>7550</v>
      </c>
      <c r="H35" s="51">
        <v>120</v>
      </c>
      <c r="I35" s="38">
        <v>7670</v>
      </c>
      <c r="J35" s="51">
        <v>7626</v>
      </c>
      <c r="K35" s="51">
        <v>81</v>
      </c>
      <c r="L35" s="38">
        <v>7707</v>
      </c>
      <c r="M35" s="75">
        <v>7127</v>
      </c>
      <c r="N35" s="75">
        <v>63</v>
      </c>
      <c r="O35" s="70">
        <v>7190</v>
      </c>
      <c r="P35" s="51">
        <v>7015</v>
      </c>
      <c r="Q35" s="51">
        <v>54</v>
      </c>
      <c r="R35" s="38">
        <v>7069</v>
      </c>
      <c r="S35" s="51">
        <v>9657</v>
      </c>
      <c r="T35" s="51">
        <v>311</v>
      </c>
      <c r="U35" s="38">
        <v>9968</v>
      </c>
      <c r="V35" s="51">
        <v>12251</v>
      </c>
      <c r="W35" s="51">
        <v>628</v>
      </c>
      <c r="X35" s="38">
        <v>12879</v>
      </c>
      <c r="Y35" s="51">
        <v>11842</v>
      </c>
      <c r="Z35" s="51">
        <v>585</v>
      </c>
      <c r="AA35" s="38">
        <v>12427</v>
      </c>
      <c r="AB35" s="51">
        <v>12963</v>
      </c>
      <c r="AC35" s="51">
        <v>444</v>
      </c>
      <c r="AD35" s="38">
        <v>13407</v>
      </c>
      <c r="AE35" s="51">
        <v>13449</v>
      </c>
      <c r="AF35" s="51">
        <v>280</v>
      </c>
      <c r="AG35" s="38">
        <v>13729</v>
      </c>
      <c r="AH35" s="51">
        <v>15028</v>
      </c>
      <c r="AI35" s="51">
        <v>200</v>
      </c>
      <c r="AJ35" s="38">
        <v>15228</v>
      </c>
      <c r="AK35" s="51">
        <v>15287</v>
      </c>
      <c r="AL35" s="51">
        <v>178</v>
      </c>
      <c r="AM35" s="38">
        <v>15465</v>
      </c>
      <c r="AN35" s="51">
        <v>11995</v>
      </c>
      <c r="AO35" s="51">
        <v>160</v>
      </c>
      <c r="AP35" s="38">
        <v>12155</v>
      </c>
      <c r="AQ35" s="51">
        <v>9099</v>
      </c>
      <c r="AR35" s="51">
        <v>96</v>
      </c>
      <c r="AS35" s="38">
        <v>9195</v>
      </c>
      <c r="AT35" s="51">
        <v>7667</v>
      </c>
      <c r="AU35" s="51">
        <v>49</v>
      </c>
      <c r="AV35" s="38">
        <v>7716</v>
      </c>
      <c r="AW35" s="51">
        <v>8832</v>
      </c>
      <c r="AX35" s="51">
        <v>49</v>
      </c>
      <c r="AY35" s="38">
        <v>8881</v>
      </c>
      <c r="AZ35" s="51">
        <v>5875</v>
      </c>
      <c r="BA35" s="51">
        <v>24</v>
      </c>
      <c r="BB35" s="38">
        <v>5899</v>
      </c>
      <c r="BC35" s="51">
        <v>4475</v>
      </c>
      <c r="BD35" s="51">
        <v>9</v>
      </c>
      <c r="BE35" s="38">
        <v>4484</v>
      </c>
      <c r="BF35" s="51">
        <v>2685</v>
      </c>
      <c r="BG35" s="51">
        <v>11</v>
      </c>
      <c r="BH35" s="38">
        <v>2696</v>
      </c>
      <c r="BI35" s="51">
        <v>1043</v>
      </c>
      <c r="BJ35" s="51">
        <v>4</v>
      </c>
      <c r="BK35" s="38">
        <v>1047</v>
      </c>
      <c r="BL35" s="51">
        <v>243</v>
      </c>
      <c r="BM35" s="51">
        <v>2</v>
      </c>
      <c r="BN35" s="38">
        <v>245</v>
      </c>
      <c r="BO35" s="51">
        <v>21</v>
      </c>
      <c r="BP35" s="51">
        <v>0</v>
      </c>
      <c r="BQ35" s="40">
        <v>21</v>
      </c>
    </row>
    <row r="36" spans="1:69" x14ac:dyDescent="0.15">
      <c r="A36" s="52" t="s">
        <v>42</v>
      </c>
      <c r="B36" s="25" t="s">
        <v>31</v>
      </c>
      <c r="C36" s="78"/>
      <c r="D36" s="41">
        <v>173549</v>
      </c>
      <c r="E36" s="39">
        <v>3350</v>
      </c>
      <c r="F36" s="42">
        <v>176899</v>
      </c>
      <c r="G36" s="51">
        <v>7073</v>
      </c>
      <c r="H36" s="51">
        <v>91</v>
      </c>
      <c r="I36" s="42">
        <v>7164</v>
      </c>
      <c r="J36" s="51">
        <v>7270</v>
      </c>
      <c r="K36" s="51">
        <v>83</v>
      </c>
      <c r="L36" s="42">
        <v>7353</v>
      </c>
      <c r="M36" s="75">
        <v>6829</v>
      </c>
      <c r="N36" s="75">
        <v>46</v>
      </c>
      <c r="O36" s="72">
        <v>6875</v>
      </c>
      <c r="P36" s="51">
        <v>6764</v>
      </c>
      <c r="Q36" s="51">
        <v>55</v>
      </c>
      <c r="R36" s="42">
        <v>6819</v>
      </c>
      <c r="S36" s="51">
        <v>9590</v>
      </c>
      <c r="T36" s="51">
        <v>253</v>
      </c>
      <c r="U36" s="42">
        <v>9843</v>
      </c>
      <c r="V36" s="51">
        <v>11895</v>
      </c>
      <c r="W36" s="51">
        <v>543</v>
      </c>
      <c r="X36" s="42">
        <v>12438</v>
      </c>
      <c r="Y36" s="51">
        <v>11737</v>
      </c>
      <c r="Z36" s="51">
        <v>521</v>
      </c>
      <c r="AA36" s="42">
        <v>12258</v>
      </c>
      <c r="AB36" s="51">
        <v>12158</v>
      </c>
      <c r="AC36" s="51">
        <v>374</v>
      </c>
      <c r="AD36" s="42">
        <v>12532</v>
      </c>
      <c r="AE36" s="51">
        <v>12706</v>
      </c>
      <c r="AF36" s="51">
        <v>342</v>
      </c>
      <c r="AG36" s="42">
        <v>13048</v>
      </c>
      <c r="AH36" s="51">
        <v>14377</v>
      </c>
      <c r="AI36" s="51">
        <v>243</v>
      </c>
      <c r="AJ36" s="42">
        <v>14620</v>
      </c>
      <c r="AK36" s="51">
        <v>14420</v>
      </c>
      <c r="AL36" s="51">
        <v>284</v>
      </c>
      <c r="AM36" s="42">
        <v>14704</v>
      </c>
      <c r="AN36" s="51">
        <v>10932</v>
      </c>
      <c r="AO36" s="51">
        <v>190</v>
      </c>
      <c r="AP36" s="42">
        <v>11122</v>
      </c>
      <c r="AQ36" s="51">
        <v>8664</v>
      </c>
      <c r="AR36" s="51">
        <v>124</v>
      </c>
      <c r="AS36" s="42">
        <v>8788</v>
      </c>
      <c r="AT36" s="51">
        <v>7818</v>
      </c>
      <c r="AU36" s="51">
        <v>81</v>
      </c>
      <c r="AV36" s="42">
        <v>7899</v>
      </c>
      <c r="AW36" s="51">
        <v>9566</v>
      </c>
      <c r="AX36" s="51">
        <v>45</v>
      </c>
      <c r="AY36" s="42">
        <v>9611</v>
      </c>
      <c r="AZ36" s="51">
        <v>7421</v>
      </c>
      <c r="BA36" s="51">
        <v>36</v>
      </c>
      <c r="BB36" s="42">
        <v>7457</v>
      </c>
      <c r="BC36" s="51">
        <v>6274</v>
      </c>
      <c r="BD36" s="51">
        <v>14</v>
      </c>
      <c r="BE36" s="42">
        <v>6288</v>
      </c>
      <c r="BF36" s="51">
        <v>4591</v>
      </c>
      <c r="BG36" s="51">
        <v>16</v>
      </c>
      <c r="BH36" s="42">
        <v>4607</v>
      </c>
      <c r="BI36" s="51">
        <v>2532</v>
      </c>
      <c r="BJ36" s="51">
        <v>6</v>
      </c>
      <c r="BK36" s="42">
        <v>2538</v>
      </c>
      <c r="BL36" s="51">
        <v>805</v>
      </c>
      <c r="BM36" s="51">
        <v>3</v>
      </c>
      <c r="BN36" s="42">
        <v>808</v>
      </c>
      <c r="BO36" s="51">
        <v>127</v>
      </c>
      <c r="BP36" s="51">
        <v>0</v>
      </c>
      <c r="BQ36" s="43">
        <v>127</v>
      </c>
    </row>
    <row r="37" spans="1:69" ht="15" thickBot="1" x14ac:dyDescent="0.2">
      <c r="A37" s="53"/>
      <c r="B37" s="31" t="s">
        <v>32</v>
      </c>
      <c r="C37" s="79"/>
      <c r="D37" s="45">
        <v>345279</v>
      </c>
      <c r="E37" s="46">
        <v>6699</v>
      </c>
      <c r="F37" s="47">
        <v>351978</v>
      </c>
      <c r="G37" s="48">
        <v>14623</v>
      </c>
      <c r="H37" s="47">
        <v>211</v>
      </c>
      <c r="I37" s="47">
        <v>14834</v>
      </c>
      <c r="J37" s="48">
        <v>14896</v>
      </c>
      <c r="K37" s="47">
        <v>164</v>
      </c>
      <c r="L37" s="47">
        <v>15060</v>
      </c>
      <c r="M37" s="74">
        <v>13956</v>
      </c>
      <c r="N37" s="73">
        <v>109</v>
      </c>
      <c r="O37" s="73">
        <v>14065</v>
      </c>
      <c r="P37" s="48">
        <v>13779</v>
      </c>
      <c r="Q37" s="47">
        <v>109</v>
      </c>
      <c r="R37" s="47">
        <v>13888</v>
      </c>
      <c r="S37" s="48">
        <v>19247</v>
      </c>
      <c r="T37" s="47">
        <v>564</v>
      </c>
      <c r="U37" s="47">
        <v>19811</v>
      </c>
      <c r="V37" s="48">
        <v>24146</v>
      </c>
      <c r="W37" s="47">
        <v>1171</v>
      </c>
      <c r="X37" s="47">
        <v>25317</v>
      </c>
      <c r="Y37" s="48">
        <v>23579</v>
      </c>
      <c r="Z37" s="47">
        <v>1106</v>
      </c>
      <c r="AA37" s="47">
        <v>24685</v>
      </c>
      <c r="AB37" s="48">
        <v>25121</v>
      </c>
      <c r="AC37" s="47">
        <v>818</v>
      </c>
      <c r="AD37" s="47">
        <v>25939</v>
      </c>
      <c r="AE37" s="48">
        <v>26155</v>
      </c>
      <c r="AF37" s="47">
        <v>622</v>
      </c>
      <c r="AG37" s="47">
        <v>26777</v>
      </c>
      <c r="AH37" s="48">
        <v>29405</v>
      </c>
      <c r="AI37" s="47">
        <v>443</v>
      </c>
      <c r="AJ37" s="47">
        <v>29848</v>
      </c>
      <c r="AK37" s="48">
        <v>29707</v>
      </c>
      <c r="AL37" s="47">
        <v>462</v>
      </c>
      <c r="AM37" s="47">
        <v>30169</v>
      </c>
      <c r="AN37" s="48">
        <v>22927</v>
      </c>
      <c r="AO37" s="47">
        <v>350</v>
      </c>
      <c r="AP37" s="47">
        <v>23277</v>
      </c>
      <c r="AQ37" s="48">
        <v>17763</v>
      </c>
      <c r="AR37" s="47">
        <v>220</v>
      </c>
      <c r="AS37" s="47">
        <v>17983</v>
      </c>
      <c r="AT37" s="48">
        <v>15485</v>
      </c>
      <c r="AU37" s="47">
        <v>130</v>
      </c>
      <c r="AV37" s="47">
        <v>15615</v>
      </c>
      <c r="AW37" s="48">
        <v>18398</v>
      </c>
      <c r="AX37" s="47">
        <v>94</v>
      </c>
      <c r="AY37" s="47">
        <v>18492</v>
      </c>
      <c r="AZ37" s="48">
        <v>13296</v>
      </c>
      <c r="BA37" s="47">
        <v>60</v>
      </c>
      <c r="BB37" s="47">
        <v>13356</v>
      </c>
      <c r="BC37" s="48">
        <v>10749</v>
      </c>
      <c r="BD37" s="47">
        <v>23</v>
      </c>
      <c r="BE37" s="47">
        <v>10772</v>
      </c>
      <c r="BF37" s="48">
        <v>7276</v>
      </c>
      <c r="BG37" s="47">
        <v>27</v>
      </c>
      <c r="BH37" s="47">
        <v>7303</v>
      </c>
      <c r="BI37" s="48">
        <v>3575</v>
      </c>
      <c r="BJ37" s="47">
        <v>10</v>
      </c>
      <c r="BK37" s="47">
        <v>3585</v>
      </c>
      <c r="BL37" s="48">
        <v>1048</v>
      </c>
      <c r="BM37" s="47">
        <v>5</v>
      </c>
      <c r="BN37" s="47">
        <v>1053</v>
      </c>
      <c r="BO37" s="48">
        <v>148</v>
      </c>
      <c r="BP37" s="47">
        <v>0</v>
      </c>
      <c r="BQ37" s="49">
        <v>148</v>
      </c>
    </row>
    <row r="38" spans="1:69" x14ac:dyDescent="0.15">
      <c r="A38" s="52"/>
      <c r="B38" s="20" t="s">
        <v>29</v>
      </c>
      <c r="C38" s="77">
        <v>141101</v>
      </c>
      <c r="D38" s="36">
        <v>136875</v>
      </c>
      <c r="E38" s="37">
        <v>2135</v>
      </c>
      <c r="F38" s="38">
        <v>139010</v>
      </c>
      <c r="G38" s="51">
        <v>5530</v>
      </c>
      <c r="H38" s="51">
        <v>106</v>
      </c>
      <c r="I38" s="38">
        <v>5636</v>
      </c>
      <c r="J38" s="51">
        <v>6133</v>
      </c>
      <c r="K38" s="51">
        <v>93</v>
      </c>
      <c r="L38" s="38">
        <v>6226</v>
      </c>
      <c r="M38" s="75">
        <v>6609</v>
      </c>
      <c r="N38" s="75">
        <v>55</v>
      </c>
      <c r="O38" s="70">
        <v>6664</v>
      </c>
      <c r="P38" s="51">
        <v>6747</v>
      </c>
      <c r="Q38" s="51">
        <v>44</v>
      </c>
      <c r="R38" s="38">
        <v>6791</v>
      </c>
      <c r="S38" s="51">
        <v>7015</v>
      </c>
      <c r="T38" s="51">
        <v>220</v>
      </c>
      <c r="U38" s="38">
        <v>7235</v>
      </c>
      <c r="V38" s="51">
        <v>6466</v>
      </c>
      <c r="W38" s="51">
        <v>300</v>
      </c>
      <c r="X38" s="38">
        <v>6766</v>
      </c>
      <c r="Y38" s="51">
        <v>7269</v>
      </c>
      <c r="Z38" s="51">
        <v>318</v>
      </c>
      <c r="AA38" s="38">
        <v>7587</v>
      </c>
      <c r="AB38" s="51">
        <v>8473</v>
      </c>
      <c r="AC38" s="51">
        <v>279</v>
      </c>
      <c r="AD38" s="38">
        <v>8752</v>
      </c>
      <c r="AE38" s="51">
        <v>9628</v>
      </c>
      <c r="AF38" s="51">
        <v>177</v>
      </c>
      <c r="AG38" s="38">
        <v>9805</v>
      </c>
      <c r="AH38" s="51">
        <v>11887</v>
      </c>
      <c r="AI38" s="51">
        <v>132</v>
      </c>
      <c r="AJ38" s="38">
        <v>12019</v>
      </c>
      <c r="AK38" s="51">
        <v>12189</v>
      </c>
      <c r="AL38" s="51">
        <v>116</v>
      </c>
      <c r="AM38" s="38">
        <v>12305</v>
      </c>
      <c r="AN38" s="51">
        <v>9537</v>
      </c>
      <c r="AO38" s="51">
        <v>103</v>
      </c>
      <c r="AP38" s="38">
        <v>9640</v>
      </c>
      <c r="AQ38" s="51">
        <v>7448</v>
      </c>
      <c r="AR38" s="51">
        <v>69</v>
      </c>
      <c r="AS38" s="38">
        <v>7517</v>
      </c>
      <c r="AT38" s="51">
        <v>7017</v>
      </c>
      <c r="AU38" s="51">
        <v>45</v>
      </c>
      <c r="AV38" s="38">
        <v>7062</v>
      </c>
      <c r="AW38" s="51">
        <v>8991</v>
      </c>
      <c r="AX38" s="51">
        <v>24</v>
      </c>
      <c r="AY38" s="38">
        <v>9015</v>
      </c>
      <c r="AZ38" s="51">
        <v>6415</v>
      </c>
      <c r="BA38" s="51">
        <v>27</v>
      </c>
      <c r="BB38" s="38">
        <v>6442</v>
      </c>
      <c r="BC38" s="51">
        <v>5295</v>
      </c>
      <c r="BD38" s="51">
        <v>15</v>
      </c>
      <c r="BE38" s="38">
        <v>5310</v>
      </c>
      <c r="BF38" s="51">
        <v>3040</v>
      </c>
      <c r="BG38" s="51">
        <v>5</v>
      </c>
      <c r="BH38" s="38">
        <v>3045</v>
      </c>
      <c r="BI38" s="51">
        <v>969</v>
      </c>
      <c r="BJ38" s="51">
        <v>6</v>
      </c>
      <c r="BK38" s="38">
        <v>975</v>
      </c>
      <c r="BL38" s="51">
        <v>202</v>
      </c>
      <c r="BM38" s="51">
        <v>1</v>
      </c>
      <c r="BN38" s="38">
        <v>203</v>
      </c>
      <c r="BO38" s="51">
        <v>15</v>
      </c>
      <c r="BP38" s="51">
        <v>0</v>
      </c>
      <c r="BQ38" s="40">
        <v>15</v>
      </c>
    </row>
    <row r="39" spans="1:69" x14ac:dyDescent="0.15">
      <c r="A39" s="52" t="s">
        <v>43</v>
      </c>
      <c r="B39" s="25" t="s">
        <v>31</v>
      </c>
      <c r="C39" s="78"/>
      <c r="D39" s="41">
        <v>141546</v>
      </c>
      <c r="E39" s="39">
        <v>2158</v>
      </c>
      <c r="F39" s="42">
        <v>143704</v>
      </c>
      <c r="G39" s="51">
        <v>5394</v>
      </c>
      <c r="H39" s="51">
        <v>76</v>
      </c>
      <c r="I39" s="42">
        <v>5470</v>
      </c>
      <c r="J39" s="51">
        <v>5904</v>
      </c>
      <c r="K39" s="51">
        <v>89</v>
      </c>
      <c r="L39" s="42">
        <v>5993</v>
      </c>
      <c r="M39" s="75">
        <v>6222</v>
      </c>
      <c r="N39" s="75">
        <v>68</v>
      </c>
      <c r="O39" s="72">
        <v>6290</v>
      </c>
      <c r="P39" s="51">
        <v>6612</v>
      </c>
      <c r="Q39" s="51">
        <v>52</v>
      </c>
      <c r="R39" s="42">
        <v>6664</v>
      </c>
      <c r="S39" s="51">
        <v>6912</v>
      </c>
      <c r="T39" s="51">
        <v>133</v>
      </c>
      <c r="U39" s="42">
        <v>7045</v>
      </c>
      <c r="V39" s="51">
        <v>6533</v>
      </c>
      <c r="W39" s="51">
        <v>194</v>
      </c>
      <c r="X39" s="42">
        <v>6727</v>
      </c>
      <c r="Y39" s="51">
        <v>7167</v>
      </c>
      <c r="Z39" s="51">
        <v>219</v>
      </c>
      <c r="AA39" s="42">
        <v>7386</v>
      </c>
      <c r="AB39" s="51">
        <v>8101</v>
      </c>
      <c r="AC39" s="51">
        <v>263</v>
      </c>
      <c r="AD39" s="42">
        <v>8364</v>
      </c>
      <c r="AE39" s="51">
        <v>9145</v>
      </c>
      <c r="AF39" s="51">
        <v>222</v>
      </c>
      <c r="AG39" s="42">
        <v>9367</v>
      </c>
      <c r="AH39" s="51">
        <v>11595</v>
      </c>
      <c r="AI39" s="51">
        <v>218</v>
      </c>
      <c r="AJ39" s="42">
        <v>11813</v>
      </c>
      <c r="AK39" s="51">
        <v>11608</v>
      </c>
      <c r="AL39" s="51">
        <v>199</v>
      </c>
      <c r="AM39" s="42">
        <v>11807</v>
      </c>
      <c r="AN39" s="51">
        <v>8695</v>
      </c>
      <c r="AO39" s="51">
        <v>164</v>
      </c>
      <c r="AP39" s="42">
        <v>8859</v>
      </c>
      <c r="AQ39" s="51">
        <v>7240</v>
      </c>
      <c r="AR39" s="51">
        <v>84</v>
      </c>
      <c r="AS39" s="42">
        <v>7324</v>
      </c>
      <c r="AT39" s="51">
        <v>7669</v>
      </c>
      <c r="AU39" s="51">
        <v>70</v>
      </c>
      <c r="AV39" s="42">
        <v>7739</v>
      </c>
      <c r="AW39" s="51">
        <v>10152</v>
      </c>
      <c r="AX39" s="51">
        <v>45</v>
      </c>
      <c r="AY39" s="42">
        <v>10197</v>
      </c>
      <c r="AZ39" s="51">
        <v>8057</v>
      </c>
      <c r="BA39" s="51">
        <v>26</v>
      </c>
      <c r="BB39" s="42">
        <v>8083</v>
      </c>
      <c r="BC39" s="51">
        <v>6916</v>
      </c>
      <c r="BD39" s="51">
        <v>13</v>
      </c>
      <c r="BE39" s="42">
        <v>6929</v>
      </c>
      <c r="BF39" s="51">
        <v>4653</v>
      </c>
      <c r="BG39" s="51">
        <v>10</v>
      </c>
      <c r="BH39" s="42">
        <v>4663</v>
      </c>
      <c r="BI39" s="51">
        <v>2165</v>
      </c>
      <c r="BJ39" s="51">
        <v>11</v>
      </c>
      <c r="BK39" s="42">
        <v>2176</v>
      </c>
      <c r="BL39" s="51">
        <v>706</v>
      </c>
      <c r="BM39" s="51">
        <v>2</v>
      </c>
      <c r="BN39" s="42">
        <v>708</v>
      </c>
      <c r="BO39" s="51">
        <v>100</v>
      </c>
      <c r="BP39" s="51">
        <v>0</v>
      </c>
      <c r="BQ39" s="43">
        <v>100</v>
      </c>
    </row>
    <row r="40" spans="1:69" ht="15" thickBot="1" x14ac:dyDescent="0.2">
      <c r="A40" s="53"/>
      <c r="B40" s="31" t="s">
        <v>32</v>
      </c>
      <c r="C40" s="79"/>
      <c r="D40" s="45">
        <v>278421</v>
      </c>
      <c r="E40" s="46">
        <v>4293</v>
      </c>
      <c r="F40" s="47">
        <v>282714</v>
      </c>
      <c r="G40" s="48">
        <v>10924</v>
      </c>
      <c r="H40" s="47">
        <v>182</v>
      </c>
      <c r="I40" s="47">
        <v>11106</v>
      </c>
      <c r="J40" s="48">
        <v>12037</v>
      </c>
      <c r="K40" s="47">
        <v>182</v>
      </c>
      <c r="L40" s="47">
        <v>12219</v>
      </c>
      <c r="M40" s="74">
        <v>12831</v>
      </c>
      <c r="N40" s="73">
        <v>123</v>
      </c>
      <c r="O40" s="73">
        <v>12954</v>
      </c>
      <c r="P40" s="48">
        <v>13359</v>
      </c>
      <c r="Q40" s="47">
        <v>96</v>
      </c>
      <c r="R40" s="47">
        <v>13455</v>
      </c>
      <c r="S40" s="48">
        <v>13927</v>
      </c>
      <c r="T40" s="47">
        <v>353</v>
      </c>
      <c r="U40" s="47">
        <v>14280</v>
      </c>
      <c r="V40" s="48">
        <v>12999</v>
      </c>
      <c r="W40" s="47">
        <v>494</v>
      </c>
      <c r="X40" s="47">
        <v>13493</v>
      </c>
      <c r="Y40" s="48">
        <v>14436</v>
      </c>
      <c r="Z40" s="47">
        <v>537</v>
      </c>
      <c r="AA40" s="47">
        <v>14973</v>
      </c>
      <c r="AB40" s="48">
        <v>16574</v>
      </c>
      <c r="AC40" s="47">
        <v>542</v>
      </c>
      <c r="AD40" s="47">
        <v>17116</v>
      </c>
      <c r="AE40" s="48">
        <v>18773</v>
      </c>
      <c r="AF40" s="47">
        <v>399</v>
      </c>
      <c r="AG40" s="47">
        <v>19172</v>
      </c>
      <c r="AH40" s="48">
        <v>23482</v>
      </c>
      <c r="AI40" s="47">
        <v>350</v>
      </c>
      <c r="AJ40" s="47">
        <v>23832</v>
      </c>
      <c r="AK40" s="48">
        <v>23797</v>
      </c>
      <c r="AL40" s="47">
        <v>315</v>
      </c>
      <c r="AM40" s="47">
        <v>24112</v>
      </c>
      <c r="AN40" s="48">
        <v>18232</v>
      </c>
      <c r="AO40" s="47">
        <v>267</v>
      </c>
      <c r="AP40" s="47">
        <v>18499</v>
      </c>
      <c r="AQ40" s="48">
        <v>14688</v>
      </c>
      <c r="AR40" s="47">
        <v>153</v>
      </c>
      <c r="AS40" s="47">
        <v>14841</v>
      </c>
      <c r="AT40" s="48">
        <v>14686</v>
      </c>
      <c r="AU40" s="47">
        <v>115</v>
      </c>
      <c r="AV40" s="47">
        <v>14801</v>
      </c>
      <c r="AW40" s="48">
        <v>19143</v>
      </c>
      <c r="AX40" s="47">
        <v>69</v>
      </c>
      <c r="AY40" s="47">
        <v>19212</v>
      </c>
      <c r="AZ40" s="48">
        <v>14472</v>
      </c>
      <c r="BA40" s="47">
        <v>53</v>
      </c>
      <c r="BB40" s="47">
        <v>14525</v>
      </c>
      <c r="BC40" s="48">
        <v>12211</v>
      </c>
      <c r="BD40" s="47">
        <v>28</v>
      </c>
      <c r="BE40" s="47">
        <v>12239</v>
      </c>
      <c r="BF40" s="48">
        <v>7693</v>
      </c>
      <c r="BG40" s="47">
        <v>15</v>
      </c>
      <c r="BH40" s="47">
        <v>7708</v>
      </c>
      <c r="BI40" s="48">
        <v>3134</v>
      </c>
      <c r="BJ40" s="47">
        <v>17</v>
      </c>
      <c r="BK40" s="47">
        <v>3151</v>
      </c>
      <c r="BL40" s="48">
        <v>908</v>
      </c>
      <c r="BM40" s="47">
        <v>3</v>
      </c>
      <c r="BN40" s="47">
        <v>911</v>
      </c>
      <c r="BO40" s="48">
        <v>115</v>
      </c>
      <c r="BP40" s="47">
        <v>0</v>
      </c>
      <c r="BQ40" s="49">
        <v>115</v>
      </c>
    </row>
    <row r="41" spans="1:69" x14ac:dyDescent="0.15">
      <c r="A41" s="52"/>
      <c r="B41" s="20" t="s">
        <v>29</v>
      </c>
      <c r="C41" s="77">
        <v>141119</v>
      </c>
      <c r="D41" s="36">
        <v>103287</v>
      </c>
      <c r="E41" s="37">
        <v>1364</v>
      </c>
      <c r="F41" s="38">
        <v>104651</v>
      </c>
      <c r="G41" s="51">
        <v>3602</v>
      </c>
      <c r="H41" s="51">
        <v>55</v>
      </c>
      <c r="I41" s="38">
        <v>3657</v>
      </c>
      <c r="J41" s="51">
        <v>3992</v>
      </c>
      <c r="K41" s="51">
        <v>53</v>
      </c>
      <c r="L41" s="38">
        <v>4045</v>
      </c>
      <c r="M41" s="75">
        <v>4437</v>
      </c>
      <c r="N41" s="75">
        <v>37</v>
      </c>
      <c r="O41" s="70">
        <v>4474</v>
      </c>
      <c r="P41" s="51">
        <v>4754</v>
      </c>
      <c r="Q41" s="51">
        <v>40</v>
      </c>
      <c r="R41" s="38">
        <v>4794</v>
      </c>
      <c r="S41" s="51">
        <v>5252</v>
      </c>
      <c r="T41" s="51">
        <v>114</v>
      </c>
      <c r="U41" s="38">
        <v>5366</v>
      </c>
      <c r="V41" s="51">
        <v>5006</v>
      </c>
      <c r="W41" s="51">
        <v>198</v>
      </c>
      <c r="X41" s="38">
        <v>5204</v>
      </c>
      <c r="Y41" s="51">
        <v>5298</v>
      </c>
      <c r="Z41" s="51">
        <v>170</v>
      </c>
      <c r="AA41" s="38">
        <v>5468</v>
      </c>
      <c r="AB41" s="51">
        <v>5911</v>
      </c>
      <c r="AC41" s="51">
        <v>156</v>
      </c>
      <c r="AD41" s="38">
        <v>6067</v>
      </c>
      <c r="AE41" s="51">
        <v>6753</v>
      </c>
      <c r="AF41" s="51">
        <v>128</v>
      </c>
      <c r="AG41" s="38">
        <v>6881</v>
      </c>
      <c r="AH41" s="51">
        <v>8512</v>
      </c>
      <c r="AI41" s="51">
        <v>121</v>
      </c>
      <c r="AJ41" s="38">
        <v>8633</v>
      </c>
      <c r="AK41" s="51">
        <v>9091</v>
      </c>
      <c r="AL41" s="51">
        <v>89</v>
      </c>
      <c r="AM41" s="38">
        <v>9180</v>
      </c>
      <c r="AN41" s="51">
        <v>7480</v>
      </c>
      <c r="AO41" s="51">
        <v>62</v>
      </c>
      <c r="AP41" s="38">
        <v>7542</v>
      </c>
      <c r="AQ41" s="51">
        <v>6132</v>
      </c>
      <c r="AR41" s="51">
        <v>40</v>
      </c>
      <c r="AS41" s="38">
        <v>6172</v>
      </c>
      <c r="AT41" s="51">
        <v>5735</v>
      </c>
      <c r="AU41" s="51">
        <v>38</v>
      </c>
      <c r="AV41" s="38">
        <v>5773</v>
      </c>
      <c r="AW41" s="51">
        <v>7426</v>
      </c>
      <c r="AX41" s="51">
        <v>33</v>
      </c>
      <c r="AY41" s="38">
        <v>7459</v>
      </c>
      <c r="AZ41" s="51">
        <v>5453</v>
      </c>
      <c r="BA41" s="51">
        <v>19</v>
      </c>
      <c r="BB41" s="38">
        <v>5472</v>
      </c>
      <c r="BC41" s="51">
        <v>4646</v>
      </c>
      <c r="BD41" s="51">
        <v>9</v>
      </c>
      <c r="BE41" s="38">
        <v>4655</v>
      </c>
      <c r="BF41" s="51">
        <v>2716</v>
      </c>
      <c r="BG41" s="51">
        <v>1</v>
      </c>
      <c r="BH41" s="38">
        <v>2717</v>
      </c>
      <c r="BI41" s="51">
        <v>937</v>
      </c>
      <c r="BJ41" s="51">
        <v>1</v>
      </c>
      <c r="BK41" s="38">
        <v>938</v>
      </c>
      <c r="BL41" s="51">
        <v>145</v>
      </c>
      <c r="BM41" s="51">
        <v>0</v>
      </c>
      <c r="BN41" s="38">
        <v>145</v>
      </c>
      <c r="BO41" s="51">
        <v>9</v>
      </c>
      <c r="BP41" s="51">
        <v>0</v>
      </c>
      <c r="BQ41" s="40">
        <v>9</v>
      </c>
    </row>
    <row r="42" spans="1:69" x14ac:dyDescent="0.15">
      <c r="A42" s="52" t="s">
        <v>44</v>
      </c>
      <c r="B42" s="25" t="s">
        <v>31</v>
      </c>
      <c r="C42" s="78"/>
      <c r="D42" s="41">
        <v>108770</v>
      </c>
      <c r="E42" s="39">
        <v>1555</v>
      </c>
      <c r="F42" s="42">
        <v>110325</v>
      </c>
      <c r="G42" s="51">
        <v>3408</v>
      </c>
      <c r="H42" s="51">
        <v>39</v>
      </c>
      <c r="I42" s="42">
        <v>3447</v>
      </c>
      <c r="J42" s="51">
        <v>3795</v>
      </c>
      <c r="K42" s="51">
        <v>59</v>
      </c>
      <c r="L42" s="42">
        <v>3854</v>
      </c>
      <c r="M42" s="75">
        <v>4245</v>
      </c>
      <c r="N42" s="75">
        <v>39</v>
      </c>
      <c r="O42" s="72">
        <v>4284</v>
      </c>
      <c r="P42" s="51">
        <v>4582</v>
      </c>
      <c r="Q42" s="51">
        <v>32</v>
      </c>
      <c r="R42" s="42">
        <v>4614</v>
      </c>
      <c r="S42" s="51">
        <v>5056</v>
      </c>
      <c r="T42" s="51">
        <v>73</v>
      </c>
      <c r="U42" s="42">
        <v>5129</v>
      </c>
      <c r="V42" s="51">
        <v>5147</v>
      </c>
      <c r="W42" s="51">
        <v>135</v>
      </c>
      <c r="X42" s="42">
        <v>5282</v>
      </c>
      <c r="Y42" s="51">
        <v>5096</v>
      </c>
      <c r="Z42" s="51">
        <v>168</v>
      </c>
      <c r="AA42" s="42">
        <v>5264</v>
      </c>
      <c r="AB42" s="51">
        <v>5557</v>
      </c>
      <c r="AC42" s="51">
        <v>165</v>
      </c>
      <c r="AD42" s="42">
        <v>5722</v>
      </c>
      <c r="AE42" s="51">
        <v>6469</v>
      </c>
      <c r="AF42" s="51">
        <v>170</v>
      </c>
      <c r="AG42" s="42">
        <v>6639</v>
      </c>
      <c r="AH42" s="51">
        <v>8287</v>
      </c>
      <c r="AI42" s="51">
        <v>158</v>
      </c>
      <c r="AJ42" s="42">
        <v>8445</v>
      </c>
      <c r="AK42" s="51">
        <v>8981</v>
      </c>
      <c r="AL42" s="51">
        <v>180</v>
      </c>
      <c r="AM42" s="42">
        <v>9161</v>
      </c>
      <c r="AN42" s="51">
        <v>7262</v>
      </c>
      <c r="AO42" s="51">
        <v>109</v>
      </c>
      <c r="AP42" s="42">
        <v>7371</v>
      </c>
      <c r="AQ42" s="51">
        <v>6243</v>
      </c>
      <c r="AR42" s="51">
        <v>69</v>
      </c>
      <c r="AS42" s="42">
        <v>6312</v>
      </c>
      <c r="AT42" s="51">
        <v>6163</v>
      </c>
      <c r="AU42" s="51">
        <v>68</v>
      </c>
      <c r="AV42" s="42">
        <v>6231</v>
      </c>
      <c r="AW42" s="51">
        <v>8563</v>
      </c>
      <c r="AX42" s="51">
        <v>39</v>
      </c>
      <c r="AY42" s="42">
        <v>8602</v>
      </c>
      <c r="AZ42" s="51">
        <v>7131</v>
      </c>
      <c r="BA42" s="51">
        <v>25</v>
      </c>
      <c r="BB42" s="42">
        <v>7156</v>
      </c>
      <c r="BC42" s="51">
        <v>6141</v>
      </c>
      <c r="BD42" s="51">
        <v>16</v>
      </c>
      <c r="BE42" s="42">
        <v>6157</v>
      </c>
      <c r="BF42" s="51">
        <v>4236</v>
      </c>
      <c r="BG42" s="51">
        <v>6</v>
      </c>
      <c r="BH42" s="42">
        <v>4242</v>
      </c>
      <c r="BI42" s="51">
        <v>1843</v>
      </c>
      <c r="BJ42" s="51">
        <v>5</v>
      </c>
      <c r="BK42" s="42">
        <v>1848</v>
      </c>
      <c r="BL42" s="51">
        <v>479</v>
      </c>
      <c r="BM42" s="51">
        <v>0</v>
      </c>
      <c r="BN42" s="42">
        <v>479</v>
      </c>
      <c r="BO42" s="51">
        <v>86</v>
      </c>
      <c r="BP42" s="51">
        <v>0</v>
      </c>
      <c r="BQ42" s="43">
        <v>86</v>
      </c>
    </row>
    <row r="43" spans="1:69" ht="15" thickBot="1" x14ac:dyDescent="0.2">
      <c r="A43" s="53"/>
      <c r="B43" s="31" t="s">
        <v>32</v>
      </c>
      <c r="C43" s="79"/>
      <c r="D43" s="45">
        <v>212057</v>
      </c>
      <c r="E43" s="46">
        <v>2919</v>
      </c>
      <c r="F43" s="47">
        <v>214976</v>
      </c>
      <c r="G43" s="48">
        <v>7010</v>
      </c>
      <c r="H43" s="47">
        <v>94</v>
      </c>
      <c r="I43" s="47">
        <v>7104</v>
      </c>
      <c r="J43" s="48">
        <v>7787</v>
      </c>
      <c r="K43" s="47">
        <v>112</v>
      </c>
      <c r="L43" s="47">
        <v>7899</v>
      </c>
      <c r="M43" s="74">
        <v>8682</v>
      </c>
      <c r="N43" s="73">
        <v>76</v>
      </c>
      <c r="O43" s="73">
        <v>8758</v>
      </c>
      <c r="P43" s="48">
        <v>9336</v>
      </c>
      <c r="Q43" s="47">
        <v>72</v>
      </c>
      <c r="R43" s="47">
        <v>9408</v>
      </c>
      <c r="S43" s="48">
        <v>10308</v>
      </c>
      <c r="T43" s="47">
        <v>187</v>
      </c>
      <c r="U43" s="47">
        <v>10495</v>
      </c>
      <c r="V43" s="48">
        <v>10153</v>
      </c>
      <c r="W43" s="47">
        <v>333</v>
      </c>
      <c r="X43" s="47">
        <v>10486</v>
      </c>
      <c r="Y43" s="48">
        <v>10394</v>
      </c>
      <c r="Z43" s="47">
        <v>338</v>
      </c>
      <c r="AA43" s="47">
        <v>10732</v>
      </c>
      <c r="AB43" s="48">
        <v>11468</v>
      </c>
      <c r="AC43" s="47">
        <v>321</v>
      </c>
      <c r="AD43" s="47">
        <v>11789</v>
      </c>
      <c r="AE43" s="48">
        <v>13222</v>
      </c>
      <c r="AF43" s="47">
        <v>298</v>
      </c>
      <c r="AG43" s="47">
        <v>13520</v>
      </c>
      <c r="AH43" s="48">
        <v>16799</v>
      </c>
      <c r="AI43" s="47">
        <v>279</v>
      </c>
      <c r="AJ43" s="47">
        <v>17078</v>
      </c>
      <c r="AK43" s="48">
        <v>18072</v>
      </c>
      <c r="AL43" s="47">
        <v>269</v>
      </c>
      <c r="AM43" s="47">
        <v>18341</v>
      </c>
      <c r="AN43" s="48">
        <v>14742</v>
      </c>
      <c r="AO43" s="47">
        <v>171</v>
      </c>
      <c r="AP43" s="47">
        <v>14913</v>
      </c>
      <c r="AQ43" s="48">
        <v>12375</v>
      </c>
      <c r="AR43" s="47">
        <v>109</v>
      </c>
      <c r="AS43" s="47">
        <v>12484</v>
      </c>
      <c r="AT43" s="48">
        <v>11898</v>
      </c>
      <c r="AU43" s="47">
        <v>106</v>
      </c>
      <c r="AV43" s="47">
        <v>12004</v>
      </c>
      <c r="AW43" s="48">
        <v>15989</v>
      </c>
      <c r="AX43" s="47">
        <v>72</v>
      </c>
      <c r="AY43" s="47">
        <v>16061</v>
      </c>
      <c r="AZ43" s="48">
        <v>12584</v>
      </c>
      <c r="BA43" s="47">
        <v>44</v>
      </c>
      <c r="BB43" s="47">
        <v>12628</v>
      </c>
      <c r="BC43" s="48">
        <v>10787</v>
      </c>
      <c r="BD43" s="47">
        <v>25</v>
      </c>
      <c r="BE43" s="47">
        <v>10812</v>
      </c>
      <c r="BF43" s="48">
        <v>6952</v>
      </c>
      <c r="BG43" s="47">
        <v>7</v>
      </c>
      <c r="BH43" s="47">
        <v>6959</v>
      </c>
      <c r="BI43" s="48">
        <v>2780</v>
      </c>
      <c r="BJ43" s="47">
        <v>6</v>
      </c>
      <c r="BK43" s="47">
        <v>2786</v>
      </c>
      <c r="BL43" s="48">
        <v>624</v>
      </c>
      <c r="BM43" s="47">
        <v>0</v>
      </c>
      <c r="BN43" s="47">
        <v>624</v>
      </c>
      <c r="BO43" s="48">
        <v>95</v>
      </c>
      <c r="BP43" s="47">
        <v>0</v>
      </c>
      <c r="BQ43" s="49">
        <v>95</v>
      </c>
    </row>
    <row r="44" spans="1:69" x14ac:dyDescent="0.15">
      <c r="A44" s="52"/>
      <c r="B44" s="20" t="s">
        <v>29</v>
      </c>
      <c r="C44" s="77">
        <v>141127</v>
      </c>
      <c r="D44" s="36">
        <v>118014</v>
      </c>
      <c r="E44" s="37">
        <v>1583</v>
      </c>
      <c r="F44" s="38">
        <v>119597</v>
      </c>
      <c r="G44" s="51">
        <v>3995</v>
      </c>
      <c r="H44" s="51">
        <v>46</v>
      </c>
      <c r="I44" s="38">
        <v>4041</v>
      </c>
      <c r="J44" s="51">
        <v>4759</v>
      </c>
      <c r="K44" s="51">
        <v>46</v>
      </c>
      <c r="L44" s="38">
        <v>4805</v>
      </c>
      <c r="M44" s="75">
        <v>5234</v>
      </c>
      <c r="N44" s="75">
        <v>42</v>
      </c>
      <c r="O44" s="70">
        <v>5276</v>
      </c>
      <c r="P44" s="51">
        <v>5529</v>
      </c>
      <c r="Q44" s="51">
        <v>33</v>
      </c>
      <c r="R44" s="38">
        <v>5562</v>
      </c>
      <c r="S44" s="51">
        <v>5806</v>
      </c>
      <c r="T44" s="51">
        <v>212</v>
      </c>
      <c r="U44" s="38">
        <v>6018</v>
      </c>
      <c r="V44" s="51">
        <v>5639</v>
      </c>
      <c r="W44" s="51">
        <v>289</v>
      </c>
      <c r="X44" s="38">
        <v>5928</v>
      </c>
      <c r="Y44" s="51">
        <v>5742</v>
      </c>
      <c r="Z44" s="51">
        <v>219</v>
      </c>
      <c r="AA44" s="38">
        <v>5961</v>
      </c>
      <c r="AB44" s="51">
        <v>6593</v>
      </c>
      <c r="AC44" s="51">
        <v>168</v>
      </c>
      <c r="AD44" s="38">
        <v>6761</v>
      </c>
      <c r="AE44" s="51">
        <v>7671</v>
      </c>
      <c r="AF44" s="51">
        <v>136</v>
      </c>
      <c r="AG44" s="38">
        <v>7807</v>
      </c>
      <c r="AH44" s="51">
        <v>9654</v>
      </c>
      <c r="AI44" s="51">
        <v>99</v>
      </c>
      <c r="AJ44" s="38">
        <v>9753</v>
      </c>
      <c r="AK44" s="51">
        <v>10466</v>
      </c>
      <c r="AL44" s="51">
        <v>83</v>
      </c>
      <c r="AM44" s="38">
        <v>10549</v>
      </c>
      <c r="AN44" s="51">
        <v>8331</v>
      </c>
      <c r="AO44" s="51">
        <v>73</v>
      </c>
      <c r="AP44" s="38">
        <v>8404</v>
      </c>
      <c r="AQ44" s="51">
        <v>7049</v>
      </c>
      <c r="AR44" s="51">
        <v>40</v>
      </c>
      <c r="AS44" s="38">
        <v>7089</v>
      </c>
      <c r="AT44" s="51">
        <v>6753</v>
      </c>
      <c r="AU44" s="51">
        <v>42</v>
      </c>
      <c r="AV44" s="38">
        <v>6795</v>
      </c>
      <c r="AW44" s="51">
        <v>8460</v>
      </c>
      <c r="AX44" s="51">
        <v>27</v>
      </c>
      <c r="AY44" s="38">
        <v>8487</v>
      </c>
      <c r="AZ44" s="51">
        <v>6294</v>
      </c>
      <c r="BA44" s="51">
        <v>14</v>
      </c>
      <c r="BB44" s="38">
        <v>6308</v>
      </c>
      <c r="BC44" s="51">
        <v>5492</v>
      </c>
      <c r="BD44" s="51">
        <v>8</v>
      </c>
      <c r="BE44" s="38">
        <v>5500</v>
      </c>
      <c r="BF44" s="51">
        <v>3178</v>
      </c>
      <c r="BG44" s="51">
        <v>3</v>
      </c>
      <c r="BH44" s="38">
        <v>3181</v>
      </c>
      <c r="BI44" s="51">
        <v>1138</v>
      </c>
      <c r="BJ44" s="51">
        <v>3</v>
      </c>
      <c r="BK44" s="38">
        <v>1141</v>
      </c>
      <c r="BL44" s="51">
        <v>211</v>
      </c>
      <c r="BM44" s="51">
        <v>0</v>
      </c>
      <c r="BN44" s="38">
        <v>211</v>
      </c>
      <c r="BO44" s="51">
        <v>20</v>
      </c>
      <c r="BP44" s="51">
        <v>0</v>
      </c>
      <c r="BQ44" s="40">
        <v>20</v>
      </c>
    </row>
    <row r="45" spans="1:69" x14ac:dyDescent="0.15">
      <c r="A45" s="52" t="s">
        <v>45</v>
      </c>
      <c r="B45" s="25" t="s">
        <v>31</v>
      </c>
      <c r="C45" s="78"/>
      <c r="D45" s="41">
        <v>123585</v>
      </c>
      <c r="E45" s="39">
        <v>1639</v>
      </c>
      <c r="F45" s="42">
        <v>125224</v>
      </c>
      <c r="G45" s="51">
        <v>3927</v>
      </c>
      <c r="H45" s="51">
        <v>56</v>
      </c>
      <c r="I45" s="42">
        <v>3983</v>
      </c>
      <c r="J45" s="51">
        <v>4616</v>
      </c>
      <c r="K45" s="51">
        <v>56</v>
      </c>
      <c r="L45" s="42">
        <v>4672</v>
      </c>
      <c r="M45" s="75">
        <v>5022</v>
      </c>
      <c r="N45" s="75">
        <v>37</v>
      </c>
      <c r="O45" s="72">
        <v>5059</v>
      </c>
      <c r="P45" s="51">
        <v>5137</v>
      </c>
      <c r="Q45" s="51">
        <v>33</v>
      </c>
      <c r="R45" s="42">
        <v>5170</v>
      </c>
      <c r="S45" s="51">
        <v>5763</v>
      </c>
      <c r="T45" s="51">
        <v>131</v>
      </c>
      <c r="U45" s="42">
        <v>5894</v>
      </c>
      <c r="V45" s="51">
        <v>5438</v>
      </c>
      <c r="W45" s="51">
        <v>187</v>
      </c>
      <c r="X45" s="42">
        <v>5625</v>
      </c>
      <c r="Y45" s="51">
        <v>5538</v>
      </c>
      <c r="Z45" s="51">
        <v>185</v>
      </c>
      <c r="AA45" s="42">
        <v>5723</v>
      </c>
      <c r="AB45" s="51">
        <v>6366</v>
      </c>
      <c r="AC45" s="51">
        <v>169</v>
      </c>
      <c r="AD45" s="42">
        <v>6535</v>
      </c>
      <c r="AE45" s="51">
        <v>7367</v>
      </c>
      <c r="AF45" s="51">
        <v>158</v>
      </c>
      <c r="AG45" s="42">
        <v>7525</v>
      </c>
      <c r="AH45" s="51">
        <v>9238</v>
      </c>
      <c r="AI45" s="51">
        <v>154</v>
      </c>
      <c r="AJ45" s="42">
        <v>9392</v>
      </c>
      <c r="AK45" s="51">
        <v>9771</v>
      </c>
      <c r="AL45" s="51">
        <v>144</v>
      </c>
      <c r="AM45" s="42">
        <v>9915</v>
      </c>
      <c r="AN45" s="51">
        <v>7872</v>
      </c>
      <c r="AO45" s="51">
        <v>112</v>
      </c>
      <c r="AP45" s="42">
        <v>7984</v>
      </c>
      <c r="AQ45" s="51">
        <v>6956</v>
      </c>
      <c r="AR45" s="51">
        <v>88</v>
      </c>
      <c r="AS45" s="42">
        <v>7044</v>
      </c>
      <c r="AT45" s="51">
        <v>7070</v>
      </c>
      <c r="AU45" s="51">
        <v>51</v>
      </c>
      <c r="AV45" s="42">
        <v>7121</v>
      </c>
      <c r="AW45" s="51">
        <v>9716</v>
      </c>
      <c r="AX45" s="51">
        <v>25</v>
      </c>
      <c r="AY45" s="42">
        <v>9741</v>
      </c>
      <c r="AZ45" s="51">
        <v>7957</v>
      </c>
      <c r="BA45" s="51">
        <v>25</v>
      </c>
      <c r="BB45" s="42">
        <v>7982</v>
      </c>
      <c r="BC45" s="51">
        <v>7411</v>
      </c>
      <c r="BD45" s="51">
        <v>12</v>
      </c>
      <c r="BE45" s="42">
        <v>7423</v>
      </c>
      <c r="BF45" s="51">
        <v>5121</v>
      </c>
      <c r="BG45" s="51">
        <v>11</v>
      </c>
      <c r="BH45" s="42">
        <v>5132</v>
      </c>
      <c r="BI45" s="51">
        <v>2447</v>
      </c>
      <c r="BJ45" s="51">
        <v>3</v>
      </c>
      <c r="BK45" s="42">
        <v>2450</v>
      </c>
      <c r="BL45" s="51">
        <v>743</v>
      </c>
      <c r="BM45" s="51">
        <v>1</v>
      </c>
      <c r="BN45" s="42">
        <v>744</v>
      </c>
      <c r="BO45" s="51">
        <v>109</v>
      </c>
      <c r="BP45" s="51">
        <v>0</v>
      </c>
      <c r="BQ45" s="43">
        <v>109</v>
      </c>
    </row>
    <row r="46" spans="1:69" ht="15" thickBot="1" x14ac:dyDescent="0.2">
      <c r="A46" s="53"/>
      <c r="B46" s="31" t="s">
        <v>32</v>
      </c>
      <c r="C46" s="79"/>
      <c r="D46" s="45">
        <v>241599</v>
      </c>
      <c r="E46" s="46">
        <v>3222</v>
      </c>
      <c r="F46" s="47">
        <v>244821</v>
      </c>
      <c r="G46" s="48">
        <v>7922</v>
      </c>
      <c r="H46" s="47">
        <v>102</v>
      </c>
      <c r="I46" s="47">
        <v>8024</v>
      </c>
      <c r="J46" s="48">
        <v>9375</v>
      </c>
      <c r="K46" s="47">
        <v>102</v>
      </c>
      <c r="L46" s="47">
        <v>9477</v>
      </c>
      <c r="M46" s="74">
        <v>10256</v>
      </c>
      <c r="N46" s="73">
        <v>79</v>
      </c>
      <c r="O46" s="73">
        <v>10335</v>
      </c>
      <c r="P46" s="48">
        <v>10666</v>
      </c>
      <c r="Q46" s="47">
        <v>66</v>
      </c>
      <c r="R46" s="47">
        <v>10732</v>
      </c>
      <c r="S46" s="48">
        <v>11569</v>
      </c>
      <c r="T46" s="47">
        <v>343</v>
      </c>
      <c r="U46" s="47">
        <v>11912</v>
      </c>
      <c r="V46" s="48">
        <v>11077</v>
      </c>
      <c r="W46" s="47">
        <v>476</v>
      </c>
      <c r="X46" s="47">
        <v>11553</v>
      </c>
      <c r="Y46" s="48">
        <v>11280</v>
      </c>
      <c r="Z46" s="47">
        <v>404</v>
      </c>
      <c r="AA46" s="47">
        <v>11684</v>
      </c>
      <c r="AB46" s="48">
        <v>12959</v>
      </c>
      <c r="AC46" s="47">
        <v>337</v>
      </c>
      <c r="AD46" s="47">
        <v>13296</v>
      </c>
      <c r="AE46" s="48">
        <v>15038</v>
      </c>
      <c r="AF46" s="47">
        <v>294</v>
      </c>
      <c r="AG46" s="47">
        <v>15332</v>
      </c>
      <c r="AH46" s="48">
        <v>18892</v>
      </c>
      <c r="AI46" s="47">
        <v>253</v>
      </c>
      <c r="AJ46" s="47">
        <v>19145</v>
      </c>
      <c r="AK46" s="48">
        <v>20237</v>
      </c>
      <c r="AL46" s="47">
        <v>227</v>
      </c>
      <c r="AM46" s="47">
        <v>20464</v>
      </c>
      <c r="AN46" s="48">
        <v>16203</v>
      </c>
      <c r="AO46" s="47">
        <v>185</v>
      </c>
      <c r="AP46" s="47">
        <v>16388</v>
      </c>
      <c r="AQ46" s="48">
        <v>14005</v>
      </c>
      <c r="AR46" s="47">
        <v>128</v>
      </c>
      <c r="AS46" s="47">
        <v>14133</v>
      </c>
      <c r="AT46" s="48">
        <v>13823</v>
      </c>
      <c r="AU46" s="47">
        <v>93</v>
      </c>
      <c r="AV46" s="47">
        <v>13916</v>
      </c>
      <c r="AW46" s="48">
        <v>18176</v>
      </c>
      <c r="AX46" s="47">
        <v>52</v>
      </c>
      <c r="AY46" s="47">
        <v>18228</v>
      </c>
      <c r="AZ46" s="48">
        <v>14251</v>
      </c>
      <c r="BA46" s="47">
        <v>39</v>
      </c>
      <c r="BB46" s="47">
        <v>14290</v>
      </c>
      <c r="BC46" s="48">
        <v>12903</v>
      </c>
      <c r="BD46" s="47">
        <v>20</v>
      </c>
      <c r="BE46" s="47">
        <v>12923</v>
      </c>
      <c r="BF46" s="48">
        <v>8299</v>
      </c>
      <c r="BG46" s="47">
        <v>14</v>
      </c>
      <c r="BH46" s="47">
        <v>8313</v>
      </c>
      <c r="BI46" s="48">
        <v>3585</v>
      </c>
      <c r="BJ46" s="47">
        <v>6</v>
      </c>
      <c r="BK46" s="47">
        <v>3591</v>
      </c>
      <c r="BL46" s="48">
        <v>954</v>
      </c>
      <c r="BM46" s="47">
        <v>1</v>
      </c>
      <c r="BN46" s="47">
        <v>955</v>
      </c>
      <c r="BO46" s="48">
        <v>129</v>
      </c>
      <c r="BP46" s="47">
        <v>0</v>
      </c>
      <c r="BQ46" s="49">
        <v>129</v>
      </c>
    </row>
    <row r="47" spans="1:69" x14ac:dyDescent="0.15">
      <c r="A47" s="52"/>
      <c r="B47" s="20" t="s">
        <v>29</v>
      </c>
      <c r="C47" s="77">
        <v>141135</v>
      </c>
      <c r="D47" s="36">
        <v>87873</v>
      </c>
      <c r="E47" s="37">
        <v>2066</v>
      </c>
      <c r="F47" s="38">
        <v>89939</v>
      </c>
      <c r="G47" s="51">
        <v>3422</v>
      </c>
      <c r="H47" s="51">
        <v>160</v>
      </c>
      <c r="I47" s="38">
        <v>3582</v>
      </c>
      <c r="J47" s="51">
        <v>3851</v>
      </c>
      <c r="K47" s="51">
        <v>174</v>
      </c>
      <c r="L47" s="38">
        <v>4025</v>
      </c>
      <c r="M47" s="75">
        <v>4269</v>
      </c>
      <c r="N47" s="75">
        <v>96</v>
      </c>
      <c r="O47" s="70">
        <v>4365</v>
      </c>
      <c r="P47" s="51">
        <v>4394</v>
      </c>
      <c r="Q47" s="51">
        <v>39</v>
      </c>
      <c r="R47" s="38">
        <v>4433</v>
      </c>
      <c r="S47" s="51">
        <v>4803</v>
      </c>
      <c r="T47" s="51">
        <v>144</v>
      </c>
      <c r="U47" s="38">
        <v>4947</v>
      </c>
      <c r="V47" s="51">
        <v>4596</v>
      </c>
      <c r="W47" s="51">
        <v>258</v>
      </c>
      <c r="X47" s="38">
        <v>4854</v>
      </c>
      <c r="Y47" s="51">
        <v>4899</v>
      </c>
      <c r="Z47" s="51">
        <v>266</v>
      </c>
      <c r="AA47" s="38">
        <v>5165</v>
      </c>
      <c r="AB47" s="51">
        <v>5282</v>
      </c>
      <c r="AC47" s="51">
        <v>355</v>
      </c>
      <c r="AD47" s="38">
        <v>5637</v>
      </c>
      <c r="AE47" s="51">
        <v>6177</v>
      </c>
      <c r="AF47" s="51">
        <v>212</v>
      </c>
      <c r="AG47" s="38">
        <v>6389</v>
      </c>
      <c r="AH47" s="51">
        <v>7406</v>
      </c>
      <c r="AI47" s="51">
        <v>99</v>
      </c>
      <c r="AJ47" s="38">
        <v>7505</v>
      </c>
      <c r="AK47" s="51">
        <v>8076</v>
      </c>
      <c r="AL47" s="51">
        <v>78</v>
      </c>
      <c r="AM47" s="38">
        <v>8154</v>
      </c>
      <c r="AN47" s="51">
        <v>6296</v>
      </c>
      <c r="AO47" s="51">
        <v>80</v>
      </c>
      <c r="AP47" s="38">
        <v>6376</v>
      </c>
      <c r="AQ47" s="51">
        <v>4875</v>
      </c>
      <c r="AR47" s="51">
        <v>39</v>
      </c>
      <c r="AS47" s="38">
        <v>4914</v>
      </c>
      <c r="AT47" s="51">
        <v>4456</v>
      </c>
      <c r="AU47" s="51">
        <v>31</v>
      </c>
      <c r="AV47" s="38">
        <v>4487</v>
      </c>
      <c r="AW47" s="51">
        <v>5384</v>
      </c>
      <c r="AX47" s="51">
        <v>16</v>
      </c>
      <c r="AY47" s="38">
        <v>5400</v>
      </c>
      <c r="AZ47" s="51">
        <v>4043</v>
      </c>
      <c r="BA47" s="51">
        <v>10</v>
      </c>
      <c r="BB47" s="38">
        <v>4053</v>
      </c>
      <c r="BC47" s="51">
        <v>3172</v>
      </c>
      <c r="BD47" s="51">
        <v>6</v>
      </c>
      <c r="BE47" s="38">
        <v>3178</v>
      </c>
      <c r="BF47" s="51">
        <v>1806</v>
      </c>
      <c r="BG47" s="51">
        <v>2</v>
      </c>
      <c r="BH47" s="38">
        <v>1808</v>
      </c>
      <c r="BI47" s="51">
        <v>564</v>
      </c>
      <c r="BJ47" s="51">
        <v>0</v>
      </c>
      <c r="BK47" s="38">
        <v>564</v>
      </c>
      <c r="BL47" s="51">
        <v>94</v>
      </c>
      <c r="BM47" s="51">
        <v>1</v>
      </c>
      <c r="BN47" s="38">
        <v>95</v>
      </c>
      <c r="BO47" s="51">
        <v>8</v>
      </c>
      <c r="BP47" s="51">
        <v>0</v>
      </c>
      <c r="BQ47" s="40">
        <v>8</v>
      </c>
    </row>
    <row r="48" spans="1:69" x14ac:dyDescent="0.15">
      <c r="A48" s="52" t="s">
        <v>46</v>
      </c>
      <c r="B48" s="25" t="s">
        <v>31</v>
      </c>
      <c r="C48" s="78"/>
      <c r="D48" s="41">
        <v>90013</v>
      </c>
      <c r="E48" s="39">
        <v>2230</v>
      </c>
      <c r="F48" s="42">
        <v>92243</v>
      </c>
      <c r="G48" s="51">
        <v>3311</v>
      </c>
      <c r="H48" s="51">
        <v>124</v>
      </c>
      <c r="I48" s="42">
        <v>3435</v>
      </c>
      <c r="J48" s="51">
        <v>3667</v>
      </c>
      <c r="K48" s="51">
        <v>158</v>
      </c>
      <c r="L48" s="42">
        <v>3825</v>
      </c>
      <c r="M48" s="75">
        <v>3889</v>
      </c>
      <c r="N48" s="75">
        <v>90</v>
      </c>
      <c r="O48" s="72">
        <v>3979</v>
      </c>
      <c r="P48" s="51">
        <v>4331</v>
      </c>
      <c r="Q48" s="51">
        <v>30</v>
      </c>
      <c r="R48" s="42">
        <v>4361</v>
      </c>
      <c r="S48" s="51">
        <v>4867</v>
      </c>
      <c r="T48" s="51">
        <v>120</v>
      </c>
      <c r="U48" s="42">
        <v>4987</v>
      </c>
      <c r="V48" s="51">
        <v>4635</v>
      </c>
      <c r="W48" s="51">
        <v>274</v>
      </c>
      <c r="X48" s="42">
        <v>4909</v>
      </c>
      <c r="Y48" s="51">
        <v>4468</v>
      </c>
      <c r="Z48" s="51">
        <v>329</v>
      </c>
      <c r="AA48" s="42">
        <v>4797</v>
      </c>
      <c r="AB48" s="51">
        <v>5198</v>
      </c>
      <c r="AC48" s="51">
        <v>309</v>
      </c>
      <c r="AD48" s="42">
        <v>5507</v>
      </c>
      <c r="AE48" s="51">
        <v>5764</v>
      </c>
      <c r="AF48" s="51">
        <v>180</v>
      </c>
      <c r="AG48" s="42">
        <v>5944</v>
      </c>
      <c r="AH48" s="51">
        <v>7338</v>
      </c>
      <c r="AI48" s="51">
        <v>151</v>
      </c>
      <c r="AJ48" s="42">
        <v>7489</v>
      </c>
      <c r="AK48" s="51">
        <v>7500</v>
      </c>
      <c r="AL48" s="51">
        <v>147</v>
      </c>
      <c r="AM48" s="42">
        <v>7647</v>
      </c>
      <c r="AN48" s="51">
        <v>5818</v>
      </c>
      <c r="AO48" s="51">
        <v>121</v>
      </c>
      <c r="AP48" s="42">
        <v>5939</v>
      </c>
      <c r="AQ48" s="51">
        <v>4778</v>
      </c>
      <c r="AR48" s="51">
        <v>85</v>
      </c>
      <c r="AS48" s="42">
        <v>4863</v>
      </c>
      <c r="AT48" s="51">
        <v>4705</v>
      </c>
      <c r="AU48" s="51">
        <v>50</v>
      </c>
      <c r="AV48" s="42">
        <v>4755</v>
      </c>
      <c r="AW48" s="51">
        <v>6113</v>
      </c>
      <c r="AX48" s="51">
        <v>27</v>
      </c>
      <c r="AY48" s="42">
        <v>6140</v>
      </c>
      <c r="AZ48" s="51">
        <v>4963</v>
      </c>
      <c r="BA48" s="51">
        <v>12</v>
      </c>
      <c r="BB48" s="42">
        <v>4975</v>
      </c>
      <c r="BC48" s="51">
        <v>4128</v>
      </c>
      <c r="BD48" s="51">
        <v>17</v>
      </c>
      <c r="BE48" s="42">
        <v>4145</v>
      </c>
      <c r="BF48" s="51">
        <v>2858</v>
      </c>
      <c r="BG48" s="51">
        <v>5</v>
      </c>
      <c r="BH48" s="42">
        <v>2863</v>
      </c>
      <c r="BI48" s="51">
        <v>1224</v>
      </c>
      <c r="BJ48" s="51">
        <v>1</v>
      </c>
      <c r="BK48" s="42">
        <v>1225</v>
      </c>
      <c r="BL48" s="51">
        <v>388</v>
      </c>
      <c r="BM48" s="51">
        <v>0</v>
      </c>
      <c r="BN48" s="42">
        <v>388</v>
      </c>
      <c r="BO48" s="51">
        <v>70</v>
      </c>
      <c r="BP48" s="51">
        <v>0</v>
      </c>
      <c r="BQ48" s="43">
        <v>70</v>
      </c>
    </row>
    <row r="49" spans="1:69" ht="15" thickBot="1" x14ac:dyDescent="0.2">
      <c r="A49" s="53"/>
      <c r="B49" s="31" t="s">
        <v>32</v>
      </c>
      <c r="C49" s="79"/>
      <c r="D49" s="45">
        <v>177886</v>
      </c>
      <c r="E49" s="46">
        <v>4296</v>
      </c>
      <c r="F49" s="47">
        <v>182182</v>
      </c>
      <c r="G49" s="48">
        <v>6733</v>
      </c>
      <c r="H49" s="47">
        <v>284</v>
      </c>
      <c r="I49" s="47">
        <v>7017</v>
      </c>
      <c r="J49" s="48">
        <v>7518</v>
      </c>
      <c r="K49" s="47">
        <v>332</v>
      </c>
      <c r="L49" s="47">
        <v>7850</v>
      </c>
      <c r="M49" s="74">
        <v>8158</v>
      </c>
      <c r="N49" s="73">
        <v>186</v>
      </c>
      <c r="O49" s="73">
        <v>8344</v>
      </c>
      <c r="P49" s="48">
        <v>8725</v>
      </c>
      <c r="Q49" s="47">
        <v>69</v>
      </c>
      <c r="R49" s="47">
        <v>8794</v>
      </c>
      <c r="S49" s="48">
        <v>9670</v>
      </c>
      <c r="T49" s="47">
        <v>264</v>
      </c>
      <c r="U49" s="47">
        <v>9934</v>
      </c>
      <c r="V49" s="48">
        <v>9231</v>
      </c>
      <c r="W49" s="47">
        <v>532</v>
      </c>
      <c r="X49" s="47">
        <v>9763</v>
      </c>
      <c r="Y49" s="48">
        <v>9367</v>
      </c>
      <c r="Z49" s="47">
        <v>595</v>
      </c>
      <c r="AA49" s="47">
        <v>9962</v>
      </c>
      <c r="AB49" s="48">
        <v>10480</v>
      </c>
      <c r="AC49" s="47">
        <v>664</v>
      </c>
      <c r="AD49" s="47">
        <v>11144</v>
      </c>
      <c r="AE49" s="48">
        <v>11941</v>
      </c>
      <c r="AF49" s="47">
        <v>392</v>
      </c>
      <c r="AG49" s="47">
        <v>12333</v>
      </c>
      <c r="AH49" s="48">
        <v>14744</v>
      </c>
      <c r="AI49" s="47">
        <v>250</v>
      </c>
      <c r="AJ49" s="47">
        <v>14994</v>
      </c>
      <c r="AK49" s="48">
        <v>15576</v>
      </c>
      <c r="AL49" s="47">
        <v>225</v>
      </c>
      <c r="AM49" s="47">
        <v>15801</v>
      </c>
      <c r="AN49" s="48">
        <v>12114</v>
      </c>
      <c r="AO49" s="47">
        <v>201</v>
      </c>
      <c r="AP49" s="47">
        <v>12315</v>
      </c>
      <c r="AQ49" s="48">
        <v>9653</v>
      </c>
      <c r="AR49" s="47">
        <v>124</v>
      </c>
      <c r="AS49" s="47">
        <v>9777</v>
      </c>
      <c r="AT49" s="48">
        <v>9161</v>
      </c>
      <c r="AU49" s="47">
        <v>81</v>
      </c>
      <c r="AV49" s="47">
        <v>9242</v>
      </c>
      <c r="AW49" s="48">
        <v>11497</v>
      </c>
      <c r="AX49" s="47">
        <v>43</v>
      </c>
      <c r="AY49" s="47">
        <v>11540</v>
      </c>
      <c r="AZ49" s="48">
        <v>9006</v>
      </c>
      <c r="BA49" s="47">
        <v>22</v>
      </c>
      <c r="BB49" s="47">
        <v>9028</v>
      </c>
      <c r="BC49" s="48">
        <v>7300</v>
      </c>
      <c r="BD49" s="47">
        <v>23</v>
      </c>
      <c r="BE49" s="47">
        <v>7323</v>
      </c>
      <c r="BF49" s="48">
        <v>4664</v>
      </c>
      <c r="BG49" s="47">
        <v>7</v>
      </c>
      <c r="BH49" s="47">
        <v>4671</v>
      </c>
      <c r="BI49" s="48">
        <v>1788</v>
      </c>
      <c r="BJ49" s="47">
        <v>1</v>
      </c>
      <c r="BK49" s="47">
        <v>1789</v>
      </c>
      <c r="BL49" s="48">
        <v>482</v>
      </c>
      <c r="BM49" s="47">
        <v>1</v>
      </c>
      <c r="BN49" s="47">
        <v>483</v>
      </c>
      <c r="BO49" s="48">
        <v>78</v>
      </c>
      <c r="BP49" s="47">
        <v>0</v>
      </c>
      <c r="BQ49" s="49">
        <v>78</v>
      </c>
    </row>
    <row r="50" spans="1:69" x14ac:dyDescent="0.15">
      <c r="A50" s="52"/>
      <c r="B50" s="20" t="s">
        <v>29</v>
      </c>
      <c r="C50" s="77">
        <v>141143</v>
      </c>
      <c r="D50" s="36">
        <v>59186</v>
      </c>
      <c r="E50" s="37">
        <v>926</v>
      </c>
      <c r="F50" s="38">
        <v>60112</v>
      </c>
      <c r="G50" s="51">
        <v>2082</v>
      </c>
      <c r="H50" s="51">
        <v>34</v>
      </c>
      <c r="I50" s="38">
        <v>2116</v>
      </c>
      <c r="J50" s="51">
        <v>2289</v>
      </c>
      <c r="K50" s="51">
        <v>50</v>
      </c>
      <c r="L50" s="38">
        <v>2339</v>
      </c>
      <c r="M50" s="75">
        <v>2688</v>
      </c>
      <c r="N50" s="75">
        <v>52</v>
      </c>
      <c r="O50" s="70">
        <v>2740</v>
      </c>
      <c r="P50" s="51">
        <v>3112</v>
      </c>
      <c r="Q50" s="51">
        <v>40</v>
      </c>
      <c r="R50" s="38">
        <v>3152</v>
      </c>
      <c r="S50" s="51">
        <v>3212</v>
      </c>
      <c r="T50" s="51">
        <v>111</v>
      </c>
      <c r="U50" s="38">
        <v>3323</v>
      </c>
      <c r="V50" s="51">
        <v>2953</v>
      </c>
      <c r="W50" s="51">
        <v>159</v>
      </c>
      <c r="X50" s="38">
        <v>3112</v>
      </c>
      <c r="Y50" s="51">
        <v>2965</v>
      </c>
      <c r="Z50" s="51">
        <v>102</v>
      </c>
      <c r="AA50" s="38">
        <v>3067</v>
      </c>
      <c r="AB50" s="51">
        <v>3251</v>
      </c>
      <c r="AC50" s="51">
        <v>110</v>
      </c>
      <c r="AD50" s="38">
        <v>3361</v>
      </c>
      <c r="AE50" s="51">
        <v>3792</v>
      </c>
      <c r="AF50" s="51">
        <v>66</v>
      </c>
      <c r="AG50" s="38">
        <v>3858</v>
      </c>
      <c r="AH50" s="51">
        <v>5110</v>
      </c>
      <c r="AI50" s="51">
        <v>55</v>
      </c>
      <c r="AJ50" s="38">
        <v>5165</v>
      </c>
      <c r="AK50" s="51">
        <v>5348</v>
      </c>
      <c r="AL50" s="51">
        <v>47</v>
      </c>
      <c r="AM50" s="38">
        <v>5395</v>
      </c>
      <c r="AN50" s="51">
        <v>4207</v>
      </c>
      <c r="AO50" s="51">
        <v>41</v>
      </c>
      <c r="AP50" s="38">
        <v>4248</v>
      </c>
      <c r="AQ50" s="51">
        <v>3318</v>
      </c>
      <c r="AR50" s="51">
        <v>19</v>
      </c>
      <c r="AS50" s="38">
        <v>3337</v>
      </c>
      <c r="AT50" s="51">
        <v>3139</v>
      </c>
      <c r="AU50" s="51">
        <v>15</v>
      </c>
      <c r="AV50" s="38">
        <v>3154</v>
      </c>
      <c r="AW50" s="51">
        <v>3923</v>
      </c>
      <c r="AX50" s="51">
        <v>13</v>
      </c>
      <c r="AY50" s="38">
        <v>3936</v>
      </c>
      <c r="AZ50" s="51">
        <v>3012</v>
      </c>
      <c r="BA50" s="51">
        <v>7</v>
      </c>
      <c r="BB50" s="38">
        <v>3019</v>
      </c>
      <c r="BC50" s="51">
        <v>2648</v>
      </c>
      <c r="BD50" s="51">
        <v>2</v>
      </c>
      <c r="BE50" s="38">
        <v>2650</v>
      </c>
      <c r="BF50" s="51">
        <v>1519</v>
      </c>
      <c r="BG50" s="51">
        <v>2</v>
      </c>
      <c r="BH50" s="38">
        <v>1521</v>
      </c>
      <c r="BI50" s="51">
        <v>508</v>
      </c>
      <c r="BJ50" s="51">
        <v>1</v>
      </c>
      <c r="BK50" s="38">
        <v>509</v>
      </c>
      <c r="BL50" s="51">
        <v>100</v>
      </c>
      <c r="BM50" s="51">
        <v>0</v>
      </c>
      <c r="BN50" s="38">
        <v>100</v>
      </c>
      <c r="BO50" s="51">
        <v>10</v>
      </c>
      <c r="BP50" s="51">
        <v>0</v>
      </c>
      <c r="BQ50" s="40">
        <v>10</v>
      </c>
    </row>
    <row r="51" spans="1:69" x14ac:dyDescent="0.15">
      <c r="A51" s="52" t="s">
        <v>47</v>
      </c>
      <c r="B51" s="25" t="s">
        <v>31</v>
      </c>
      <c r="C51" s="78"/>
      <c r="D51" s="41">
        <v>61445</v>
      </c>
      <c r="E51" s="39">
        <v>1030</v>
      </c>
      <c r="F51" s="42">
        <v>62475</v>
      </c>
      <c r="G51" s="51">
        <v>1809</v>
      </c>
      <c r="H51" s="51">
        <v>29</v>
      </c>
      <c r="I51" s="42">
        <v>1838</v>
      </c>
      <c r="J51" s="51">
        <v>2301</v>
      </c>
      <c r="K51" s="51">
        <v>60</v>
      </c>
      <c r="L51" s="42">
        <v>2361</v>
      </c>
      <c r="M51" s="75">
        <v>2525</v>
      </c>
      <c r="N51" s="75">
        <v>34</v>
      </c>
      <c r="O51" s="72">
        <v>2559</v>
      </c>
      <c r="P51" s="51">
        <v>2998</v>
      </c>
      <c r="Q51" s="51">
        <v>39</v>
      </c>
      <c r="R51" s="42">
        <v>3037</v>
      </c>
      <c r="S51" s="51">
        <v>3162</v>
      </c>
      <c r="T51" s="51">
        <v>66</v>
      </c>
      <c r="U51" s="42">
        <v>3228</v>
      </c>
      <c r="V51" s="51">
        <v>2879</v>
      </c>
      <c r="W51" s="51">
        <v>72</v>
      </c>
      <c r="X51" s="42">
        <v>2951</v>
      </c>
      <c r="Y51" s="51">
        <v>2731</v>
      </c>
      <c r="Z51" s="51">
        <v>105</v>
      </c>
      <c r="AA51" s="42">
        <v>2836</v>
      </c>
      <c r="AB51" s="51">
        <v>3163</v>
      </c>
      <c r="AC51" s="51">
        <v>112</v>
      </c>
      <c r="AD51" s="42">
        <v>3275</v>
      </c>
      <c r="AE51" s="51">
        <v>3534</v>
      </c>
      <c r="AF51" s="51">
        <v>122</v>
      </c>
      <c r="AG51" s="42">
        <v>3656</v>
      </c>
      <c r="AH51" s="51">
        <v>4842</v>
      </c>
      <c r="AI51" s="51">
        <v>82</v>
      </c>
      <c r="AJ51" s="42">
        <v>4924</v>
      </c>
      <c r="AK51" s="51">
        <v>5001</v>
      </c>
      <c r="AL51" s="51">
        <v>125</v>
      </c>
      <c r="AM51" s="42">
        <v>5126</v>
      </c>
      <c r="AN51" s="51">
        <v>3894</v>
      </c>
      <c r="AO51" s="51">
        <v>72</v>
      </c>
      <c r="AP51" s="42">
        <v>3966</v>
      </c>
      <c r="AQ51" s="51">
        <v>3228</v>
      </c>
      <c r="AR51" s="51">
        <v>49</v>
      </c>
      <c r="AS51" s="42">
        <v>3277</v>
      </c>
      <c r="AT51" s="51">
        <v>3324</v>
      </c>
      <c r="AU51" s="51">
        <v>27</v>
      </c>
      <c r="AV51" s="42">
        <v>3351</v>
      </c>
      <c r="AW51" s="51">
        <v>4751</v>
      </c>
      <c r="AX51" s="51">
        <v>16</v>
      </c>
      <c r="AY51" s="42">
        <v>4767</v>
      </c>
      <c r="AZ51" s="51">
        <v>3861</v>
      </c>
      <c r="BA51" s="51">
        <v>9</v>
      </c>
      <c r="BB51" s="42">
        <v>3870</v>
      </c>
      <c r="BC51" s="51">
        <v>3530</v>
      </c>
      <c r="BD51" s="51">
        <v>6</v>
      </c>
      <c r="BE51" s="42">
        <v>3536</v>
      </c>
      <c r="BF51" s="51">
        <v>2346</v>
      </c>
      <c r="BG51" s="51">
        <v>4</v>
      </c>
      <c r="BH51" s="42">
        <v>2350</v>
      </c>
      <c r="BI51" s="51">
        <v>1187</v>
      </c>
      <c r="BJ51" s="51">
        <v>1</v>
      </c>
      <c r="BK51" s="42">
        <v>1188</v>
      </c>
      <c r="BL51" s="51">
        <v>324</v>
      </c>
      <c r="BM51" s="51">
        <v>0</v>
      </c>
      <c r="BN51" s="42">
        <v>324</v>
      </c>
      <c r="BO51" s="51">
        <v>55</v>
      </c>
      <c r="BP51" s="51">
        <v>0</v>
      </c>
      <c r="BQ51" s="43">
        <v>55</v>
      </c>
    </row>
    <row r="52" spans="1:69" ht="15" thickBot="1" x14ac:dyDescent="0.2">
      <c r="A52" s="53"/>
      <c r="B52" s="31" t="s">
        <v>32</v>
      </c>
      <c r="C52" s="79"/>
      <c r="D52" s="45">
        <v>120631</v>
      </c>
      <c r="E52" s="46">
        <v>1956</v>
      </c>
      <c r="F52" s="47">
        <v>122587</v>
      </c>
      <c r="G52" s="48">
        <v>3891</v>
      </c>
      <c r="H52" s="47">
        <v>63</v>
      </c>
      <c r="I52" s="47">
        <v>3954</v>
      </c>
      <c r="J52" s="48">
        <v>4590</v>
      </c>
      <c r="K52" s="47">
        <v>110</v>
      </c>
      <c r="L52" s="47">
        <v>4700</v>
      </c>
      <c r="M52" s="74">
        <v>5213</v>
      </c>
      <c r="N52" s="73">
        <v>86</v>
      </c>
      <c r="O52" s="73">
        <v>5299</v>
      </c>
      <c r="P52" s="48">
        <v>6110</v>
      </c>
      <c r="Q52" s="47">
        <v>79</v>
      </c>
      <c r="R52" s="47">
        <v>6189</v>
      </c>
      <c r="S52" s="48">
        <v>6374</v>
      </c>
      <c r="T52" s="47">
        <v>177</v>
      </c>
      <c r="U52" s="47">
        <v>6551</v>
      </c>
      <c r="V52" s="48">
        <v>5832</v>
      </c>
      <c r="W52" s="47">
        <v>231</v>
      </c>
      <c r="X52" s="47">
        <v>6063</v>
      </c>
      <c r="Y52" s="48">
        <v>5696</v>
      </c>
      <c r="Z52" s="47">
        <v>207</v>
      </c>
      <c r="AA52" s="47">
        <v>5903</v>
      </c>
      <c r="AB52" s="48">
        <v>6414</v>
      </c>
      <c r="AC52" s="47">
        <v>222</v>
      </c>
      <c r="AD52" s="47">
        <v>6636</v>
      </c>
      <c r="AE52" s="48">
        <v>7326</v>
      </c>
      <c r="AF52" s="47">
        <v>188</v>
      </c>
      <c r="AG52" s="47">
        <v>7514</v>
      </c>
      <c r="AH52" s="48">
        <v>9952</v>
      </c>
      <c r="AI52" s="47">
        <v>137</v>
      </c>
      <c r="AJ52" s="47">
        <v>10089</v>
      </c>
      <c r="AK52" s="48">
        <v>10349</v>
      </c>
      <c r="AL52" s="47">
        <v>172</v>
      </c>
      <c r="AM52" s="47">
        <v>10521</v>
      </c>
      <c r="AN52" s="48">
        <v>8101</v>
      </c>
      <c r="AO52" s="47">
        <v>113</v>
      </c>
      <c r="AP52" s="47">
        <v>8214</v>
      </c>
      <c r="AQ52" s="48">
        <v>6546</v>
      </c>
      <c r="AR52" s="47">
        <v>68</v>
      </c>
      <c r="AS52" s="47">
        <v>6614</v>
      </c>
      <c r="AT52" s="48">
        <v>6463</v>
      </c>
      <c r="AU52" s="47">
        <v>42</v>
      </c>
      <c r="AV52" s="47">
        <v>6505</v>
      </c>
      <c r="AW52" s="48">
        <v>8674</v>
      </c>
      <c r="AX52" s="47">
        <v>29</v>
      </c>
      <c r="AY52" s="47">
        <v>8703</v>
      </c>
      <c r="AZ52" s="48">
        <v>6873</v>
      </c>
      <c r="BA52" s="47">
        <v>16</v>
      </c>
      <c r="BB52" s="47">
        <v>6889</v>
      </c>
      <c r="BC52" s="48">
        <v>6178</v>
      </c>
      <c r="BD52" s="47">
        <v>8</v>
      </c>
      <c r="BE52" s="47">
        <v>6186</v>
      </c>
      <c r="BF52" s="48">
        <v>3865</v>
      </c>
      <c r="BG52" s="47">
        <v>6</v>
      </c>
      <c r="BH52" s="47">
        <v>3871</v>
      </c>
      <c r="BI52" s="48">
        <v>1695</v>
      </c>
      <c r="BJ52" s="47">
        <v>2</v>
      </c>
      <c r="BK52" s="47">
        <v>1697</v>
      </c>
      <c r="BL52" s="48">
        <v>424</v>
      </c>
      <c r="BM52" s="47">
        <v>0</v>
      </c>
      <c r="BN52" s="47">
        <v>424</v>
      </c>
      <c r="BO52" s="48">
        <v>65</v>
      </c>
      <c r="BP52" s="47">
        <v>0</v>
      </c>
      <c r="BQ52" s="49">
        <v>65</v>
      </c>
    </row>
    <row r="53" spans="1:69" x14ac:dyDescent="0.15">
      <c r="A53" s="52"/>
      <c r="B53" s="20" t="s">
        <v>29</v>
      </c>
      <c r="C53" s="77">
        <v>141151</v>
      </c>
      <c r="D53" s="36">
        <v>58483</v>
      </c>
      <c r="E53" s="37">
        <v>562</v>
      </c>
      <c r="F53" s="38">
        <v>59045</v>
      </c>
      <c r="G53" s="51">
        <v>1965</v>
      </c>
      <c r="H53" s="51">
        <v>19</v>
      </c>
      <c r="I53" s="38">
        <v>1984</v>
      </c>
      <c r="J53" s="51">
        <v>2310</v>
      </c>
      <c r="K53" s="51">
        <v>10</v>
      </c>
      <c r="L53" s="38">
        <v>2320</v>
      </c>
      <c r="M53" s="75">
        <v>2597</v>
      </c>
      <c r="N53" s="75">
        <v>19</v>
      </c>
      <c r="O53" s="70">
        <v>2616</v>
      </c>
      <c r="P53" s="51">
        <v>3053</v>
      </c>
      <c r="Q53" s="51">
        <v>10</v>
      </c>
      <c r="R53" s="38">
        <v>3063</v>
      </c>
      <c r="S53" s="51">
        <v>2868</v>
      </c>
      <c r="T53" s="51">
        <v>35</v>
      </c>
      <c r="U53" s="38">
        <v>2903</v>
      </c>
      <c r="V53" s="51">
        <v>2374</v>
      </c>
      <c r="W53" s="51">
        <v>78</v>
      </c>
      <c r="X53" s="38">
        <v>2452</v>
      </c>
      <c r="Y53" s="51">
        <v>2780</v>
      </c>
      <c r="Z53" s="51">
        <v>86</v>
      </c>
      <c r="AA53" s="38">
        <v>2866</v>
      </c>
      <c r="AB53" s="51">
        <v>3138</v>
      </c>
      <c r="AC53" s="51">
        <v>70</v>
      </c>
      <c r="AD53" s="38">
        <v>3208</v>
      </c>
      <c r="AE53" s="51">
        <v>3705</v>
      </c>
      <c r="AF53" s="51">
        <v>49</v>
      </c>
      <c r="AG53" s="38">
        <v>3754</v>
      </c>
      <c r="AH53" s="51">
        <v>4928</v>
      </c>
      <c r="AI53" s="51">
        <v>45</v>
      </c>
      <c r="AJ53" s="38">
        <v>4973</v>
      </c>
      <c r="AK53" s="51">
        <v>5331</v>
      </c>
      <c r="AL53" s="51">
        <v>42</v>
      </c>
      <c r="AM53" s="38">
        <v>5373</v>
      </c>
      <c r="AN53" s="51">
        <v>3831</v>
      </c>
      <c r="AO53" s="51">
        <v>40</v>
      </c>
      <c r="AP53" s="38">
        <v>3871</v>
      </c>
      <c r="AQ53" s="51">
        <v>3069</v>
      </c>
      <c r="AR53" s="51">
        <v>19</v>
      </c>
      <c r="AS53" s="38">
        <v>3088</v>
      </c>
      <c r="AT53" s="51">
        <v>3057</v>
      </c>
      <c r="AU53" s="51">
        <v>15</v>
      </c>
      <c r="AV53" s="38">
        <v>3072</v>
      </c>
      <c r="AW53" s="51">
        <v>4154</v>
      </c>
      <c r="AX53" s="51">
        <v>12</v>
      </c>
      <c r="AY53" s="38">
        <v>4166</v>
      </c>
      <c r="AZ53" s="51">
        <v>3678</v>
      </c>
      <c r="BA53" s="51">
        <v>5</v>
      </c>
      <c r="BB53" s="38">
        <v>3683</v>
      </c>
      <c r="BC53" s="51">
        <v>3242</v>
      </c>
      <c r="BD53" s="51">
        <v>5</v>
      </c>
      <c r="BE53" s="38">
        <v>3247</v>
      </c>
      <c r="BF53" s="51">
        <v>1791</v>
      </c>
      <c r="BG53" s="51">
        <v>3</v>
      </c>
      <c r="BH53" s="38">
        <v>1794</v>
      </c>
      <c r="BI53" s="51">
        <v>501</v>
      </c>
      <c r="BJ53" s="51">
        <v>0</v>
      </c>
      <c r="BK53" s="38">
        <v>501</v>
      </c>
      <c r="BL53" s="51">
        <v>97</v>
      </c>
      <c r="BM53" s="51">
        <v>0</v>
      </c>
      <c r="BN53" s="38">
        <v>97</v>
      </c>
      <c r="BO53" s="51">
        <v>14</v>
      </c>
      <c r="BP53" s="51">
        <v>0</v>
      </c>
      <c r="BQ53" s="40">
        <v>14</v>
      </c>
    </row>
    <row r="54" spans="1:69" x14ac:dyDescent="0.15">
      <c r="A54" s="52" t="s">
        <v>48</v>
      </c>
      <c r="B54" s="25" t="s">
        <v>31</v>
      </c>
      <c r="C54" s="78"/>
      <c r="D54" s="41">
        <v>61262</v>
      </c>
      <c r="E54" s="39">
        <v>649</v>
      </c>
      <c r="F54" s="42">
        <v>61911</v>
      </c>
      <c r="G54" s="51">
        <v>1868</v>
      </c>
      <c r="H54" s="51">
        <v>23</v>
      </c>
      <c r="I54" s="42">
        <v>1891</v>
      </c>
      <c r="J54" s="51">
        <v>2106</v>
      </c>
      <c r="K54" s="51">
        <v>20</v>
      </c>
      <c r="L54" s="42">
        <v>2126</v>
      </c>
      <c r="M54" s="75">
        <v>2465</v>
      </c>
      <c r="N54" s="75">
        <v>17</v>
      </c>
      <c r="O54" s="72">
        <v>2482</v>
      </c>
      <c r="P54" s="51">
        <v>2784</v>
      </c>
      <c r="Q54" s="51">
        <v>16</v>
      </c>
      <c r="R54" s="42">
        <v>2800</v>
      </c>
      <c r="S54" s="51">
        <v>2817</v>
      </c>
      <c r="T54" s="51">
        <v>29</v>
      </c>
      <c r="U54" s="42">
        <v>2846</v>
      </c>
      <c r="V54" s="51">
        <v>2556</v>
      </c>
      <c r="W54" s="51">
        <v>61</v>
      </c>
      <c r="X54" s="42">
        <v>2617</v>
      </c>
      <c r="Y54" s="51">
        <v>2657</v>
      </c>
      <c r="Z54" s="51">
        <v>58</v>
      </c>
      <c r="AA54" s="42">
        <v>2715</v>
      </c>
      <c r="AB54" s="51">
        <v>2955</v>
      </c>
      <c r="AC54" s="51">
        <v>53</v>
      </c>
      <c r="AD54" s="42">
        <v>3008</v>
      </c>
      <c r="AE54" s="51">
        <v>3624</v>
      </c>
      <c r="AF54" s="51">
        <v>68</v>
      </c>
      <c r="AG54" s="42">
        <v>3692</v>
      </c>
      <c r="AH54" s="51">
        <v>4885</v>
      </c>
      <c r="AI54" s="51">
        <v>81</v>
      </c>
      <c r="AJ54" s="42">
        <v>4966</v>
      </c>
      <c r="AK54" s="51">
        <v>5013</v>
      </c>
      <c r="AL54" s="51">
        <v>82</v>
      </c>
      <c r="AM54" s="42">
        <v>5095</v>
      </c>
      <c r="AN54" s="51">
        <v>3551</v>
      </c>
      <c r="AO54" s="51">
        <v>50</v>
      </c>
      <c r="AP54" s="42">
        <v>3601</v>
      </c>
      <c r="AQ54" s="51">
        <v>3145</v>
      </c>
      <c r="AR54" s="51">
        <v>27</v>
      </c>
      <c r="AS54" s="42">
        <v>3172</v>
      </c>
      <c r="AT54" s="51">
        <v>3444</v>
      </c>
      <c r="AU54" s="51">
        <v>22</v>
      </c>
      <c r="AV54" s="42">
        <v>3466</v>
      </c>
      <c r="AW54" s="51">
        <v>5276</v>
      </c>
      <c r="AX54" s="51">
        <v>21</v>
      </c>
      <c r="AY54" s="42">
        <v>5297</v>
      </c>
      <c r="AZ54" s="51">
        <v>4707</v>
      </c>
      <c r="BA54" s="51">
        <v>10</v>
      </c>
      <c r="BB54" s="42">
        <v>4717</v>
      </c>
      <c r="BC54" s="51">
        <v>3775</v>
      </c>
      <c r="BD54" s="51">
        <v>4</v>
      </c>
      <c r="BE54" s="42">
        <v>3779</v>
      </c>
      <c r="BF54" s="51">
        <v>2193</v>
      </c>
      <c r="BG54" s="51">
        <v>5</v>
      </c>
      <c r="BH54" s="42">
        <v>2198</v>
      </c>
      <c r="BI54" s="51">
        <v>1010</v>
      </c>
      <c r="BJ54" s="51">
        <v>1</v>
      </c>
      <c r="BK54" s="42">
        <v>1011</v>
      </c>
      <c r="BL54" s="51">
        <v>371</v>
      </c>
      <c r="BM54" s="51">
        <v>1</v>
      </c>
      <c r="BN54" s="42">
        <v>372</v>
      </c>
      <c r="BO54" s="51">
        <v>60</v>
      </c>
      <c r="BP54" s="51">
        <v>0</v>
      </c>
      <c r="BQ54" s="43">
        <v>60</v>
      </c>
    </row>
    <row r="55" spans="1:69" ht="15" thickBot="1" x14ac:dyDescent="0.2">
      <c r="A55" s="53"/>
      <c r="B55" s="31" t="s">
        <v>32</v>
      </c>
      <c r="C55" s="79"/>
      <c r="D55" s="45">
        <v>119745</v>
      </c>
      <c r="E55" s="46">
        <v>1211</v>
      </c>
      <c r="F55" s="47">
        <v>120956</v>
      </c>
      <c r="G55" s="48">
        <v>3833</v>
      </c>
      <c r="H55" s="47">
        <v>42</v>
      </c>
      <c r="I55" s="47">
        <v>3875</v>
      </c>
      <c r="J55" s="48">
        <v>4416</v>
      </c>
      <c r="K55" s="47">
        <v>30</v>
      </c>
      <c r="L55" s="47">
        <v>4446</v>
      </c>
      <c r="M55" s="74">
        <v>5062</v>
      </c>
      <c r="N55" s="73">
        <v>36</v>
      </c>
      <c r="O55" s="73">
        <v>5098</v>
      </c>
      <c r="P55" s="48">
        <v>5837</v>
      </c>
      <c r="Q55" s="47">
        <v>26</v>
      </c>
      <c r="R55" s="47">
        <v>5863</v>
      </c>
      <c r="S55" s="48">
        <v>5685</v>
      </c>
      <c r="T55" s="47">
        <v>64</v>
      </c>
      <c r="U55" s="47">
        <v>5749</v>
      </c>
      <c r="V55" s="48">
        <v>4930</v>
      </c>
      <c r="W55" s="47">
        <v>139</v>
      </c>
      <c r="X55" s="47">
        <v>5069</v>
      </c>
      <c r="Y55" s="48">
        <v>5437</v>
      </c>
      <c r="Z55" s="47">
        <v>144</v>
      </c>
      <c r="AA55" s="47">
        <v>5581</v>
      </c>
      <c r="AB55" s="48">
        <v>6093</v>
      </c>
      <c r="AC55" s="47">
        <v>123</v>
      </c>
      <c r="AD55" s="47">
        <v>6216</v>
      </c>
      <c r="AE55" s="48">
        <v>7329</v>
      </c>
      <c r="AF55" s="47">
        <v>117</v>
      </c>
      <c r="AG55" s="47">
        <v>7446</v>
      </c>
      <c r="AH55" s="48">
        <v>9813</v>
      </c>
      <c r="AI55" s="47">
        <v>126</v>
      </c>
      <c r="AJ55" s="47">
        <v>9939</v>
      </c>
      <c r="AK55" s="48">
        <v>10344</v>
      </c>
      <c r="AL55" s="47">
        <v>124</v>
      </c>
      <c r="AM55" s="47">
        <v>10468</v>
      </c>
      <c r="AN55" s="48">
        <v>7382</v>
      </c>
      <c r="AO55" s="47">
        <v>90</v>
      </c>
      <c r="AP55" s="47">
        <v>7472</v>
      </c>
      <c r="AQ55" s="48">
        <v>6214</v>
      </c>
      <c r="AR55" s="47">
        <v>46</v>
      </c>
      <c r="AS55" s="47">
        <v>6260</v>
      </c>
      <c r="AT55" s="48">
        <v>6501</v>
      </c>
      <c r="AU55" s="47">
        <v>37</v>
      </c>
      <c r="AV55" s="47">
        <v>6538</v>
      </c>
      <c r="AW55" s="48">
        <v>9430</v>
      </c>
      <c r="AX55" s="47">
        <v>33</v>
      </c>
      <c r="AY55" s="47">
        <v>9463</v>
      </c>
      <c r="AZ55" s="48">
        <v>8385</v>
      </c>
      <c r="BA55" s="47">
        <v>15</v>
      </c>
      <c r="BB55" s="47">
        <v>8400</v>
      </c>
      <c r="BC55" s="48">
        <v>7017</v>
      </c>
      <c r="BD55" s="47">
        <v>9</v>
      </c>
      <c r="BE55" s="47">
        <v>7026</v>
      </c>
      <c r="BF55" s="48">
        <v>3984</v>
      </c>
      <c r="BG55" s="47">
        <v>8</v>
      </c>
      <c r="BH55" s="47">
        <v>3992</v>
      </c>
      <c r="BI55" s="48">
        <v>1511</v>
      </c>
      <c r="BJ55" s="47">
        <v>1</v>
      </c>
      <c r="BK55" s="47">
        <v>1512</v>
      </c>
      <c r="BL55" s="48">
        <v>468</v>
      </c>
      <c r="BM55" s="47">
        <v>1</v>
      </c>
      <c r="BN55" s="47">
        <v>469</v>
      </c>
      <c r="BO55" s="48">
        <v>74</v>
      </c>
      <c r="BP55" s="47">
        <v>0</v>
      </c>
      <c r="BQ55" s="49">
        <v>74</v>
      </c>
    </row>
    <row r="56" spans="1:69" x14ac:dyDescent="0.15">
      <c r="A56" s="52"/>
      <c r="B56" s="20" t="s">
        <v>29</v>
      </c>
      <c r="C56" s="77">
        <v>141160</v>
      </c>
      <c r="D56" s="36">
        <v>73714</v>
      </c>
      <c r="E56" s="37">
        <v>1152</v>
      </c>
      <c r="F56" s="38">
        <v>74866</v>
      </c>
      <c r="G56" s="51">
        <v>2627</v>
      </c>
      <c r="H56" s="51">
        <v>43</v>
      </c>
      <c r="I56" s="38">
        <v>2670</v>
      </c>
      <c r="J56" s="51">
        <v>2976</v>
      </c>
      <c r="K56" s="51">
        <v>46</v>
      </c>
      <c r="L56" s="38">
        <v>3022</v>
      </c>
      <c r="M56" s="75">
        <v>3388</v>
      </c>
      <c r="N56" s="75">
        <v>45</v>
      </c>
      <c r="O56" s="70">
        <v>3433</v>
      </c>
      <c r="P56" s="51">
        <v>3650</v>
      </c>
      <c r="Q56" s="51">
        <v>53</v>
      </c>
      <c r="R56" s="38">
        <v>3703</v>
      </c>
      <c r="S56" s="51">
        <v>3622</v>
      </c>
      <c r="T56" s="51">
        <v>108</v>
      </c>
      <c r="U56" s="38">
        <v>3730</v>
      </c>
      <c r="V56" s="51">
        <v>3472</v>
      </c>
      <c r="W56" s="51">
        <v>154</v>
      </c>
      <c r="X56" s="38">
        <v>3626</v>
      </c>
      <c r="Y56" s="51">
        <v>3488</v>
      </c>
      <c r="Z56" s="51">
        <v>120</v>
      </c>
      <c r="AA56" s="38">
        <v>3608</v>
      </c>
      <c r="AB56" s="51">
        <v>4026</v>
      </c>
      <c r="AC56" s="51">
        <v>102</v>
      </c>
      <c r="AD56" s="38">
        <v>4128</v>
      </c>
      <c r="AE56" s="51">
        <v>4684</v>
      </c>
      <c r="AF56" s="51">
        <v>71</v>
      </c>
      <c r="AG56" s="38">
        <v>4755</v>
      </c>
      <c r="AH56" s="51">
        <v>6129</v>
      </c>
      <c r="AI56" s="51">
        <v>85</v>
      </c>
      <c r="AJ56" s="38">
        <v>6214</v>
      </c>
      <c r="AK56" s="51">
        <v>6696</v>
      </c>
      <c r="AL56" s="51">
        <v>69</v>
      </c>
      <c r="AM56" s="38">
        <v>6765</v>
      </c>
      <c r="AN56" s="51">
        <v>5191</v>
      </c>
      <c r="AO56" s="51">
        <v>84</v>
      </c>
      <c r="AP56" s="38">
        <v>5275</v>
      </c>
      <c r="AQ56" s="51">
        <v>4346</v>
      </c>
      <c r="AR56" s="51">
        <v>56</v>
      </c>
      <c r="AS56" s="38">
        <v>4402</v>
      </c>
      <c r="AT56" s="51">
        <v>4125</v>
      </c>
      <c r="AU56" s="51">
        <v>57</v>
      </c>
      <c r="AV56" s="38">
        <v>4182</v>
      </c>
      <c r="AW56" s="51">
        <v>5268</v>
      </c>
      <c r="AX56" s="51">
        <v>26</v>
      </c>
      <c r="AY56" s="38">
        <v>5294</v>
      </c>
      <c r="AZ56" s="51">
        <v>4042</v>
      </c>
      <c r="BA56" s="51">
        <v>16</v>
      </c>
      <c r="BB56" s="38">
        <v>4058</v>
      </c>
      <c r="BC56" s="51">
        <v>3362</v>
      </c>
      <c r="BD56" s="51">
        <v>13</v>
      </c>
      <c r="BE56" s="38">
        <v>3375</v>
      </c>
      <c r="BF56" s="51">
        <v>1910</v>
      </c>
      <c r="BG56" s="51">
        <v>2</v>
      </c>
      <c r="BH56" s="38">
        <v>1912</v>
      </c>
      <c r="BI56" s="51">
        <v>601</v>
      </c>
      <c r="BJ56" s="51">
        <v>2</v>
      </c>
      <c r="BK56" s="38">
        <v>603</v>
      </c>
      <c r="BL56" s="51">
        <v>97</v>
      </c>
      <c r="BM56" s="51">
        <v>0</v>
      </c>
      <c r="BN56" s="38">
        <v>97</v>
      </c>
      <c r="BO56" s="51">
        <v>14</v>
      </c>
      <c r="BP56" s="51">
        <v>0</v>
      </c>
      <c r="BQ56" s="40">
        <v>14</v>
      </c>
    </row>
    <row r="57" spans="1:69" x14ac:dyDescent="0.15">
      <c r="A57" s="52" t="s">
        <v>49</v>
      </c>
      <c r="B57" s="25" t="s">
        <v>31</v>
      </c>
      <c r="C57" s="78"/>
      <c r="D57" s="41">
        <v>76566</v>
      </c>
      <c r="E57" s="39">
        <v>1268</v>
      </c>
      <c r="F57" s="42">
        <v>77834</v>
      </c>
      <c r="G57" s="51">
        <v>2575</v>
      </c>
      <c r="H57" s="51">
        <v>35</v>
      </c>
      <c r="I57" s="42">
        <v>2610</v>
      </c>
      <c r="J57" s="51">
        <v>2750</v>
      </c>
      <c r="K57" s="51">
        <v>39</v>
      </c>
      <c r="L57" s="42">
        <v>2789</v>
      </c>
      <c r="M57" s="75">
        <v>3182</v>
      </c>
      <c r="N57" s="75">
        <v>48</v>
      </c>
      <c r="O57" s="72">
        <v>3230</v>
      </c>
      <c r="P57" s="51">
        <v>3383</v>
      </c>
      <c r="Q57" s="51">
        <v>50</v>
      </c>
      <c r="R57" s="42">
        <v>3433</v>
      </c>
      <c r="S57" s="51">
        <v>3736</v>
      </c>
      <c r="T57" s="51">
        <v>83</v>
      </c>
      <c r="U57" s="42">
        <v>3819</v>
      </c>
      <c r="V57" s="51">
        <v>3580</v>
      </c>
      <c r="W57" s="51">
        <v>93</v>
      </c>
      <c r="X57" s="42">
        <v>3673</v>
      </c>
      <c r="Y57" s="51">
        <v>3421</v>
      </c>
      <c r="Z57" s="51">
        <v>102</v>
      </c>
      <c r="AA57" s="42">
        <v>3523</v>
      </c>
      <c r="AB57" s="51">
        <v>3856</v>
      </c>
      <c r="AC57" s="51">
        <v>119</v>
      </c>
      <c r="AD57" s="42">
        <v>3975</v>
      </c>
      <c r="AE57" s="51">
        <v>4405</v>
      </c>
      <c r="AF57" s="51">
        <v>129</v>
      </c>
      <c r="AG57" s="42">
        <v>4534</v>
      </c>
      <c r="AH57" s="51">
        <v>6020</v>
      </c>
      <c r="AI57" s="51">
        <v>133</v>
      </c>
      <c r="AJ57" s="42">
        <v>6153</v>
      </c>
      <c r="AK57" s="51">
        <v>6329</v>
      </c>
      <c r="AL57" s="51">
        <v>118</v>
      </c>
      <c r="AM57" s="42">
        <v>6447</v>
      </c>
      <c r="AN57" s="51">
        <v>4964</v>
      </c>
      <c r="AO57" s="51">
        <v>128</v>
      </c>
      <c r="AP57" s="42">
        <v>5092</v>
      </c>
      <c r="AQ57" s="51">
        <v>4196</v>
      </c>
      <c r="AR57" s="51">
        <v>60</v>
      </c>
      <c r="AS57" s="42">
        <v>4256</v>
      </c>
      <c r="AT57" s="51">
        <v>4306</v>
      </c>
      <c r="AU57" s="51">
        <v>54</v>
      </c>
      <c r="AV57" s="42">
        <v>4360</v>
      </c>
      <c r="AW57" s="51">
        <v>5978</v>
      </c>
      <c r="AX57" s="51">
        <v>43</v>
      </c>
      <c r="AY57" s="42">
        <v>6021</v>
      </c>
      <c r="AZ57" s="51">
        <v>4954</v>
      </c>
      <c r="BA57" s="51">
        <v>15</v>
      </c>
      <c r="BB57" s="42">
        <v>4969</v>
      </c>
      <c r="BC57" s="51">
        <v>4368</v>
      </c>
      <c r="BD57" s="51">
        <v>11</v>
      </c>
      <c r="BE57" s="42">
        <v>4379</v>
      </c>
      <c r="BF57" s="51">
        <v>2844</v>
      </c>
      <c r="BG57" s="51">
        <v>6</v>
      </c>
      <c r="BH57" s="42">
        <v>2850</v>
      </c>
      <c r="BI57" s="51">
        <v>1273</v>
      </c>
      <c r="BJ57" s="51">
        <v>1</v>
      </c>
      <c r="BK57" s="42">
        <v>1274</v>
      </c>
      <c r="BL57" s="51">
        <v>362</v>
      </c>
      <c r="BM57" s="51">
        <v>0</v>
      </c>
      <c r="BN57" s="42">
        <v>362</v>
      </c>
      <c r="BO57" s="51">
        <v>84</v>
      </c>
      <c r="BP57" s="51">
        <v>1</v>
      </c>
      <c r="BQ57" s="43">
        <v>85</v>
      </c>
    </row>
    <row r="58" spans="1:69" ht="15" thickBot="1" x14ac:dyDescent="0.2">
      <c r="A58" s="53"/>
      <c r="B58" s="54" t="s">
        <v>32</v>
      </c>
      <c r="C58" s="85"/>
      <c r="D58" s="45">
        <v>150280</v>
      </c>
      <c r="E58" s="46">
        <v>2420</v>
      </c>
      <c r="F58" s="47">
        <v>152700</v>
      </c>
      <c r="G58" s="48">
        <v>5202</v>
      </c>
      <c r="H58" s="47">
        <v>78</v>
      </c>
      <c r="I58" s="47">
        <v>5280</v>
      </c>
      <c r="J58" s="48">
        <v>5726</v>
      </c>
      <c r="K58" s="47">
        <v>85</v>
      </c>
      <c r="L58" s="47">
        <v>5811</v>
      </c>
      <c r="M58" s="74">
        <v>6570</v>
      </c>
      <c r="N58" s="73">
        <v>93</v>
      </c>
      <c r="O58" s="73">
        <v>6663</v>
      </c>
      <c r="P58" s="48">
        <v>7033</v>
      </c>
      <c r="Q58" s="47">
        <v>103</v>
      </c>
      <c r="R58" s="47">
        <v>7136</v>
      </c>
      <c r="S58" s="48">
        <v>7358</v>
      </c>
      <c r="T58" s="47">
        <v>191</v>
      </c>
      <c r="U58" s="47">
        <v>7549</v>
      </c>
      <c r="V58" s="48">
        <v>7052</v>
      </c>
      <c r="W58" s="47">
        <v>247</v>
      </c>
      <c r="X58" s="47">
        <v>7299</v>
      </c>
      <c r="Y58" s="48">
        <v>6909</v>
      </c>
      <c r="Z58" s="47">
        <v>222</v>
      </c>
      <c r="AA58" s="47">
        <v>7131</v>
      </c>
      <c r="AB58" s="48">
        <v>7882</v>
      </c>
      <c r="AC58" s="47">
        <v>221</v>
      </c>
      <c r="AD58" s="47">
        <v>8103</v>
      </c>
      <c r="AE58" s="48">
        <v>9089</v>
      </c>
      <c r="AF58" s="47">
        <v>200</v>
      </c>
      <c r="AG58" s="47">
        <v>9289</v>
      </c>
      <c r="AH58" s="48">
        <v>12149</v>
      </c>
      <c r="AI58" s="47">
        <v>218</v>
      </c>
      <c r="AJ58" s="47">
        <v>12367</v>
      </c>
      <c r="AK58" s="48">
        <v>13025</v>
      </c>
      <c r="AL58" s="47">
        <v>187</v>
      </c>
      <c r="AM58" s="47">
        <v>13212</v>
      </c>
      <c r="AN58" s="48">
        <v>10155</v>
      </c>
      <c r="AO58" s="47">
        <v>212</v>
      </c>
      <c r="AP58" s="47">
        <v>10367</v>
      </c>
      <c r="AQ58" s="48">
        <v>8542</v>
      </c>
      <c r="AR58" s="47">
        <v>116</v>
      </c>
      <c r="AS58" s="47">
        <v>8658</v>
      </c>
      <c r="AT58" s="48">
        <v>8431</v>
      </c>
      <c r="AU58" s="47">
        <v>111</v>
      </c>
      <c r="AV58" s="47">
        <v>8542</v>
      </c>
      <c r="AW58" s="48">
        <v>11246</v>
      </c>
      <c r="AX58" s="47">
        <v>69</v>
      </c>
      <c r="AY58" s="47">
        <v>11315</v>
      </c>
      <c r="AZ58" s="48">
        <v>8996</v>
      </c>
      <c r="BA58" s="47">
        <v>31</v>
      </c>
      <c r="BB58" s="47">
        <v>9027</v>
      </c>
      <c r="BC58" s="48">
        <v>7730</v>
      </c>
      <c r="BD58" s="47">
        <v>24</v>
      </c>
      <c r="BE58" s="47">
        <v>7754</v>
      </c>
      <c r="BF58" s="48">
        <v>4754</v>
      </c>
      <c r="BG58" s="47">
        <v>8</v>
      </c>
      <c r="BH58" s="47">
        <v>4762</v>
      </c>
      <c r="BI58" s="48">
        <v>1874</v>
      </c>
      <c r="BJ58" s="47">
        <v>3</v>
      </c>
      <c r="BK58" s="47">
        <v>1877</v>
      </c>
      <c r="BL58" s="48">
        <v>459</v>
      </c>
      <c r="BM58" s="47">
        <v>0</v>
      </c>
      <c r="BN58" s="47">
        <v>459</v>
      </c>
      <c r="BO58" s="48">
        <v>98</v>
      </c>
      <c r="BP58" s="47">
        <v>1</v>
      </c>
      <c r="BQ58" s="49">
        <v>99</v>
      </c>
    </row>
    <row r="59" spans="1:69" x14ac:dyDescent="0.15">
      <c r="A59" s="52"/>
      <c r="B59" s="55" t="s">
        <v>29</v>
      </c>
      <c r="C59" s="86">
        <v>141178</v>
      </c>
      <c r="D59" s="36">
        <v>147930</v>
      </c>
      <c r="E59" s="37">
        <v>2181</v>
      </c>
      <c r="F59" s="38">
        <v>150111</v>
      </c>
      <c r="G59" s="51">
        <v>5709</v>
      </c>
      <c r="H59" s="51">
        <v>88</v>
      </c>
      <c r="I59" s="38">
        <v>5797</v>
      </c>
      <c r="J59" s="51">
        <v>6869</v>
      </c>
      <c r="K59" s="51">
        <v>72</v>
      </c>
      <c r="L59" s="38">
        <v>6941</v>
      </c>
      <c r="M59" s="75">
        <v>7370</v>
      </c>
      <c r="N59" s="75">
        <v>43</v>
      </c>
      <c r="O59" s="70">
        <v>7413</v>
      </c>
      <c r="P59" s="51">
        <v>7882</v>
      </c>
      <c r="Q59" s="51">
        <v>47</v>
      </c>
      <c r="R59" s="38">
        <v>7929</v>
      </c>
      <c r="S59" s="51">
        <v>9157</v>
      </c>
      <c r="T59" s="51">
        <v>182</v>
      </c>
      <c r="U59" s="38">
        <v>9339</v>
      </c>
      <c r="V59" s="51">
        <v>7245</v>
      </c>
      <c r="W59" s="51">
        <v>360</v>
      </c>
      <c r="X59" s="38">
        <v>7605</v>
      </c>
      <c r="Y59" s="51">
        <v>7007</v>
      </c>
      <c r="Z59" s="51">
        <v>380</v>
      </c>
      <c r="AA59" s="38">
        <v>7387</v>
      </c>
      <c r="AB59" s="51">
        <v>8349</v>
      </c>
      <c r="AC59" s="51">
        <v>289</v>
      </c>
      <c r="AD59" s="38">
        <v>8638</v>
      </c>
      <c r="AE59" s="51">
        <v>9827</v>
      </c>
      <c r="AF59" s="51">
        <v>193</v>
      </c>
      <c r="AG59" s="38">
        <v>10020</v>
      </c>
      <c r="AH59" s="51">
        <v>12148</v>
      </c>
      <c r="AI59" s="51">
        <v>153</v>
      </c>
      <c r="AJ59" s="38">
        <v>12301</v>
      </c>
      <c r="AK59" s="51">
        <v>13802</v>
      </c>
      <c r="AL59" s="51">
        <v>133</v>
      </c>
      <c r="AM59" s="38">
        <v>13935</v>
      </c>
      <c r="AN59" s="51">
        <v>12412</v>
      </c>
      <c r="AO59" s="51">
        <v>86</v>
      </c>
      <c r="AP59" s="38">
        <v>12498</v>
      </c>
      <c r="AQ59" s="51">
        <v>9550</v>
      </c>
      <c r="AR59" s="51">
        <v>70</v>
      </c>
      <c r="AS59" s="38">
        <v>9620</v>
      </c>
      <c r="AT59" s="51">
        <v>7463</v>
      </c>
      <c r="AU59" s="51">
        <v>35</v>
      </c>
      <c r="AV59" s="38">
        <v>7498</v>
      </c>
      <c r="AW59" s="51">
        <v>8625</v>
      </c>
      <c r="AX59" s="51">
        <v>21</v>
      </c>
      <c r="AY59" s="38">
        <v>8646</v>
      </c>
      <c r="AZ59" s="51">
        <v>6168</v>
      </c>
      <c r="BA59" s="51">
        <v>15</v>
      </c>
      <c r="BB59" s="38">
        <v>6183</v>
      </c>
      <c r="BC59" s="51">
        <v>4500</v>
      </c>
      <c r="BD59" s="51">
        <v>6</v>
      </c>
      <c r="BE59" s="38">
        <v>4506</v>
      </c>
      <c r="BF59" s="51">
        <v>2681</v>
      </c>
      <c r="BG59" s="51">
        <v>3</v>
      </c>
      <c r="BH59" s="38">
        <v>2684</v>
      </c>
      <c r="BI59" s="51">
        <v>947</v>
      </c>
      <c r="BJ59" s="51">
        <v>3</v>
      </c>
      <c r="BK59" s="38">
        <v>950</v>
      </c>
      <c r="BL59" s="51">
        <v>199</v>
      </c>
      <c r="BM59" s="51">
        <v>1</v>
      </c>
      <c r="BN59" s="38">
        <v>200</v>
      </c>
      <c r="BO59" s="51">
        <v>20</v>
      </c>
      <c r="BP59" s="51">
        <v>0</v>
      </c>
      <c r="BQ59" s="40">
        <v>20</v>
      </c>
    </row>
    <row r="60" spans="1:69" x14ac:dyDescent="0.15">
      <c r="A60" s="52" t="s">
        <v>50</v>
      </c>
      <c r="B60" s="25" t="s">
        <v>31</v>
      </c>
      <c r="C60" s="87"/>
      <c r="D60" s="41">
        <v>157924</v>
      </c>
      <c r="E60" s="39">
        <v>2182</v>
      </c>
      <c r="F60" s="42">
        <v>160106</v>
      </c>
      <c r="G60" s="51">
        <v>5352</v>
      </c>
      <c r="H60" s="51">
        <v>83</v>
      </c>
      <c r="I60" s="42">
        <v>5435</v>
      </c>
      <c r="J60" s="51">
        <v>6602</v>
      </c>
      <c r="K60" s="51">
        <v>68</v>
      </c>
      <c r="L60" s="42">
        <v>6670</v>
      </c>
      <c r="M60" s="75">
        <v>6982</v>
      </c>
      <c r="N60" s="75">
        <v>33</v>
      </c>
      <c r="O60" s="72">
        <v>7015</v>
      </c>
      <c r="P60" s="51">
        <v>7657</v>
      </c>
      <c r="Q60" s="51">
        <v>37</v>
      </c>
      <c r="R60" s="42">
        <v>7694</v>
      </c>
      <c r="S60" s="51">
        <v>9136</v>
      </c>
      <c r="T60" s="51">
        <v>210</v>
      </c>
      <c r="U60" s="42">
        <v>9346</v>
      </c>
      <c r="V60" s="51">
        <v>8045</v>
      </c>
      <c r="W60" s="51">
        <v>326</v>
      </c>
      <c r="X60" s="42">
        <v>8371</v>
      </c>
      <c r="Y60" s="51">
        <v>7378</v>
      </c>
      <c r="Z60" s="51">
        <v>280</v>
      </c>
      <c r="AA60" s="42">
        <v>7658</v>
      </c>
      <c r="AB60" s="51">
        <v>8822</v>
      </c>
      <c r="AC60" s="51">
        <v>284</v>
      </c>
      <c r="AD60" s="42">
        <v>9106</v>
      </c>
      <c r="AE60" s="51">
        <v>10515</v>
      </c>
      <c r="AF60" s="51">
        <v>202</v>
      </c>
      <c r="AG60" s="42">
        <v>10717</v>
      </c>
      <c r="AH60" s="51">
        <v>13187</v>
      </c>
      <c r="AI60" s="51">
        <v>180</v>
      </c>
      <c r="AJ60" s="42">
        <v>13367</v>
      </c>
      <c r="AK60" s="51">
        <v>14979</v>
      </c>
      <c r="AL60" s="51">
        <v>170</v>
      </c>
      <c r="AM60" s="42">
        <v>15149</v>
      </c>
      <c r="AN60" s="51">
        <v>12195</v>
      </c>
      <c r="AO60" s="51">
        <v>106</v>
      </c>
      <c r="AP60" s="42">
        <v>12301</v>
      </c>
      <c r="AQ60" s="51">
        <v>9114</v>
      </c>
      <c r="AR60" s="51">
        <v>80</v>
      </c>
      <c r="AS60" s="42">
        <v>9194</v>
      </c>
      <c r="AT60" s="51">
        <v>7974</v>
      </c>
      <c r="AU60" s="51">
        <v>48</v>
      </c>
      <c r="AV60" s="42">
        <v>8022</v>
      </c>
      <c r="AW60" s="51">
        <v>9767</v>
      </c>
      <c r="AX60" s="51">
        <v>27</v>
      </c>
      <c r="AY60" s="42">
        <v>9794</v>
      </c>
      <c r="AZ60" s="51">
        <v>7301</v>
      </c>
      <c r="BA60" s="51">
        <v>22</v>
      </c>
      <c r="BB60" s="42">
        <v>7323</v>
      </c>
      <c r="BC60" s="51">
        <v>5757</v>
      </c>
      <c r="BD60" s="51">
        <v>6</v>
      </c>
      <c r="BE60" s="42">
        <v>5763</v>
      </c>
      <c r="BF60" s="51">
        <v>4091</v>
      </c>
      <c r="BG60" s="51">
        <v>12</v>
      </c>
      <c r="BH60" s="42">
        <v>4103</v>
      </c>
      <c r="BI60" s="51">
        <v>2148</v>
      </c>
      <c r="BJ60" s="51">
        <v>4</v>
      </c>
      <c r="BK60" s="42">
        <v>2152</v>
      </c>
      <c r="BL60" s="51">
        <v>787</v>
      </c>
      <c r="BM60" s="51">
        <v>3</v>
      </c>
      <c r="BN60" s="42">
        <v>790</v>
      </c>
      <c r="BO60" s="51">
        <v>135</v>
      </c>
      <c r="BP60" s="51">
        <v>1</v>
      </c>
      <c r="BQ60" s="43">
        <v>136</v>
      </c>
    </row>
    <row r="61" spans="1:69" ht="15" thickBot="1" x14ac:dyDescent="0.2">
      <c r="A61" s="53"/>
      <c r="B61" s="31" t="s">
        <v>32</v>
      </c>
      <c r="C61" s="88"/>
      <c r="D61" s="45">
        <v>305854</v>
      </c>
      <c r="E61" s="46">
        <v>4363</v>
      </c>
      <c r="F61" s="47">
        <v>310217</v>
      </c>
      <c r="G61" s="48">
        <v>11061</v>
      </c>
      <c r="H61" s="47">
        <v>171</v>
      </c>
      <c r="I61" s="47">
        <v>11232</v>
      </c>
      <c r="J61" s="48">
        <v>13471</v>
      </c>
      <c r="K61" s="47">
        <v>140</v>
      </c>
      <c r="L61" s="47">
        <v>13611</v>
      </c>
      <c r="M61" s="74">
        <v>14352</v>
      </c>
      <c r="N61" s="73">
        <v>76</v>
      </c>
      <c r="O61" s="73">
        <v>14428</v>
      </c>
      <c r="P61" s="48">
        <v>15539</v>
      </c>
      <c r="Q61" s="47">
        <v>84</v>
      </c>
      <c r="R61" s="47">
        <v>15623</v>
      </c>
      <c r="S61" s="48">
        <v>18293</v>
      </c>
      <c r="T61" s="47">
        <v>392</v>
      </c>
      <c r="U61" s="47">
        <v>18685</v>
      </c>
      <c r="V61" s="48">
        <v>15290</v>
      </c>
      <c r="W61" s="47">
        <v>686</v>
      </c>
      <c r="X61" s="47">
        <v>15976</v>
      </c>
      <c r="Y61" s="48">
        <v>14385</v>
      </c>
      <c r="Z61" s="47">
        <v>660</v>
      </c>
      <c r="AA61" s="47">
        <v>15045</v>
      </c>
      <c r="AB61" s="48">
        <v>17171</v>
      </c>
      <c r="AC61" s="47">
        <v>573</v>
      </c>
      <c r="AD61" s="47">
        <v>17744</v>
      </c>
      <c r="AE61" s="48">
        <v>20342</v>
      </c>
      <c r="AF61" s="47">
        <v>395</v>
      </c>
      <c r="AG61" s="47">
        <v>20737</v>
      </c>
      <c r="AH61" s="48">
        <v>25335</v>
      </c>
      <c r="AI61" s="47">
        <v>333</v>
      </c>
      <c r="AJ61" s="47">
        <v>25668</v>
      </c>
      <c r="AK61" s="48">
        <v>28781</v>
      </c>
      <c r="AL61" s="47">
        <v>303</v>
      </c>
      <c r="AM61" s="47">
        <v>29084</v>
      </c>
      <c r="AN61" s="48">
        <v>24607</v>
      </c>
      <c r="AO61" s="47">
        <v>192</v>
      </c>
      <c r="AP61" s="47">
        <v>24799</v>
      </c>
      <c r="AQ61" s="48">
        <v>18664</v>
      </c>
      <c r="AR61" s="47">
        <v>150</v>
      </c>
      <c r="AS61" s="47">
        <v>18814</v>
      </c>
      <c r="AT61" s="48">
        <v>15437</v>
      </c>
      <c r="AU61" s="47">
        <v>83</v>
      </c>
      <c r="AV61" s="47">
        <v>15520</v>
      </c>
      <c r="AW61" s="48">
        <v>18392</v>
      </c>
      <c r="AX61" s="47">
        <v>48</v>
      </c>
      <c r="AY61" s="47">
        <v>18440</v>
      </c>
      <c r="AZ61" s="48">
        <v>13469</v>
      </c>
      <c r="BA61" s="47">
        <v>37</v>
      </c>
      <c r="BB61" s="47">
        <v>13506</v>
      </c>
      <c r="BC61" s="48">
        <v>10257</v>
      </c>
      <c r="BD61" s="47">
        <v>12</v>
      </c>
      <c r="BE61" s="47">
        <v>10269</v>
      </c>
      <c r="BF61" s="48">
        <v>6772</v>
      </c>
      <c r="BG61" s="47">
        <v>15</v>
      </c>
      <c r="BH61" s="47">
        <v>6787</v>
      </c>
      <c r="BI61" s="48">
        <v>3095</v>
      </c>
      <c r="BJ61" s="47">
        <v>7</v>
      </c>
      <c r="BK61" s="47">
        <v>3102</v>
      </c>
      <c r="BL61" s="48">
        <v>986</v>
      </c>
      <c r="BM61" s="47">
        <v>4</v>
      </c>
      <c r="BN61" s="47">
        <v>990</v>
      </c>
      <c r="BO61" s="48">
        <v>155</v>
      </c>
      <c r="BP61" s="47">
        <v>1</v>
      </c>
      <c r="BQ61" s="49">
        <v>156</v>
      </c>
    </row>
    <row r="62" spans="1:69" x14ac:dyDescent="0.15">
      <c r="A62" s="52"/>
      <c r="B62" s="20" t="s">
        <v>29</v>
      </c>
      <c r="C62" s="77">
        <v>141186</v>
      </c>
      <c r="D62" s="36">
        <v>104931</v>
      </c>
      <c r="E62" s="37">
        <v>1750</v>
      </c>
      <c r="F62" s="38">
        <v>106681</v>
      </c>
      <c r="G62" s="51">
        <v>4402</v>
      </c>
      <c r="H62" s="51">
        <v>71</v>
      </c>
      <c r="I62" s="38">
        <v>4473</v>
      </c>
      <c r="J62" s="51">
        <v>5538</v>
      </c>
      <c r="K62" s="51">
        <v>71</v>
      </c>
      <c r="L62" s="38">
        <v>5609</v>
      </c>
      <c r="M62" s="75">
        <v>6185</v>
      </c>
      <c r="N62" s="75">
        <v>45</v>
      </c>
      <c r="O62" s="70">
        <v>6230</v>
      </c>
      <c r="P62" s="51">
        <v>6362</v>
      </c>
      <c r="Q62" s="51">
        <v>45</v>
      </c>
      <c r="R62" s="38">
        <v>6407</v>
      </c>
      <c r="S62" s="51">
        <v>6388</v>
      </c>
      <c r="T62" s="51">
        <v>133</v>
      </c>
      <c r="U62" s="38">
        <v>6521</v>
      </c>
      <c r="V62" s="51">
        <v>5216</v>
      </c>
      <c r="W62" s="51">
        <v>245</v>
      </c>
      <c r="X62" s="38">
        <v>5461</v>
      </c>
      <c r="Y62" s="51">
        <v>5138</v>
      </c>
      <c r="Z62" s="51">
        <v>252</v>
      </c>
      <c r="AA62" s="38">
        <v>5390</v>
      </c>
      <c r="AB62" s="51">
        <v>6237</v>
      </c>
      <c r="AC62" s="51">
        <v>212</v>
      </c>
      <c r="AD62" s="38">
        <v>6449</v>
      </c>
      <c r="AE62" s="51">
        <v>7469</v>
      </c>
      <c r="AF62" s="51">
        <v>183</v>
      </c>
      <c r="AG62" s="38">
        <v>7652</v>
      </c>
      <c r="AH62" s="51">
        <v>9394</v>
      </c>
      <c r="AI62" s="51">
        <v>138</v>
      </c>
      <c r="AJ62" s="38">
        <v>9532</v>
      </c>
      <c r="AK62" s="51">
        <v>10502</v>
      </c>
      <c r="AL62" s="51">
        <v>109</v>
      </c>
      <c r="AM62" s="38">
        <v>10611</v>
      </c>
      <c r="AN62" s="51">
        <v>8612</v>
      </c>
      <c r="AO62" s="51">
        <v>117</v>
      </c>
      <c r="AP62" s="38">
        <v>8729</v>
      </c>
      <c r="AQ62" s="51">
        <v>6101</v>
      </c>
      <c r="AR62" s="51">
        <v>62</v>
      </c>
      <c r="AS62" s="38">
        <v>6163</v>
      </c>
      <c r="AT62" s="51">
        <v>4471</v>
      </c>
      <c r="AU62" s="51">
        <v>27</v>
      </c>
      <c r="AV62" s="38">
        <v>4498</v>
      </c>
      <c r="AW62" s="51">
        <v>4988</v>
      </c>
      <c r="AX62" s="51">
        <v>15</v>
      </c>
      <c r="AY62" s="38">
        <v>5003</v>
      </c>
      <c r="AZ62" s="51">
        <v>3227</v>
      </c>
      <c r="BA62" s="51">
        <v>12</v>
      </c>
      <c r="BB62" s="38">
        <v>3239</v>
      </c>
      <c r="BC62" s="51">
        <v>2602</v>
      </c>
      <c r="BD62" s="51">
        <v>6</v>
      </c>
      <c r="BE62" s="38">
        <v>2608</v>
      </c>
      <c r="BF62" s="51">
        <v>1450</v>
      </c>
      <c r="BG62" s="51">
        <v>4</v>
      </c>
      <c r="BH62" s="38">
        <v>1454</v>
      </c>
      <c r="BI62" s="51">
        <v>525</v>
      </c>
      <c r="BJ62" s="51">
        <v>3</v>
      </c>
      <c r="BK62" s="38">
        <v>528</v>
      </c>
      <c r="BL62" s="51">
        <v>117</v>
      </c>
      <c r="BM62" s="51">
        <v>0</v>
      </c>
      <c r="BN62" s="38">
        <v>117</v>
      </c>
      <c r="BO62" s="51">
        <v>7</v>
      </c>
      <c r="BP62" s="51">
        <v>0</v>
      </c>
      <c r="BQ62" s="40">
        <v>7</v>
      </c>
    </row>
    <row r="63" spans="1:69" x14ac:dyDescent="0.15">
      <c r="A63" s="52" t="s">
        <v>51</v>
      </c>
      <c r="B63" s="25" t="s">
        <v>31</v>
      </c>
      <c r="C63" s="78"/>
      <c r="D63" s="41">
        <v>106540</v>
      </c>
      <c r="E63" s="39">
        <v>1695</v>
      </c>
      <c r="F63" s="42">
        <v>108235</v>
      </c>
      <c r="G63" s="51">
        <v>4162</v>
      </c>
      <c r="H63" s="51">
        <v>82</v>
      </c>
      <c r="I63" s="42">
        <v>4244</v>
      </c>
      <c r="J63" s="51">
        <v>5275</v>
      </c>
      <c r="K63" s="51">
        <v>87</v>
      </c>
      <c r="L63" s="42">
        <v>5362</v>
      </c>
      <c r="M63" s="75">
        <v>5762</v>
      </c>
      <c r="N63" s="75">
        <v>53</v>
      </c>
      <c r="O63" s="72">
        <v>5815</v>
      </c>
      <c r="P63" s="51">
        <v>5854</v>
      </c>
      <c r="Q63" s="51">
        <v>32</v>
      </c>
      <c r="R63" s="42">
        <v>5886</v>
      </c>
      <c r="S63" s="51">
        <v>6319</v>
      </c>
      <c r="T63" s="51">
        <v>81</v>
      </c>
      <c r="U63" s="42">
        <v>6400</v>
      </c>
      <c r="V63" s="51">
        <v>5291</v>
      </c>
      <c r="W63" s="51">
        <v>190</v>
      </c>
      <c r="X63" s="42">
        <v>5481</v>
      </c>
      <c r="Y63" s="51">
        <v>5201</v>
      </c>
      <c r="Z63" s="51">
        <v>195</v>
      </c>
      <c r="AA63" s="42">
        <v>5396</v>
      </c>
      <c r="AB63" s="51">
        <v>6364</v>
      </c>
      <c r="AC63" s="51">
        <v>212</v>
      </c>
      <c r="AD63" s="42">
        <v>6576</v>
      </c>
      <c r="AE63" s="51">
        <v>7740</v>
      </c>
      <c r="AF63" s="51">
        <v>187</v>
      </c>
      <c r="AG63" s="42">
        <v>7927</v>
      </c>
      <c r="AH63" s="51">
        <v>9751</v>
      </c>
      <c r="AI63" s="51">
        <v>171</v>
      </c>
      <c r="AJ63" s="42">
        <v>9922</v>
      </c>
      <c r="AK63" s="51">
        <v>10377</v>
      </c>
      <c r="AL63" s="51">
        <v>138</v>
      </c>
      <c r="AM63" s="42">
        <v>10515</v>
      </c>
      <c r="AN63" s="51">
        <v>7889</v>
      </c>
      <c r="AO63" s="51">
        <v>102</v>
      </c>
      <c r="AP63" s="42">
        <v>7991</v>
      </c>
      <c r="AQ63" s="51">
        <v>5396</v>
      </c>
      <c r="AR63" s="51">
        <v>66</v>
      </c>
      <c r="AS63" s="42">
        <v>5462</v>
      </c>
      <c r="AT63" s="51">
        <v>4451</v>
      </c>
      <c r="AU63" s="51">
        <v>33</v>
      </c>
      <c r="AV63" s="42">
        <v>4484</v>
      </c>
      <c r="AW63" s="51">
        <v>5133</v>
      </c>
      <c r="AX63" s="51">
        <v>19</v>
      </c>
      <c r="AY63" s="42">
        <v>5152</v>
      </c>
      <c r="AZ63" s="51">
        <v>4022</v>
      </c>
      <c r="BA63" s="51">
        <v>20</v>
      </c>
      <c r="BB63" s="42">
        <v>4042</v>
      </c>
      <c r="BC63" s="51">
        <v>3533</v>
      </c>
      <c r="BD63" s="51">
        <v>11</v>
      </c>
      <c r="BE63" s="42">
        <v>3544</v>
      </c>
      <c r="BF63" s="51">
        <v>2359</v>
      </c>
      <c r="BG63" s="51">
        <v>9</v>
      </c>
      <c r="BH63" s="42">
        <v>2368</v>
      </c>
      <c r="BI63" s="51">
        <v>1228</v>
      </c>
      <c r="BJ63" s="51">
        <v>5</v>
      </c>
      <c r="BK63" s="42">
        <v>1233</v>
      </c>
      <c r="BL63" s="51">
        <v>371</v>
      </c>
      <c r="BM63" s="51">
        <v>2</v>
      </c>
      <c r="BN63" s="42">
        <v>373</v>
      </c>
      <c r="BO63" s="51">
        <v>62</v>
      </c>
      <c r="BP63" s="51">
        <v>0</v>
      </c>
      <c r="BQ63" s="43">
        <v>62</v>
      </c>
    </row>
    <row r="64" spans="1:69" ht="15" thickBot="1" x14ac:dyDescent="0.2">
      <c r="A64" s="53"/>
      <c r="B64" s="31" t="s">
        <v>32</v>
      </c>
      <c r="C64" s="79"/>
      <c r="D64" s="45">
        <v>211471</v>
      </c>
      <c r="E64" s="46">
        <v>3445</v>
      </c>
      <c r="F64" s="47">
        <v>214916</v>
      </c>
      <c r="G64" s="48">
        <v>8564</v>
      </c>
      <c r="H64" s="47">
        <v>153</v>
      </c>
      <c r="I64" s="47">
        <v>8717</v>
      </c>
      <c r="J64" s="48">
        <v>10813</v>
      </c>
      <c r="K64" s="47">
        <v>158</v>
      </c>
      <c r="L64" s="47">
        <v>10971</v>
      </c>
      <c r="M64" s="74">
        <v>11947</v>
      </c>
      <c r="N64" s="73">
        <v>98</v>
      </c>
      <c r="O64" s="73">
        <v>12045</v>
      </c>
      <c r="P64" s="48">
        <v>12216</v>
      </c>
      <c r="Q64" s="47">
        <v>77</v>
      </c>
      <c r="R64" s="47">
        <v>12293</v>
      </c>
      <c r="S64" s="48">
        <v>12707</v>
      </c>
      <c r="T64" s="47">
        <v>214</v>
      </c>
      <c r="U64" s="47">
        <v>12921</v>
      </c>
      <c r="V64" s="48">
        <v>10507</v>
      </c>
      <c r="W64" s="47">
        <v>435</v>
      </c>
      <c r="X64" s="47">
        <v>10942</v>
      </c>
      <c r="Y64" s="48">
        <v>10339</v>
      </c>
      <c r="Z64" s="47">
        <v>447</v>
      </c>
      <c r="AA64" s="47">
        <v>10786</v>
      </c>
      <c r="AB64" s="48">
        <v>12601</v>
      </c>
      <c r="AC64" s="47">
        <v>424</v>
      </c>
      <c r="AD64" s="47">
        <v>13025</v>
      </c>
      <c r="AE64" s="48">
        <v>15209</v>
      </c>
      <c r="AF64" s="47">
        <v>370</v>
      </c>
      <c r="AG64" s="47">
        <v>15579</v>
      </c>
      <c r="AH64" s="48">
        <v>19145</v>
      </c>
      <c r="AI64" s="47">
        <v>309</v>
      </c>
      <c r="AJ64" s="47">
        <v>19454</v>
      </c>
      <c r="AK64" s="48">
        <v>20879</v>
      </c>
      <c r="AL64" s="47">
        <v>247</v>
      </c>
      <c r="AM64" s="47">
        <v>21126</v>
      </c>
      <c r="AN64" s="48">
        <v>16501</v>
      </c>
      <c r="AO64" s="47">
        <v>219</v>
      </c>
      <c r="AP64" s="47">
        <v>16720</v>
      </c>
      <c r="AQ64" s="48">
        <v>11497</v>
      </c>
      <c r="AR64" s="47">
        <v>128</v>
      </c>
      <c r="AS64" s="47">
        <v>11625</v>
      </c>
      <c r="AT64" s="48">
        <v>8922</v>
      </c>
      <c r="AU64" s="47">
        <v>60</v>
      </c>
      <c r="AV64" s="47">
        <v>8982</v>
      </c>
      <c r="AW64" s="48">
        <v>10121</v>
      </c>
      <c r="AX64" s="47">
        <v>34</v>
      </c>
      <c r="AY64" s="47">
        <v>10155</v>
      </c>
      <c r="AZ64" s="48">
        <v>7249</v>
      </c>
      <c r="BA64" s="47">
        <v>32</v>
      </c>
      <c r="BB64" s="47">
        <v>7281</v>
      </c>
      <c r="BC64" s="48">
        <v>6135</v>
      </c>
      <c r="BD64" s="47">
        <v>17</v>
      </c>
      <c r="BE64" s="47">
        <v>6152</v>
      </c>
      <c r="BF64" s="48">
        <v>3809</v>
      </c>
      <c r="BG64" s="47">
        <v>13</v>
      </c>
      <c r="BH64" s="47">
        <v>3822</v>
      </c>
      <c r="BI64" s="48">
        <v>1753</v>
      </c>
      <c r="BJ64" s="47">
        <v>8</v>
      </c>
      <c r="BK64" s="47">
        <v>1761</v>
      </c>
      <c r="BL64" s="48">
        <v>488</v>
      </c>
      <c r="BM64" s="47">
        <v>2</v>
      </c>
      <c r="BN64" s="47">
        <v>490</v>
      </c>
      <c r="BO64" s="48">
        <v>69</v>
      </c>
      <c r="BP64" s="47">
        <v>0</v>
      </c>
      <c r="BQ64" s="49">
        <v>69</v>
      </c>
    </row>
    <row r="65" spans="1:69" x14ac:dyDescent="0.15">
      <c r="A65" s="24"/>
      <c r="B65" s="20" t="s">
        <v>29</v>
      </c>
      <c r="C65" s="77">
        <v>141305</v>
      </c>
      <c r="D65" s="36">
        <v>748475</v>
      </c>
      <c r="E65" s="37">
        <v>21490</v>
      </c>
      <c r="F65" s="38">
        <v>769965</v>
      </c>
      <c r="G65" s="39">
        <v>30858</v>
      </c>
      <c r="H65" s="39">
        <v>938</v>
      </c>
      <c r="I65" s="38">
        <v>31796</v>
      </c>
      <c r="J65" s="39">
        <v>32398</v>
      </c>
      <c r="K65" s="39">
        <v>845</v>
      </c>
      <c r="L65" s="38">
        <v>33243</v>
      </c>
      <c r="M65" s="71">
        <v>32045</v>
      </c>
      <c r="N65" s="71">
        <v>478</v>
      </c>
      <c r="O65" s="70">
        <v>32523</v>
      </c>
      <c r="P65" s="39">
        <v>31567</v>
      </c>
      <c r="Q65" s="39">
        <v>474</v>
      </c>
      <c r="R65" s="38">
        <v>32041</v>
      </c>
      <c r="S65" s="39">
        <v>42254</v>
      </c>
      <c r="T65" s="39">
        <v>2142</v>
      </c>
      <c r="U65" s="38">
        <v>44396</v>
      </c>
      <c r="V65" s="39">
        <v>54148</v>
      </c>
      <c r="W65" s="39">
        <v>3794</v>
      </c>
      <c r="X65" s="38">
        <v>57942</v>
      </c>
      <c r="Y65" s="39">
        <v>51490</v>
      </c>
      <c r="Z65" s="39">
        <v>3646</v>
      </c>
      <c r="AA65" s="38">
        <v>55136</v>
      </c>
      <c r="AB65" s="39">
        <v>55878</v>
      </c>
      <c r="AC65" s="39">
        <v>2649</v>
      </c>
      <c r="AD65" s="38">
        <v>58527</v>
      </c>
      <c r="AE65" s="39">
        <v>58278</v>
      </c>
      <c r="AF65" s="39">
        <v>1773</v>
      </c>
      <c r="AG65" s="38">
        <v>60051</v>
      </c>
      <c r="AH65" s="39">
        <v>66622</v>
      </c>
      <c r="AI65" s="39">
        <v>1219</v>
      </c>
      <c r="AJ65" s="38">
        <v>67841</v>
      </c>
      <c r="AK65" s="39">
        <v>65535</v>
      </c>
      <c r="AL65" s="39">
        <v>1115</v>
      </c>
      <c r="AM65" s="38">
        <v>66650</v>
      </c>
      <c r="AN65" s="39">
        <v>51470</v>
      </c>
      <c r="AO65" s="39">
        <v>843</v>
      </c>
      <c r="AP65" s="38">
        <v>52313</v>
      </c>
      <c r="AQ65" s="39">
        <v>39302</v>
      </c>
      <c r="AR65" s="39">
        <v>530</v>
      </c>
      <c r="AS65" s="38">
        <v>39832</v>
      </c>
      <c r="AT65" s="39">
        <v>34260</v>
      </c>
      <c r="AU65" s="39">
        <v>424</v>
      </c>
      <c r="AV65" s="38">
        <v>34684</v>
      </c>
      <c r="AW65" s="39">
        <v>39451</v>
      </c>
      <c r="AX65" s="39">
        <v>306</v>
      </c>
      <c r="AY65" s="38">
        <v>39757</v>
      </c>
      <c r="AZ65" s="39">
        <v>26673</v>
      </c>
      <c r="BA65" s="39">
        <v>150</v>
      </c>
      <c r="BB65" s="38">
        <v>26823</v>
      </c>
      <c r="BC65" s="39">
        <v>19881</v>
      </c>
      <c r="BD65" s="39">
        <v>95</v>
      </c>
      <c r="BE65" s="38">
        <v>19976</v>
      </c>
      <c r="BF65" s="39">
        <v>11349</v>
      </c>
      <c r="BG65" s="39">
        <v>56</v>
      </c>
      <c r="BH65" s="38">
        <v>11405</v>
      </c>
      <c r="BI65" s="39">
        <v>4062</v>
      </c>
      <c r="BJ65" s="39">
        <v>8</v>
      </c>
      <c r="BK65" s="38">
        <v>4070</v>
      </c>
      <c r="BL65" s="39">
        <v>880</v>
      </c>
      <c r="BM65" s="39">
        <v>4</v>
      </c>
      <c r="BN65" s="38">
        <v>884</v>
      </c>
      <c r="BO65" s="39">
        <v>74</v>
      </c>
      <c r="BP65" s="39">
        <v>1</v>
      </c>
      <c r="BQ65" s="40">
        <v>75</v>
      </c>
    </row>
    <row r="66" spans="1:69" x14ac:dyDescent="0.15">
      <c r="A66" s="24" t="s">
        <v>52</v>
      </c>
      <c r="B66" s="25" t="s">
        <v>31</v>
      </c>
      <c r="C66" s="78"/>
      <c r="D66" s="41">
        <v>730021</v>
      </c>
      <c r="E66" s="39">
        <v>22404</v>
      </c>
      <c r="F66" s="42">
        <v>752425</v>
      </c>
      <c r="G66" s="39">
        <v>29290</v>
      </c>
      <c r="H66" s="39">
        <v>833</v>
      </c>
      <c r="I66" s="42">
        <v>30123</v>
      </c>
      <c r="J66" s="39">
        <v>30647</v>
      </c>
      <c r="K66" s="39">
        <v>778</v>
      </c>
      <c r="L66" s="42">
        <v>31425</v>
      </c>
      <c r="M66" s="71">
        <v>30334</v>
      </c>
      <c r="N66" s="71">
        <v>488</v>
      </c>
      <c r="O66" s="72">
        <v>30822</v>
      </c>
      <c r="P66" s="39">
        <v>29941</v>
      </c>
      <c r="Q66" s="39">
        <v>414</v>
      </c>
      <c r="R66" s="42">
        <v>30355</v>
      </c>
      <c r="S66" s="39">
        <v>41995</v>
      </c>
      <c r="T66" s="39">
        <v>1814</v>
      </c>
      <c r="U66" s="42">
        <v>43809</v>
      </c>
      <c r="V66" s="39">
        <v>50195</v>
      </c>
      <c r="W66" s="39">
        <v>3175</v>
      </c>
      <c r="X66" s="42">
        <v>53370</v>
      </c>
      <c r="Y66" s="39">
        <v>47543</v>
      </c>
      <c r="Z66" s="39">
        <v>3186</v>
      </c>
      <c r="AA66" s="42">
        <v>50729</v>
      </c>
      <c r="AB66" s="39">
        <v>50133</v>
      </c>
      <c r="AC66" s="39">
        <v>2492</v>
      </c>
      <c r="AD66" s="42">
        <v>52625</v>
      </c>
      <c r="AE66" s="39">
        <v>53306</v>
      </c>
      <c r="AF66" s="39">
        <v>2033</v>
      </c>
      <c r="AG66" s="42">
        <v>55339</v>
      </c>
      <c r="AH66" s="39">
        <v>60378</v>
      </c>
      <c r="AI66" s="39">
        <v>1721</v>
      </c>
      <c r="AJ66" s="42">
        <v>62099</v>
      </c>
      <c r="AK66" s="39">
        <v>58737</v>
      </c>
      <c r="AL66" s="39">
        <v>1700</v>
      </c>
      <c r="AM66" s="42">
        <v>60437</v>
      </c>
      <c r="AN66" s="39">
        <v>44587</v>
      </c>
      <c r="AO66" s="39">
        <v>1361</v>
      </c>
      <c r="AP66" s="42">
        <v>45948</v>
      </c>
      <c r="AQ66" s="39">
        <v>35512</v>
      </c>
      <c r="AR66" s="39">
        <v>861</v>
      </c>
      <c r="AS66" s="42">
        <v>36373</v>
      </c>
      <c r="AT66" s="39">
        <v>33112</v>
      </c>
      <c r="AU66" s="39">
        <v>591</v>
      </c>
      <c r="AV66" s="42">
        <v>33703</v>
      </c>
      <c r="AW66" s="39">
        <v>41765</v>
      </c>
      <c r="AX66" s="39">
        <v>371</v>
      </c>
      <c r="AY66" s="42">
        <v>42136</v>
      </c>
      <c r="AZ66" s="39">
        <v>31568</v>
      </c>
      <c r="BA66" s="39">
        <v>233</v>
      </c>
      <c r="BB66" s="42">
        <v>31801</v>
      </c>
      <c r="BC66" s="39">
        <v>27444</v>
      </c>
      <c r="BD66" s="39">
        <v>200</v>
      </c>
      <c r="BE66" s="42">
        <v>27644</v>
      </c>
      <c r="BF66" s="39">
        <v>19802</v>
      </c>
      <c r="BG66" s="39">
        <v>97</v>
      </c>
      <c r="BH66" s="42">
        <v>19899</v>
      </c>
      <c r="BI66" s="39">
        <v>10076</v>
      </c>
      <c r="BJ66" s="39">
        <v>39</v>
      </c>
      <c r="BK66" s="42">
        <v>10115</v>
      </c>
      <c r="BL66" s="39">
        <v>3097</v>
      </c>
      <c r="BM66" s="39">
        <v>16</v>
      </c>
      <c r="BN66" s="42">
        <v>3113</v>
      </c>
      <c r="BO66" s="39">
        <v>559</v>
      </c>
      <c r="BP66" s="39">
        <v>1</v>
      </c>
      <c r="BQ66" s="43">
        <v>560</v>
      </c>
    </row>
    <row r="67" spans="1:69" ht="15" thickBot="1" x14ac:dyDescent="0.2">
      <c r="A67" s="44"/>
      <c r="B67" s="31" t="s">
        <v>32</v>
      </c>
      <c r="C67" s="79"/>
      <c r="D67" s="45">
        <v>1478496</v>
      </c>
      <c r="E67" s="46">
        <v>43894</v>
      </c>
      <c r="F67" s="47">
        <v>1522390</v>
      </c>
      <c r="G67" s="48">
        <v>60148</v>
      </c>
      <c r="H67" s="47">
        <v>1771</v>
      </c>
      <c r="I67" s="47">
        <v>61919</v>
      </c>
      <c r="J67" s="48">
        <v>63045</v>
      </c>
      <c r="K67" s="47">
        <v>1623</v>
      </c>
      <c r="L67" s="47">
        <v>64668</v>
      </c>
      <c r="M67" s="74">
        <v>62379</v>
      </c>
      <c r="N67" s="73">
        <v>966</v>
      </c>
      <c r="O67" s="73">
        <v>63345</v>
      </c>
      <c r="P67" s="48">
        <v>61508</v>
      </c>
      <c r="Q67" s="47">
        <v>888</v>
      </c>
      <c r="R67" s="47">
        <v>62396</v>
      </c>
      <c r="S67" s="48">
        <v>84249</v>
      </c>
      <c r="T67" s="47">
        <v>3956</v>
      </c>
      <c r="U67" s="47">
        <v>88205</v>
      </c>
      <c r="V67" s="48">
        <v>104343</v>
      </c>
      <c r="W67" s="47">
        <v>6969</v>
      </c>
      <c r="X67" s="47">
        <v>111312</v>
      </c>
      <c r="Y67" s="48">
        <v>99033</v>
      </c>
      <c r="Z67" s="47">
        <v>6832</v>
      </c>
      <c r="AA67" s="47">
        <v>105865</v>
      </c>
      <c r="AB67" s="48">
        <v>106011</v>
      </c>
      <c r="AC67" s="47">
        <v>5141</v>
      </c>
      <c r="AD67" s="47">
        <v>111152</v>
      </c>
      <c r="AE67" s="48">
        <v>111584</v>
      </c>
      <c r="AF67" s="47">
        <v>3806</v>
      </c>
      <c r="AG67" s="47">
        <v>115390</v>
      </c>
      <c r="AH67" s="48">
        <v>127000</v>
      </c>
      <c r="AI67" s="47">
        <v>2940</v>
      </c>
      <c r="AJ67" s="47">
        <v>129940</v>
      </c>
      <c r="AK67" s="48">
        <v>124272</v>
      </c>
      <c r="AL67" s="47">
        <v>2815</v>
      </c>
      <c r="AM67" s="47">
        <v>127087</v>
      </c>
      <c r="AN67" s="48">
        <v>96057</v>
      </c>
      <c r="AO67" s="47">
        <v>2204</v>
      </c>
      <c r="AP67" s="47">
        <v>98261</v>
      </c>
      <c r="AQ67" s="48">
        <v>74814</v>
      </c>
      <c r="AR67" s="47">
        <v>1391</v>
      </c>
      <c r="AS67" s="47">
        <v>76205</v>
      </c>
      <c r="AT67" s="48">
        <v>67372</v>
      </c>
      <c r="AU67" s="47">
        <v>1015</v>
      </c>
      <c r="AV67" s="47">
        <v>68387</v>
      </c>
      <c r="AW67" s="48">
        <v>81216</v>
      </c>
      <c r="AX67" s="47">
        <v>677</v>
      </c>
      <c r="AY67" s="47">
        <v>81893</v>
      </c>
      <c r="AZ67" s="48">
        <v>58241</v>
      </c>
      <c r="BA67" s="47">
        <v>383</v>
      </c>
      <c r="BB67" s="47">
        <v>58624</v>
      </c>
      <c r="BC67" s="48">
        <v>47325</v>
      </c>
      <c r="BD67" s="47">
        <v>295</v>
      </c>
      <c r="BE67" s="47">
        <v>47620</v>
      </c>
      <c r="BF67" s="48">
        <v>31151</v>
      </c>
      <c r="BG67" s="47">
        <v>153</v>
      </c>
      <c r="BH67" s="47">
        <v>31304</v>
      </c>
      <c r="BI67" s="48">
        <v>14138</v>
      </c>
      <c r="BJ67" s="47">
        <v>47</v>
      </c>
      <c r="BK67" s="47">
        <v>14185</v>
      </c>
      <c r="BL67" s="48">
        <v>3977</v>
      </c>
      <c r="BM67" s="47">
        <v>20</v>
      </c>
      <c r="BN67" s="47">
        <v>3997</v>
      </c>
      <c r="BO67" s="48">
        <v>633</v>
      </c>
      <c r="BP67" s="47">
        <v>2</v>
      </c>
      <c r="BQ67" s="49">
        <v>635</v>
      </c>
    </row>
    <row r="68" spans="1:69" x14ac:dyDescent="0.15">
      <c r="A68" s="52"/>
      <c r="B68" s="20" t="s">
        <v>29</v>
      </c>
      <c r="C68" s="77">
        <v>141313</v>
      </c>
      <c r="D68" s="36">
        <v>117725</v>
      </c>
      <c r="E68" s="37">
        <v>7637</v>
      </c>
      <c r="F68" s="38">
        <v>125362</v>
      </c>
      <c r="G68" s="51">
        <v>3635</v>
      </c>
      <c r="H68" s="51">
        <v>387</v>
      </c>
      <c r="I68" s="38">
        <v>4022</v>
      </c>
      <c r="J68" s="51">
        <v>4130</v>
      </c>
      <c r="K68" s="51">
        <v>373</v>
      </c>
      <c r="L68" s="38">
        <v>4503</v>
      </c>
      <c r="M68" s="75">
        <v>4224</v>
      </c>
      <c r="N68" s="75">
        <v>214</v>
      </c>
      <c r="O68" s="70">
        <v>4438</v>
      </c>
      <c r="P68" s="51">
        <v>4365</v>
      </c>
      <c r="Q68" s="51">
        <v>202</v>
      </c>
      <c r="R68" s="38">
        <v>4567</v>
      </c>
      <c r="S68" s="51">
        <v>6739</v>
      </c>
      <c r="T68" s="51">
        <v>760</v>
      </c>
      <c r="U68" s="38">
        <v>7499</v>
      </c>
      <c r="V68" s="51">
        <v>9102</v>
      </c>
      <c r="W68" s="51">
        <v>1147</v>
      </c>
      <c r="X68" s="38">
        <v>10249</v>
      </c>
      <c r="Y68" s="51">
        <v>8032</v>
      </c>
      <c r="Z68" s="51">
        <v>1165</v>
      </c>
      <c r="AA68" s="38">
        <v>9197</v>
      </c>
      <c r="AB68" s="51">
        <v>8635</v>
      </c>
      <c r="AC68" s="51">
        <v>923</v>
      </c>
      <c r="AD68" s="38">
        <v>9558</v>
      </c>
      <c r="AE68" s="51">
        <v>9005</v>
      </c>
      <c r="AF68" s="51">
        <v>613</v>
      </c>
      <c r="AG68" s="38">
        <v>9618</v>
      </c>
      <c r="AH68" s="51">
        <v>10804</v>
      </c>
      <c r="AI68" s="51">
        <v>424</v>
      </c>
      <c r="AJ68" s="38">
        <v>11228</v>
      </c>
      <c r="AK68" s="51">
        <v>10300</v>
      </c>
      <c r="AL68" s="51">
        <v>427</v>
      </c>
      <c r="AM68" s="38">
        <v>10727</v>
      </c>
      <c r="AN68" s="51">
        <v>7871</v>
      </c>
      <c r="AO68" s="51">
        <v>318</v>
      </c>
      <c r="AP68" s="38">
        <v>8189</v>
      </c>
      <c r="AQ68" s="51">
        <v>6493</v>
      </c>
      <c r="AR68" s="51">
        <v>223</v>
      </c>
      <c r="AS68" s="38">
        <v>6716</v>
      </c>
      <c r="AT68" s="51">
        <v>6412</v>
      </c>
      <c r="AU68" s="51">
        <v>185</v>
      </c>
      <c r="AV68" s="38">
        <v>6597</v>
      </c>
      <c r="AW68" s="51">
        <v>7410</v>
      </c>
      <c r="AX68" s="51">
        <v>142</v>
      </c>
      <c r="AY68" s="38">
        <v>7552</v>
      </c>
      <c r="AZ68" s="51">
        <v>4805</v>
      </c>
      <c r="BA68" s="51">
        <v>57</v>
      </c>
      <c r="BB68" s="38">
        <v>4862</v>
      </c>
      <c r="BC68" s="51">
        <v>3224</v>
      </c>
      <c r="BD68" s="51">
        <v>46</v>
      </c>
      <c r="BE68" s="38">
        <v>3270</v>
      </c>
      <c r="BF68" s="51">
        <v>1810</v>
      </c>
      <c r="BG68" s="51">
        <v>25</v>
      </c>
      <c r="BH68" s="38">
        <v>1835</v>
      </c>
      <c r="BI68" s="51">
        <v>617</v>
      </c>
      <c r="BJ68" s="51">
        <v>5</v>
      </c>
      <c r="BK68" s="38">
        <v>622</v>
      </c>
      <c r="BL68" s="51">
        <v>103</v>
      </c>
      <c r="BM68" s="51">
        <v>1</v>
      </c>
      <c r="BN68" s="38">
        <v>104</v>
      </c>
      <c r="BO68" s="51">
        <v>9</v>
      </c>
      <c r="BP68" s="51">
        <v>0</v>
      </c>
      <c r="BQ68" s="40">
        <v>9</v>
      </c>
    </row>
    <row r="69" spans="1:69" x14ac:dyDescent="0.15">
      <c r="A69" s="52" t="s">
        <v>53</v>
      </c>
      <c r="B69" s="25" t="s">
        <v>31</v>
      </c>
      <c r="C69" s="78"/>
      <c r="D69" s="41">
        <v>98932</v>
      </c>
      <c r="E69" s="39">
        <v>8359</v>
      </c>
      <c r="F69" s="42">
        <v>107291</v>
      </c>
      <c r="G69" s="51">
        <v>3330</v>
      </c>
      <c r="H69" s="51">
        <v>344</v>
      </c>
      <c r="I69" s="42">
        <v>3674</v>
      </c>
      <c r="J69" s="51">
        <v>3793</v>
      </c>
      <c r="K69" s="51">
        <v>340</v>
      </c>
      <c r="L69" s="42">
        <v>4133</v>
      </c>
      <c r="M69" s="75">
        <v>4103</v>
      </c>
      <c r="N69" s="75">
        <v>204</v>
      </c>
      <c r="O69" s="72">
        <v>4307</v>
      </c>
      <c r="P69" s="51">
        <v>4069</v>
      </c>
      <c r="Q69" s="51">
        <v>169</v>
      </c>
      <c r="R69" s="42">
        <v>4238</v>
      </c>
      <c r="S69" s="51">
        <v>5554</v>
      </c>
      <c r="T69" s="51">
        <v>640</v>
      </c>
      <c r="U69" s="42">
        <v>6194</v>
      </c>
      <c r="V69" s="51">
        <v>6626</v>
      </c>
      <c r="W69" s="51">
        <v>943</v>
      </c>
      <c r="X69" s="42">
        <v>7569</v>
      </c>
      <c r="Y69" s="51">
        <v>5811</v>
      </c>
      <c r="Z69" s="51">
        <v>1048</v>
      </c>
      <c r="AA69" s="42">
        <v>6859</v>
      </c>
      <c r="AB69" s="51">
        <v>6236</v>
      </c>
      <c r="AC69" s="51">
        <v>965</v>
      </c>
      <c r="AD69" s="42">
        <v>7201</v>
      </c>
      <c r="AE69" s="51">
        <v>6826</v>
      </c>
      <c r="AF69" s="51">
        <v>715</v>
      </c>
      <c r="AG69" s="42">
        <v>7541</v>
      </c>
      <c r="AH69" s="51">
        <v>7888</v>
      </c>
      <c r="AI69" s="51">
        <v>626</v>
      </c>
      <c r="AJ69" s="42">
        <v>8514</v>
      </c>
      <c r="AK69" s="51">
        <v>7457</v>
      </c>
      <c r="AL69" s="51">
        <v>692</v>
      </c>
      <c r="AM69" s="42">
        <v>8149</v>
      </c>
      <c r="AN69" s="51">
        <v>5738</v>
      </c>
      <c r="AO69" s="51">
        <v>542</v>
      </c>
      <c r="AP69" s="42">
        <v>6280</v>
      </c>
      <c r="AQ69" s="51">
        <v>5028</v>
      </c>
      <c r="AR69" s="51">
        <v>377</v>
      </c>
      <c r="AS69" s="42">
        <v>5405</v>
      </c>
      <c r="AT69" s="51">
        <v>5092</v>
      </c>
      <c r="AU69" s="51">
        <v>267</v>
      </c>
      <c r="AV69" s="42">
        <v>5359</v>
      </c>
      <c r="AW69" s="51">
        <v>6476</v>
      </c>
      <c r="AX69" s="51">
        <v>156</v>
      </c>
      <c r="AY69" s="42">
        <v>6632</v>
      </c>
      <c r="AZ69" s="51">
        <v>4819</v>
      </c>
      <c r="BA69" s="51">
        <v>128</v>
      </c>
      <c r="BB69" s="42">
        <v>4947</v>
      </c>
      <c r="BC69" s="51">
        <v>4427</v>
      </c>
      <c r="BD69" s="51">
        <v>115</v>
      </c>
      <c r="BE69" s="42">
        <v>4542</v>
      </c>
      <c r="BF69" s="51">
        <v>3324</v>
      </c>
      <c r="BG69" s="51">
        <v>55</v>
      </c>
      <c r="BH69" s="42">
        <v>3379</v>
      </c>
      <c r="BI69" s="51">
        <v>1709</v>
      </c>
      <c r="BJ69" s="51">
        <v>24</v>
      </c>
      <c r="BK69" s="42">
        <v>1733</v>
      </c>
      <c r="BL69" s="51">
        <v>529</v>
      </c>
      <c r="BM69" s="51">
        <v>9</v>
      </c>
      <c r="BN69" s="42">
        <v>538</v>
      </c>
      <c r="BO69" s="51">
        <v>97</v>
      </c>
      <c r="BP69" s="51">
        <v>0</v>
      </c>
      <c r="BQ69" s="43">
        <v>97</v>
      </c>
    </row>
    <row r="70" spans="1:69" ht="15" thickBot="1" x14ac:dyDescent="0.2">
      <c r="A70" s="53"/>
      <c r="B70" s="31" t="s">
        <v>32</v>
      </c>
      <c r="C70" s="79"/>
      <c r="D70" s="45">
        <v>216657</v>
      </c>
      <c r="E70" s="46">
        <v>15996</v>
      </c>
      <c r="F70" s="47">
        <v>232653</v>
      </c>
      <c r="G70" s="48">
        <v>6965</v>
      </c>
      <c r="H70" s="47">
        <v>731</v>
      </c>
      <c r="I70" s="47">
        <v>7696</v>
      </c>
      <c r="J70" s="48">
        <v>7923</v>
      </c>
      <c r="K70" s="47">
        <v>713</v>
      </c>
      <c r="L70" s="47">
        <v>8636</v>
      </c>
      <c r="M70" s="74">
        <v>8327</v>
      </c>
      <c r="N70" s="73">
        <v>418</v>
      </c>
      <c r="O70" s="73">
        <v>8745</v>
      </c>
      <c r="P70" s="48">
        <v>8434</v>
      </c>
      <c r="Q70" s="47">
        <v>371</v>
      </c>
      <c r="R70" s="47">
        <v>8805</v>
      </c>
      <c r="S70" s="48">
        <v>12293</v>
      </c>
      <c r="T70" s="47">
        <v>1400</v>
      </c>
      <c r="U70" s="47">
        <v>13693</v>
      </c>
      <c r="V70" s="48">
        <v>15728</v>
      </c>
      <c r="W70" s="47">
        <v>2090</v>
      </c>
      <c r="X70" s="47">
        <v>17818</v>
      </c>
      <c r="Y70" s="48">
        <v>13843</v>
      </c>
      <c r="Z70" s="47">
        <v>2213</v>
      </c>
      <c r="AA70" s="47">
        <v>16056</v>
      </c>
      <c r="AB70" s="48">
        <v>14871</v>
      </c>
      <c r="AC70" s="47">
        <v>1888</v>
      </c>
      <c r="AD70" s="47">
        <v>16759</v>
      </c>
      <c r="AE70" s="48">
        <v>15831</v>
      </c>
      <c r="AF70" s="47">
        <v>1328</v>
      </c>
      <c r="AG70" s="47">
        <v>17159</v>
      </c>
      <c r="AH70" s="48">
        <v>18692</v>
      </c>
      <c r="AI70" s="47">
        <v>1050</v>
      </c>
      <c r="AJ70" s="47">
        <v>19742</v>
      </c>
      <c r="AK70" s="48">
        <v>17757</v>
      </c>
      <c r="AL70" s="47">
        <v>1119</v>
      </c>
      <c r="AM70" s="47">
        <v>18876</v>
      </c>
      <c r="AN70" s="48">
        <v>13609</v>
      </c>
      <c r="AO70" s="47">
        <v>860</v>
      </c>
      <c r="AP70" s="47">
        <v>14469</v>
      </c>
      <c r="AQ70" s="48">
        <v>11521</v>
      </c>
      <c r="AR70" s="47">
        <v>600</v>
      </c>
      <c r="AS70" s="47">
        <v>12121</v>
      </c>
      <c r="AT70" s="48">
        <v>11504</v>
      </c>
      <c r="AU70" s="47">
        <v>452</v>
      </c>
      <c r="AV70" s="47">
        <v>11956</v>
      </c>
      <c r="AW70" s="48">
        <v>13886</v>
      </c>
      <c r="AX70" s="47">
        <v>298</v>
      </c>
      <c r="AY70" s="47">
        <v>14184</v>
      </c>
      <c r="AZ70" s="48">
        <v>9624</v>
      </c>
      <c r="BA70" s="47">
        <v>185</v>
      </c>
      <c r="BB70" s="47">
        <v>9809</v>
      </c>
      <c r="BC70" s="48">
        <v>7651</v>
      </c>
      <c r="BD70" s="47">
        <v>161</v>
      </c>
      <c r="BE70" s="47">
        <v>7812</v>
      </c>
      <c r="BF70" s="48">
        <v>5134</v>
      </c>
      <c r="BG70" s="47">
        <v>80</v>
      </c>
      <c r="BH70" s="47">
        <v>5214</v>
      </c>
      <c r="BI70" s="48">
        <v>2326</v>
      </c>
      <c r="BJ70" s="47">
        <v>29</v>
      </c>
      <c r="BK70" s="47">
        <v>2355</v>
      </c>
      <c r="BL70" s="48">
        <v>632</v>
      </c>
      <c r="BM70" s="47">
        <v>10</v>
      </c>
      <c r="BN70" s="47">
        <v>642</v>
      </c>
      <c r="BO70" s="48">
        <v>106</v>
      </c>
      <c r="BP70" s="47">
        <v>0</v>
      </c>
      <c r="BQ70" s="49">
        <v>106</v>
      </c>
    </row>
    <row r="71" spans="1:69" x14ac:dyDescent="0.15">
      <c r="A71" s="52"/>
      <c r="B71" s="20" t="s">
        <v>29</v>
      </c>
      <c r="C71" s="77">
        <v>141321</v>
      </c>
      <c r="D71" s="36">
        <v>84938</v>
      </c>
      <c r="E71" s="37">
        <v>2511</v>
      </c>
      <c r="F71" s="38">
        <v>87449</v>
      </c>
      <c r="G71" s="51">
        <v>4072</v>
      </c>
      <c r="H71" s="51">
        <v>134</v>
      </c>
      <c r="I71" s="38">
        <v>4206</v>
      </c>
      <c r="J71" s="51">
        <v>3828</v>
      </c>
      <c r="K71" s="51">
        <v>115</v>
      </c>
      <c r="L71" s="38">
        <v>3943</v>
      </c>
      <c r="M71" s="75">
        <v>3647</v>
      </c>
      <c r="N71" s="75">
        <v>84</v>
      </c>
      <c r="O71" s="70">
        <v>3731</v>
      </c>
      <c r="P71" s="51">
        <v>3332</v>
      </c>
      <c r="Q71" s="51">
        <v>61</v>
      </c>
      <c r="R71" s="38">
        <v>3393</v>
      </c>
      <c r="S71" s="51">
        <v>3950</v>
      </c>
      <c r="T71" s="51">
        <v>201</v>
      </c>
      <c r="U71" s="38">
        <v>4151</v>
      </c>
      <c r="V71" s="51">
        <v>5706</v>
      </c>
      <c r="W71" s="51">
        <v>353</v>
      </c>
      <c r="X71" s="38">
        <v>6059</v>
      </c>
      <c r="Y71" s="51">
        <v>6118</v>
      </c>
      <c r="Z71" s="51">
        <v>451</v>
      </c>
      <c r="AA71" s="38">
        <v>6569</v>
      </c>
      <c r="AB71" s="51">
        <v>6857</v>
      </c>
      <c r="AC71" s="51">
        <v>333</v>
      </c>
      <c r="AD71" s="38">
        <v>7190</v>
      </c>
      <c r="AE71" s="51">
        <v>7022</v>
      </c>
      <c r="AF71" s="51">
        <v>222</v>
      </c>
      <c r="AG71" s="38">
        <v>7244</v>
      </c>
      <c r="AH71" s="51">
        <v>7792</v>
      </c>
      <c r="AI71" s="51">
        <v>150</v>
      </c>
      <c r="AJ71" s="38">
        <v>7942</v>
      </c>
      <c r="AK71" s="51">
        <v>7017</v>
      </c>
      <c r="AL71" s="51">
        <v>119</v>
      </c>
      <c r="AM71" s="38">
        <v>7136</v>
      </c>
      <c r="AN71" s="51">
        <v>5169</v>
      </c>
      <c r="AO71" s="51">
        <v>112</v>
      </c>
      <c r="AP71" s="38">
        <v>5281</v>
      </c>
      <c r="AQ71" s="51">
        <v>4184</v>
      </c>
      <c r="AR71" s="51">
        <v>48</v>
      </c>
      <c r="AS71" s="38">
        <v>4232</v>
      </c>
      <c r="AT71" s="51">
        <v>3947</v>
      </c>
      <c r="AU71" s="51">
        <v>52</v>
      </c>
      <c r="AV71" s="38">
        <v>3999</v>
      </c>
      <c r="AW71" s="51">
        <v>4749</v>
      </c>
      <c r="AX71" s="51">
        <v>32</v>
      </c>
      <c r="AY71" s="38">
        <v>4781</v>
      </c>
      <c r="AZ71" s="51">
        <v>3199</v>
      </c>
      <c r="BA71" s="51">
        <v>24</v>
      </c>
      <c r="BB71" s="38">
        <v>3223</v>
      </c>
      <c r="BC71" s="51">
        <v>2473</v>
      </c>
      <c r="BD71" s="51">
        <v>11</v>
      </c>
      <c r="BE71" s="38">
        <v>2484</v>
      </c>
      <c r="BF71" s="51">
        <v>1275</v>
      </c>
      <c r="BG71" s="51">
        <v>6</v>
      </c>
      <c r="BH71" s="38">
        <v>1281</v>
      </c>
      <c r="BI71" s="51">
        <v>475</v>
      </c>
      <c r="BJ71" s="51">
        <v>2</v>
      </c>
      <c r="BK71" s="38">
        <v>477</v>
      </c>
      <c r="BL71" s="51">
        <v>114</v>
      </c>
      <c r="BM71" s="51">
        <v>1</v>
      </c>
      <c r="BN71" s="38">
        <v>115</v>
      </c>
      <c r="BO71" s="51">
        <v>12</v>
      </c>
      <c r="BP71" s="51">
        <v>0</v>
      </c>
      <c r="BQ71" s="40">
        <v>12</v>
      </c>
    </row>
    <row r="72" spans="1:69" x14ac:dyDescent="0.15">
      <c r="A72" s="52" t="s">
        <v>54</v>
      </c>
      <c r="B72" s="25" t="s">
        <v>31</v>
      </c>
      <c r="C72" s="78"/>
      <c r="D72" s="41">
        <v>81687</v>
      </c>
      <c r="E72" s="39">
        <v>2894</v>
      </c>
      <c r="F72" s="42">
        <v>84581</v>
      </c>
      <c r="G72" s="51">
        <v>3845</v>
      </c>
      <c r="H72" s="51">
        <v>136</v>
      </c>
      <c r="I72" s="42">
        <v>3981</v>
      </c>
      <c r="J72" s="51">
        <v>3698</v>
      </c>
      <c r="K72" s="51">
        <v>120</v>
      </c>
      <c r="L72" s="42">
        <v>3818</v>
      </c>
      <c r="M72" s="75">
        <v>3441</v>
      </c>
      <c r="N72" s="75">
        <v>83</v>
      </c>
      <c r="O72" s="72">
        <v>3524</v>
      </c>
      <c r="P72" s="51">
        <v>3129</v>
      </c>
      <c r="Q72" s="51">
        <v>53</v>
      </c>
      <c r="R72" s="42">
        <v>3182</v>
      </c>
      <c r="S72" s="51">
        <v>3737</v>
      </c>
      <c r="T72" s="51">
        <v>151</v>
      </c>
      <c r="U72" s="42">
        <v>3888</v>
      </c>
      <c r="V72" s="51">
        <v>4970</v>
      </c>
      <c r="W72" s="51">
        <v>350</v>
      </c>
      <c r="X72" s="42">
        <v>5320</v>
      </c>
      <c r="Y72" s="51">
        <v>5350</v>
      </c>
      <c r="Z72" s="51">
        <v>416</v>
      </c>
      <c r="AA72" s="42">
        <v>5766</v>
      </c>
      <c r="AB72" s="51">
        <v>5894</v>
      </c>
      <c r="AC72" s="51">
        <v>329</v>
      </c>
      <c r="AD72" s="42">
        <v>6223</v>
      </c>
      <c r="AE72" s="51">
        <v>6254</v>
      </c>
      <c r="AF72" s="51">
        <v>297</v>
      </c>
      <c r="AG72" s="42">
        <v>6551</v>
      </c>
      <c r="AH72" s="51">
        <v>6663</v>
      </c>
      <c r="AI72" s="51">
        <v>261</v>
      </c>
      <c r="AJ72" s="42">
        <v>6924</v>
      </c>
      <c r="AK72" s="51">
        <v>6087</v>
      </c>
      <c r="AL72" s="51">
        <v>222</v>
      </c>
      <c r="AM72" s="42">
        <v>6309</v>
      </c>
      <c r="AN72" s="51">
        <v>4364</v>
      </c>
      <c r="AO72" s="51">
        <v>187</v>
      </c>
      <c r="AP72" s="42">
        <v>4551</v>
      </c>
      <c r="AQ72" s="51">
        <v>3746</v>
      </c>
      <c r="AR72" s="51">
        <v>113</v>
      </c>
      <c r="AS72" s="42">
        <v>3859</v>
      </c>
      <c r="AT72" s="51">
        <v>3904</v>
      </c>
      <c r="AU72" s="51">
        <v>69</v>
      </c>
      <c r="AV72" s="42">
        <v>3973</v>
      </c>
      <c r="AW72" s="51">
        <v>5209</v>
      </c>
      <c r="AX72" s="51">
        <v>45</v>
      </c>
      <c r="AY72" s="42">
        <v>5254</v>
      </c>
      <c r="AZ72" s="51">
        <v>3804</v>
      </c>
      <c r="BA72" s="51">
        <v>25</v>
      </c>
      <c r="BB72" s="42">
        <v>3829</v>
      </c>
      <c r="BC72" s="51">
        <v>3394</v>
      </c>
      <c r="BD72" s="51">
        <v>24</v>
      </c>
      <c r="BE72" s="42">
        <v>3418</v>
      </c>
      <c r="BF72" s="51">
        <v>2475</v>
      </c>
      <c r="BG72" s="51">
        <v>7</v>
      </c>
      <c r="BH72" s="42">
        <v>2482</v>
      </c>
      <c r="BI72" s="51">
        <v>1265</v>
      </c>
      <c r="BJ72" s="51">
        <v>5</v>
      </c>
      <c r="BK72" s="42">
        <v>1270</v>
      </c>
      <c r="BL72" s="51">
        <v>396</v>
      </c>
      <c r="BM72" s="51">
        <v>1</v>
      </c>
      <c r="BN72" s="42">
        <v>397</v>
      </c>
      <c r="BO72" s="51">
        <v>62</v>
      </c>
      <c r="BP72" s="51">
        <v>0</v>
      </c>
      <c r="BQ72" s="43">
        <v>62</v>
      </c>
    </row>
    <row r="73" spans="1:69" ht="15" thickBot="1" x14ac:dyDescent="0.2">
      <c r="A73" s="53"/>
      <c r="B73" s="31" t="s">
        <v>32</v>
      </c>
      <c r="C73" s="79"/>
      <c r="D73" s="45">
        <v>166625</v>
      </c>
      <c r="E73" s="46">
        <v>5405</v>
      </c>
      <c r="F73" s="47">
        <v>172030</v>
      </c>
      <c r="G73" s="48">
        <v>7917</v>
      </c>
      <c r="H73" s="47">
        <v>270</v>
      </c>
      <c r="I73" s="47">
        <v>8187</v>
      </c>
      <c r="J73" s="48">
        <v>7526</v>
      </c>
      <c r="K73" s="47">
        <v>235</v>
      </c>
      <c r="L73" s="47">
        <v>7761</v>
      </c>
      <c r="M73" s="74">
        <v>7088</v>
      </c>
      <c r="N73" s="73">
        <v>167</v>
      </c>
      <c r="O73" s="73">
        <v>7255</v>
      </c>
      <c r="P73" s="48">
        <v>6461</v>
      </c>
      <c r="Q73" s="47">
        <v>114</v>
      </c>
      <c r="R73" s="47">
        <v>6575</v>
      </c>
      <c r="S73" s="48">
        <v>7687</v>
      </c>
      <c r="T73" s="47">
        <v>352</v>
      </c>
      <c r="U73" s="47">
        <v>8039</v>
      </c>
      <c r="V73" s="48">
        <v>10676</v>
      </c>
      <c r="W73" s="47">
        <v>703</v>
      </c>
      <c r="X73" s="47">
        <v>11379</v>
      </c>
      <c r="Y73" s="48">
        <v>11468</v>
      </c>
      <c r="Z73" s="47">
        <v>867</v>
      </c>
      <c r="AA73" s="47">
        <v>12335</v>
      </c>
      <c r="AB73" s="48">
        <v>12751</v>
      </c>
      <c r="AC73" s="47">
        <v>662</v>
      </c>
      <c r="AD73" s="47">
        <v>13413</v>
      </c>
      <c r="AE73" s="48">
        <v>13276</v>
      </c>
      <c r="AF73" s="47">
        <v>519</v>
      </c>
      <c r="AG73" s="47">
        <v>13795</v>
      </c>
      <c r="AH73" s="48">
        <v>14455</v>
      </c>
      <c r="AI73" s="47">
        <v>411</v>
      </c>
      <c r="AJ73" s="47">
        <v>14866</v>
      </c>
      <c r="AK73" s="48">
        <v>13104</v>
      </c>
      <c r="AL73" s="47">
        <v>341</v>
      </c>
      <c r="AM73" s="47">
        <v>13445</v>
      </c>
      <c r="AN73" s="48">
        <v>9533</v>
      </c>
      <c r="AO73" s="47">
        <v>299</v>
      </c>
      <c r="AP73" s="47">
        <v>9832</v>
      </c>
      <c r="AQ73" s="48">
        <v>7930</v>
      </c>
      <c r="AR73" s="47">
        <v>161</v>
      </c>
      <c r="AS73" s="47">
        <v>8091</v>
      </c>
      <c r="AT73" s="48">
        <v>7851</v>
      </c>
      <c r="AU73" s="47">
        <v>121</v>
      </c>
      <c r="AV73" s="47">
        <v>7972</v>
      </c>
      <c r="AW73" s="48">
        <v>9958</v>
      </c>
      <c r="AX73" s="47">
        <v>77</v>
      </c>
      <c r="AY73" s="47">
        <v>10035</v>
      </c>
      <c r="AZ73" s="48">
        <v>7003</v>
      </c>
      <c r="BA73" s="47">
        <v>49</v>
      </c>
      <c r="BB73" s="47">
        <v>7052</v>
      </c>
      <c r="BC73" s="48">
        <v>5867</v>
      </c>
      <c r="BD73" s="47">
        <v>35</v>
      </c>
      <c r="BE73" s="47">
        <v>5902</v>
      </c>
      <c r="BF73" s="48">
        <v>3750</v>
      </c>
      <c r="BG73" s="47">
        <v>13</v>
      </c>
      <c r="BH73" s="47">
        <v>3763</v>
      </c>
      <c r="BI73" s="48">
        <v>1740</v>
      </c>
      <c r="BJ73" s="47">
        <v>7</v>
      </c>
      <c r="BK73" s="47">
        <v>1747</v>
      </c>
      <c r="BL73" s="48">
        <v>510</v>
      </c>
      <c r="BM73" s="47">
        <v>2</v>
      </c>
      <c r="BN73" s="47">
        <v>512</v>
      </c>
      <c r="BO73" s="48">
        <v>74</v>
      </c>
      <c r="BP73" s="47">
        <v>0</v>
      </c>
      <c r="BQ73" s="49">
        <v>74</v>
      </c>
    </row>
    <row r="74" spans="1:69" x14ac:dyDescent="0.15">
      <c r="A74" s="52"/>
      <c r="B74" s="20" t="s">
        <v>29</v>
      </c>
      <c r="C74" s="77">
        <v>141330</v>
      </c>
      <c r="D74" s="36">
        <v>128370</v>
      </c>
      <c r="E74" s="37">
        <v>2838</v>
      </c>
      <c r="F74" s="38">
        <v>131208</v>
      </c>
      <c r="G74" s="51">
        <v>6033</v>
      </c>
      <c r="H74" s="51">
        <v>112</v>
      </c>
      <c r="I74" s="38">
        <v>6145</v>
      </c>
      <c r="J74" s="51">
        <v>5900</v>
      </c>
      <c r="K74" s="51">
        <v>72</v>
      </c>
      <c r="L74" s="38">
        <v>5972</v>
      </c>
      <c r="M74" s="75">
        <v>5287</v>
      </c>
      <c r="N74" s="75">
        <v>39</v>
      </c>
      <c r="O74" s="70">
        <v>5326</v>
      </c>
      <c r="P74" s="51">
        <v>5121</v>
      </c>
      <c r="Q74" s="51">
        <v>53</v>
      </c>
      <c r="R74" s="38">
        <v>5174</v>
      </c>
      <c r="S74" s="51">
        <v>7369</v>
      </c>
      <c r="T74" s="51">
        <v>212</v>
      </c>
      <c r="U74" s="38">
        <v>7581</v>
      </c>
      <c r="V74" s="51">
        <v>11429</v>
      </c>
      <c r="W74" s="51">
        <v>553</v>
      </c>
      <c r="X74" s="38">
        <v>11982</v>
      </c>
      <c r="Y74" s="51">
        <v>10427</v>
      </c>
      <c r="Z74" s="51">
        <v>575</v>
      </c>
      <c r="AA74" s="38">
        <v>11002</v>
      </c>
      <c r="AB74" s="51">
        <v>11028</v>
      </c>
      <c r="AC74" s="51">
        <v>387</v>
      </c>
      <c r="AD74" s="38">
        <v>11415</v>
      </c>
      <c r="AE74" s="51">
        <v>10574</v>
      </c>
      <c r="AF74" s="51">
        <v>253</v>
      </c>
      <c r="AG74" s="38">
        <v>10827</v>
      </c>
      <c r="AH74" s="51">
        <v>11743</v>
      </c>
      <c r="AI74" s="51">
        <v>165</v>
      </c>
      <c r="AJ74" s="38">
        <v>11908</v>
      </c>
      <c r="AK74" s="51">
        <v>11003</v>
      </c>
      <c r="AL74" s="51">
        <v>132</v>
      </c>
      <c r="AM74" s="38">
        <v>11135</v>
      </c>
      <c r="AN74" s="51">
        <v>8323</v>
      </c>
      <c r="AO74" s="51">
        <v>97</v>
      </c>
      <c r="AP74" s="38">
        <v>8420</v>
      </c>
      <c r="AQ74" s="51">
        <v>6124</v>
      </c>
      <c r="AR74" s="51">
        <v>69</v>
      </c>
      <c r="AS74" s="38">
        <v>6193</v>
      </c>
      <c r="AT74" s="51">
        <v>4896</v>
      </c>
      <c r="AU74" s="51">
        <v>49</v>
      </c>
      <c r="AV74" s="38">
        <v>4945</v>
      </c>
      <c r="AW74" s="51">
        <v>5209</v>
      </c>
      <c r="AX74" s="51">
        <v>35</v>
      </c>
      <c r="AY74" s="38">
        <v>5244</v>
      </c>
      <c r="AZ74" s="51">
        <v>3341</v>
      </c>
      <c r="BA74" s="51">
        <v>17</v>
      </c>
      <c r="BB74" s="38">
        <v>3358</v>
      </c>
      <c r="BC74" s="51">
        <v>2426</v>
      </c>
      <c r="BD74" s="51">
        <v>11</v>
      </c>
      <c r="BE74" s="38">
        <v>2437</v>
      </c>
      <c r="BF74" s="51">
        <v>1404</v>
      </c>
      <c r="BG74" s="51">
        <v>5</v>
      </c>
      <c r="BH74" s="38">
        <v>1409</v>
      </c>
      <c r="BI74" s="51">
        <v>573</v>
      </c>
      <c r="BJ74" s="51">
        <v>0</v>
      </c>
      <c r="BK74" s="38">
        <v>573</v>
      </c>
      <c r="BL74" s="51">
        <v>145</v>
      </c>
      <c r="BM74" s="51">
        <v>1</v>
      </c>
      <c r="BN74" s="38">
        <v>146</v>
      </c>
      <c r="BO74" s="51">
        <v>15</v>
      </c>
      <c r="BP74" s="51">
        <v>1</v>
      </c>
      <c r="BQ74" s="40">
        <v>16</v>
      </c>
    </row>
    <row r="75" spans="1:69" x14ac:dyDescent="0.15">
      <c r="A75" s="52" t="s">
        <v>55</v>
      </c>
      <c r="B75" s="25" t="s">
        <v>31</v>
      </c>
      <c r="C75" s="78"/>
      <c r="D75" s="41">
        <v>125945</v>
      </c>
      <c r="E75" s="39">
        <v>2925</v>
      </c>
      <c r="F75" s="42">
        <v>128870</v>
      </c>
      <c r="G75" s="51">
        <v>5804</v>
      </c>
      <c r="H75" s="51">
        <v>71</v>
      </c>
      <c r="I75" s="42">
        <v>5875</v>
      </c>
      <c r="J75" s="51">
        <v>5519</v>
      </c>
      <c r="K75" s="51">
        <v>89</v>
      </c>
      <c r="L75" s="42">
        <v>5608</v>
      </c>
      <c r="M75" s="75">
        <v>5050</v>
      </c>
      <c r="N75" s="75">
        <v>63</v>
      </c>
      <c r="O75" s="72">
        <v>5113</v>
      </c>
      <c r="P75" s="51">
        <v>4693</v>
      </c>
      <c r="Q75" s="51">
        <v>50</v>
      </c>
      <c r="R75" s="42">
        <v>4743</v>
      </c>
      <c r="S75" s="51">
        <v>7483</v>
      </c>
      <c r="T75" s="51">
        <v>204</v>
      </c>
      <c r="U75" s="42">
        <v>7687</v>
      </c>
      <c r="V75" s="51">
        <v>10662</v>
      </c>
      <c r="W75" s="51">
        <v>541</v>
      </c>
      <c r="X75" s="42">
        <v>11203</v>
      </c>
      <c r="Y75" s="51">
        <v>10238</v>
      </c>
      <c r="Z75" s="51">
        <v>506</v>
      </c>
      <c r="AA75" s="42">
        <v>10744</v>
      </c>
      <c r="AB75" s="51">
        <v>10295</v>
      </c>
      <c r="AC75" s="51">
        <v>322</v>
      </c>
      <c r="AD75" s="42">
        <v>10617</v>
      </c>
      <c r="AE75" s="51">
        <v>10056</v>
      </c>
      <c r="AF75" s="51">
        <v>297</v>
      </c>
      <c r="AG75" s="42">
        <v>10353</v>
      </c>
      <c r="AH75" s="51">
        <v>10964</v>
      </c>
      <c r="AI75" s="51">
        <v>201</v>
      </c>
      <c r="AJ75" s="42">
        <v>11165</v>
      </c>
      <c r="AK75" s="51">
        <v>9986</v>
      </c>
      <c r="AL75" s="51">
        <v>171</v>
      </c>
      <c r="AM75" s="42">
        <v>10157</v>
      </c>
      <c r="AN75" s="51">
        <v>7405</v>
      </c>
      <c r="AO75" s="51">
        <v>165</v>
      </c>
      <c r="AP75" s="42">
        <v>7570</v>
      </c>
      <c r="AQ75" s="51">
        <v>5335</v>
      </c>
      <c r="AR75" s="51">
        <v>94</v>
      </c>
      <c r="AS75" s="42">
        <v>5429</v>
      </c>
      <c r="AT75" s="51">
        <v>4596</v>
      </c>
      <c r="AU75" s="51">
        <v>49</v>
      </c>
      <c r="AV75" s="42">
        <v>4645</v>
      </c>
      <c r="AW75" s="51">
        <v>5458</v>
      </c>
      <c r="AX75" s="51">
        <v>46</v>
      </c>
      <c r="AY75" s="42">
        <v>5504</v>
      </c>
      <c r="AZ75" s="51">
        <v>4032</v>
      </c>
      <c r="BA75" s="51">
        <v>25</v>
      </c>
      <c r="BB75" s="42">
        <v>4057</v>
      </c>
      <c r="BC75" s="51">
        <v>3582</v>
      </c>
      <c r="BD75" s="51">
        <v>14</v>
      </c>
      <c r="BE75" s="42">
        <v>3596</v>
      </c>
      <c r="BF75" s="51">
        <v>2696</v>
      </c>
      <c r="BG75" s="51">
        <v>12</v>
      </c>
      <c r="BH75" s="42">
        <v>2708</v>
      </c>
      <c r="BI75" s="51">
        <v>1526</v>
      </c>
      <c r="BJ75" s="51">
        <v>4</v>
      </c>
      <c r="BK75" s="42">
        <v>1530</v>
      </c>
      <c r="BL75" s="51">
        <v>463</v>
      </c>
      <c r="BM75" s="51">
        <v>1</v>
      </c>
      <c r="BN75" s="42">
        <v>464</v>
      </c>
      <c r="BO75" s="51">
        <v>102</v>
      </c>
      <c r="BP75" s="51">
        <v>0</v>
      </c>
      <c r="BQ75" s="43">
        <v>102</v>
      </c>
    </row>
    <row r="76" spans="1:69" ht="15" thickBot="1" x14ac:dyDescent="0.2">
      <c r="A76" s="53"/>
      <c r="B76" s="31" t="s">
        <v>32</v>
      </c>
      <c r="C76" s="79"/>
      <c r="D76" s="45">
        <v>254315</v>
      </c>
      <c r="E76" s="46">
        <v>5763</v>
      </c>
      <c r="F76" s="47">
        <v>260078</v>
      </c>
      <c r="G76" s="48">
        <v>11837</v>
      </c>
      <c r="H76" s="47">
        <v>183</v>
      </c>
      <c r="I76" s="47">
        <v>12020</v>
      </c>
      <c r="J76" s="48">
        <v>11419</v>
      </c>
      <c r="K76" s="47">
        <v>161</v>
      </c>
      <c r="L76" s="47">
        <v>11580</v>
      </c>
      <c r="M76" s="74">
        <v>10337</v>
      </c>
      <c r="N76" s="73">
        <v>102</v>
      </c>
      <c r="O76" s="73">
        <v>10439</v>
      </c>
      <c r="P76" s="48">
        <v>9814</v>
      </c>
      <c r="Q76" s="47">
        <v>103</v>
      </c>
      <c r="R76" s="47">
        <v>9917</v>
      </c>
      <c r="S76" s="48">
        <v>14852</v>
      </c>
      <c r="T76" s="47">
        <v>416</v>
      </c>
      <c r="U76" s="47">
        <v>15268</v>
      </c>
      <c r="V76" s="48">
        <v>22091</v>
      </c>
      <c r="W76" s="47">
        <v>1094</v>
      </c>
      <c r="X76" s="47">
        <v>23185</v>
      </c>
      <c r="Y76" s="48">
        <v>20665</v>
      </c>
      <c r="Z76" s="47">
        <v>1081</v>
      </c>
      <c r="AA76" s="47">
        <v>21746</v>
      </c>
      <c r="AB76" s="48">
        <v>21323</v>
      </c>
      <c r="AC76" s="47">
        <v>709</v>
      </c>
      <c r="AD76" s="47">
        <v>22032</v>
      </c>
      <c r="AE76" s="48">
        <v>20630</v>
      </c>
      <c r="AF76" s="47">
        <v>550</v>
      </c>
      <c r="AG76" s="47">
        <v>21180</v>
      </c>
      <c r="AH76" s="48">
        <v>22707</v>
      </c>
      <c r="AI76" s="47">
        <v>366</v>
      </c>
      <c r="AJ76" s="47">
        <v>23073</v>
      </c>
      <c r="AK76" s="48">
        <v>20989</v>
      </c>
      <c r="AL76" s="47">
        <v>303</v>
      </c>
      <c r="AM76" s="47">
        <v>21292</v>
      </c>
      <c r="AN76" s="48">
        <v>15728</v>
      </c>
      <c r="AO76" s="47">
        <v>262</v>
      </c>
      <c r="AP76" s="47">
        <v>15990</v>
      </c>
      <c r="AQ76" s="48">
        <v>11459</v>
      </c>
      <c r="AR76" s="47">
        <v>163</v>
      </c>
      <c r="AS76" s="47">
        <v>11622</v>
      </c>
      <c r="AT76" s="48">
        <v>9492</v>
      </c>
      <c r="AU76" s="47">
        <v>98</v>
      </c>
      <c r="AV76" s="47">
        <v>9590</v>
      </c>
      <c r="AW76" s="48">
        <v>10667</v>
      </c>
      <c r="AX76" s="47">
        <v>81</v>
      </c>
      <c r="AY76" s="47">
        <v>10748</v>
      </c>
      <c r="AZ76" s="48">
        <v>7373</v>
      </c>
      <c r="BA76" s="47">
        <v>42</v>
      </c>
      <c r="BB76" s="47">
        <v>7415</v>
      </c>
      <c r="BC76" s="48">
        <v>6008</v>
      </c>
      <c r="BD76" s="47">
        <v>25</v>
      </c>
      <c r="BE76" s="47">
        <v>6033</v>
      </c>
      <c r="BF76" s="48">
        <v>4100</v>
      </c>
      <c r="BG76" s="47">
        <v>17</v>
      </c>
      <c r="BH76" s="47">
        <v>4117</v>
      </c>
      <c r="BI76" s="48">
        <v>2099</v>
      </c>
      <c r="BJ76" s="47">
        <v>4</v>
      </c>
      <c r="BK76" s="47">
        <v>2103</v>
      </c>
      <c r="BL76" s="48">
        <v>608</v>
      </c>
      <c r="BM76" s="47">
        <v>2</v>
      </c>
      <c r="BN76" s="47">
        <v>610</v>
      </c>
      <c r="BO76" s="48">
        <v>117</v>
      </c>
      <c r="BP76" s="47">
        <v>1</v>
      </c>
      <c r="BQ76" s="49">
        <v>118</v>
      </c>
    </row>
    <row r="77" spans="1:69" x14ac:dyDescent="0.15">
      <c r="A77" s="52"/>
      <c r="B77" s="20" t="s">
        <v>29</v>
      </c>
      <c r="C77" s="77">
        <v>141348</v>
      </c>
      <c r="D77" s="36">
        <v>112909</v>
      </c>
      <c r="E77" s="37">
        <v>2595</v>
      </c>
      <c r="F77" s="38">
        <v>115504</v>
      </c>
      <c r="G77" s="51">
        <v>4751</v>
      </c>
      <c r="H77" s="51">
        <v>85</v>
      </c>
      <c r="I77" s="38">
        <v>4836</v>
      </c>
      <c r="J77" s="51">
        <v>4980</v>
      </c>
      <c r="K77" s="51">
        <v>81</v>
      </c>
      <c r="L77" s="38">
        <v>5061</v>
      </c>
      <c r="M77" s="75">
        <v>4991</v>
      </c>
      <c r="N77" s="75">
        <v>41</v>
      </c>
      <c r="O77" s="70">
        <v>5032</v>
      </c>
      <c r="P77" s="51">
        <v>4908</v>
      </c>
      <c r="Q77" s="51">
        <v>53</v>
      </c>
      <c r="R77" s="38">
        <v>4961</v>
      </c>
      <c r="S77" s="51">
        <v>6428</v>
      </c>
      <c r="T77" s="51">
        <v>242</v>
      </c>
      <c r="U77" s="38">
        <v>6670</v>
      </c>
      <c r="V77" s="51">
        <v>8240</v>
      </c>
      <c r="W77" s="51">
        <v>535</v>
      </c>
      <c r="X77" s="38">
        <v>8775</v>
      </c>
      <c r="Y77" s="51">
        <v>7844</v>
      </c>
      <c r="Z77" s="51">
        <v>493</v>
      </c>
      <c r="AA77" s="38">
        <v>8337</v>
      </c>
      <c r="AB77" s="51">
        <v>8607</v>
      </c>
      <c r="AC77" s="51">
        <v>319</v>
      </c>
      <c r="AD77" s="38">
        <v>8926</v>
      </c>
      <c r="AE77" s="51">
        <v>9083</v>
      </c>
      <c r="AF77" s="51">
        <v>239</v>
      </c>
      <c r="AG77" s="38">
        <v>9322</v>
      </c>
      <c r="AH77" s="51">
        <v>10366</v>
      </c>
      <c r="AI77" s="51">
        <v>137</v>
      </c>
      <c r="AJ77" s="38">
        <v>10503</v>
      </c>
      <c r="AK77" s="51">
        <v>10184</v>
      </c>
      <c r="AL77" s="51">
        <v>127</v>
      </c>
      <c r="AM77" s="38">
        <v>10311</v>
      </c>
      <c r="AN77" s="51">
        <v>7773</v>
      </c>
      <c r="AO77" s="51">
        <v>77</v>
      </c>
      <c r="AP77" s="38">
        <v>7850</v>
      </c>
      <c r="AQ77" s="51">
        <v>5643</v>
      </c>
      <c r="AR77" s="51">
        <v>60</v>
      </c>
      <c r="AS77" s="38">
        <v>5703</v>
      </c>
      <c r="AT77" s="51">
        <v>4801</v>
      </c>
      <c r="AU77" s="51">
        <v>34</v>
      </c>
      <c r="AV77" s="38">
        <v>4835</v>
      </c>
      <c r="AW77" s="51">
        <v>5653</v>
      </c>
      <c r="AX77" s="51">
        <v>35</v>
      </c>
      <c r="AY77" s="38">
        <v>5688</v>
      </c>
      <c r="AZ77" s="51">
        <v>3775</v>
      </c>
      <c r="BA77" s="51">
        <v>23</v>
      </c>
      <c r="BB77" s="38">
        <v>3798</v>
      </c>
      <c r="BC77" s="51">
        <v>2673</v>
      </c>
      <c r="BD77" s="51">
        <v>7</v>
      </c>
      <c r="BE77" s="38">
        <v>2680</v>
      </c>
      <c r="BF77" s="51">
        <v>1584</v>
      </c>
      <c r="BG77" s="51">
        <v>6</v>
      </c>
      <c r="BH77" s="38">
        <v>1590</v>
      </c>
      <c r="BI77" s="51">
        <v>501</v>
      </c>
      <c r="BJ77" s="51">
        <v>1</v>
      </c>
      <c r="BK77" s="38">
        <v>502</v>
      </c>
      <c r="BL77" s="51">
        <v>119</v>
      </c>
      <c r="BM77" s="51">
        <v>0</v>
      </c>
      <c r="BN77" s="38">
        <v>119</v>
      </c>
      <c r="BO77" s="51">
        <v>5</v>
      </c>
      <c r="BP77" s="51">
        <v>0</v>
      </c>
      <c r="BQ77" s="40">
        <v>5</v>
      </c>
    </row>
    <row r="78" spans="1:69" x14ac:dyDescent="0.15">
      <c r="A78" s="52" t="s">
        <v>56</v>
      </c>
      <c r="B78" s="25" t="s">
        <v>31</v>
      </c>
      <c r="C78" s="78"/>
      <c r="D78" s="41">
        <v>112786</v>
      </c>
      <c r="E78" s="39">
        <v>2545</v>
      </c>
      <c r="F78" s="42">
        <v>115331</v>
      </c>
      <c r="G78" s="51">
        <v>4666</v>
      </c>
      <c r="H78" s="51">
        <v>94</v>
      </c>
      <c r="I78" s="42">
        <v>4760</v>
      </c>
      <c r="J78" s="51">
        <v>4729</v>
      </c>
      <c r="K78" s="51">
        <v>80</v>
      </c>
      <c r="L78" s="42">
        <v>4809</v>
      </c>
      <c r="M78" s="75">
        <v>4686</v>
      </c>
      <c r="N78" s="75">
        <v>46</v>
      </c>
      <c r="O78" s="72">
        <v>4732</v>
      </c>
      <c r="P78" s="51">
        <v>4690</v>
      </c>
      <c r="Q78" s="51">
        <v>33</v>
      </c>
      <c r="R78" s="42">
        <v>4723</v>
      </c>
      <c r="S78" s="51">
        <v>6548</v>
      </c>
      <c r="T78" s="51">
        <v>200</v>
      </c>
      <c r="U78" s="42">
        <v>6748</v>
      </c>
      <c r="V78" s="51">
        <v>7939</v>
      </c>
      <c r="W78" s="51">
        <v>363</v>
      </c>
      <c r="X78" s="42">
        <v>8302</v>
      </c>
      <c r="Y78" s="51">
        <v>7547</v>
      </c>
      <c r="Z78" s="51">
        <v>421</v>
      </c>
      <c r="AA78" s="42">
        <v>7968</v>
      </c>
      <c r="AB78" s="51">
        <v>8090</v>
      </c>
      <c r="AC78" s="51">
        <v>274</v>
      </c>
      <c r="AD78" s="42">
        <v>8364</v>
      </c>
      <c r="AE78" s="51">
        <v>8625</v>
      </c>
      <c r="AF78" s="51">
        <v>240</v>
      </c>
      <c r="AG78" s="42">
        <v>8865</v>
      </c>
      <c r="AH78" s="51">
        <v>9740</v>
      </c>
      <c r="AI78" s="51">
        <v>190</v>
      </c>
      <c r="AJ78" s="42">
        <v>9930</v>
      </c>
      <c r="AK78" s="51">
        <v>9284</v>
      </c>
      <c r="AL78" s="51">
        <v>192</v>
      </c>
      <c r="AM78" s="42">
        <v>9476</v>
      </c>
      <c r="AN78" s="51">
        <v>6826</v>
      </c>
      <c r="AO78" s="51">
        <v>139</v>
      </c>
      <c r="AP78" s="42">
        <v>6965</v>
      </c>
      <c r="AQ78" s="51">
        <v>5266</v>
      </c>
      <c r="AR78" s="51">
        <v>103</v>
      </c>
      <c r="AS78" s="42">
        <v>5369</v>
      </c>
      <c r="AT78" s="51">
        <v>4974</v>
      </c>
      <c r="AU78" s="51">
        <v>75</v>
      </c>
      <c r="AV78" s="42">
        <v>5049</v>
      </c>
      <c r="AW78" s="51">
        <v>6129</v>
      </c>
      <c r="AX78" s="51">
        <v>45</v>
      </c>
      <c r="AY78" s="42">
        <v>6174</v>
      </c>
      <c r="AZ78" s="51">
        <v>4560</v>
      </c>
      <c r="BA78" s="51">
        <v>21</v>
      </c>
      <c r="BB78" s="42">
        <v>4581</v>
      </c>
      <c r="BC78" s="51">
        <v>3877</v>
      </c>
      <c r="BD78" s="51">
        <v>12</v>
      </c>
      <c r="BE78" s="42">
        <v>3889</v>
      </c>
      <c r="BF78" s="51">
        <v>2773</v>
      </c>
      <c r="BG78" s="51">
        <v>11</v>
      </c>
      <c r="BH78" s="42">
        <v>2784</v>
      </c>
      <c r="BI78" s="51">
        <v>1351</v>
      </c>
      <c r="BJ78" s="51">
        <v>3</v>
      </c>
      <c r="BK78" s="42">
        <v>1354</v>
      </c>
      <c r="BL78" s="51">
        <v>417</v>
      </c>
      <c r="BM78" s="51">
        <v>2</v>
      </c>
      <c r="BN78" s="42">
        <v>419</v>
      </c>
      <c r="BO78" s="51">
        <v>69</v>
      </c>
      <c r="BP78" s="51">
        <v>1</v>
      </c>
      <c r="BQ78" s="43">
        <v>70</v>
      </c>
    </row>
    <row r="79" spans="1:69" ht="15" thickBot="1" x14ac:dyDescent="0.2">
      <c r="A79" s="53"/>
      <c r="B79" s="31" t="s">
        <v>32</v>
      </c>
      <c r="C79" s="79"/>
      <c r="D79" s="45">
        <v>225695</v>
      </c>
      <c r="E79" s="46">
        <v>5140</v>
      </c>
      <c r="F79" s="47">
        <v>230835</v>
      </c>
      <c r="G79" s="48">
        <v>9417</v>
      </c>
      <c r="H79" s="47">
        <v>179</v>
      </c>
      <c r="I79" s="47">
        <v>9596</v>
      </c>
      <c r="J79" s="48">
        <v>9709</v>
      </c>
      <c r="K79" s="47">
        <v>161</v>
      </c>
      <c r="L79" s="47">
        <v>9870</v>
      </c>
      <c r="M79" s="74">
        <v>9677</v>
      </c>
      <c r="N79" s="73">
        <v>87</v>
      </c>
      <c r="O79" s="73">
        <v>9764</v>
      </c>
      <c r="P79" s="48">
        <v>9598</v>
      </c>
      <c r="Q79" s="47">
        <v>86</v>
      </c>
      <c r="R79" s="47">
        <v>9684</v>
      </c>
      <c r="S79" s="48">
        <v>12976</v>
      </c>
      <c r="T79" s="47">
        <v>442</v>
      </c>
      <c r="U79" s="47">
        <v>13418</v>
      </c>
      <c r="V79" s="48">
        <v>16179</v>
      </c>
      <c r="W79" s="47">
        <v>898</v>
      </c>
      <c r="X79" s="47">
        <v>17077</v>
      </c>
      <c r="Y79" s="48">
        <v>15391</v>
      </c>
      <c r="Z79" s="47">
        <v>914</v>
      </c>
      <c r="AA79" s="47">
        <v>16305</v>
      </c>
      <c r="AB79" s="48">
        <v>16697</v>
      </c>
      <c r="AC79" s="47">
        <v>593</v>
      </c>
      <c r="AD79" s="47">
        <v>17290</v>
      </c>
      <c r="AE79" s="48">
        <v>17708</v>
      </c>
      <c r="AF79" s="47">
        <v>479</v>
      </c>
      <c r="AG79" s="47">
        <v>18187</v>
      </c>
      <c r="AH79" s="48">
        <v>20106</v>
      </c>
      <c r="AI79" s="47">
        <v>327</v>
      </c>
      <c r="AJ79" s="47">
        <v>20433</v>
      </c>
      <c r="AK79" s="48">
        <v>19468</v>
      </c>
      <c r="AL79" s="47">
        <v>319</v>
      </c>
      <c r="AM79" s="47">
        <v>19787</v>
      </c>
      <c r="AN79" s="48">
        <v>14599</v>
      </c>
      <c r="AO79" s="47">
        <v>216</v>
      </c>
      <c r="AP79" s="47">
        <v>14815</v>
      </c>
      <c r="AQ79" s="48">
        <v>10909</v>
      </c>
      <c r="AR79" s="47">
        <v>163</v>
      </c>
      <c r="AS79" s="47">
        <v>11072</v>
      </c>
      <c r="AT79" s="48">
        <v>9775</v>
      </c>
      <c r="AU79" s="47">
        <v>109</v>
      </c>
      <c r="AV79" s="47">
        <v>9884</v>
      </c>
      <c r="AW79" s="48">
        <v>11782</v>
      </c>
      <c r="AX79" s="47">
        <v>80</v>
      </c>
      <c r="AY79" s="47">
        <v>11862</v>
      </c>
      <c r="AZ79" s="48">
        <v>8335</v>
      </c>
      <c r="BA79" s="47">
        <v>44</v>
      </c>
      <c r="BB79" s="47">
        <v>8379</v>
      </c>
      <c r="BC79" s="48">
        <v>6550</v>
      </c>
      <c r="BD79" s="47">
        <v>19</v>
      </c>
      <c r="BE79" s="47">
        <v>6569</v>
      </c>
      <c r="BF79" s="48">
        <v>4357</v>
      </c>
      <c r="BG79" s="47">
        <v>17</v>
      </c>
      <c r="BH79" s="47">
        <v>4374</v>
      </c>
      <c r="BI79" s="48">
        <v>1852</v>
      </c>
      <c r="BJ79" s="47">
        <v>4</v>
      </c>
      <c r="BK79" s="47">
        <v>1856</v>
      </c>
      <c r="BL79" s="48">
        <v>536</v>
      </c>
      <c r="BM79" s="47">
        <v>2</v>
      </c>
      <c r="BN79" s="47">
        <v>538</v>
      </c>
      <c r="BO79" s="48">
        <v>74</v>
      </c>
      <c r="BP79" s="47">
        <v>1</v>
      </c>
      <c r="BQ79" s="49">
        <v>75</v>
      </c>
    </row>
    <row r="80" spans="1:69" x14ac:dyDescent="0.15">
      <c r="A80" s="52"/>
      <c r="B80" s="20" t="s">
        <v>29</v>
      </c>
      <c r="C80" s="77">
        <v>141356</v>
      </c>
      <c r="D80" s="36">
        <v>106380</v>
      </c>
      <c r="E80" s="37">
        <v>2399</v>
      </c>
      <c r="F80" s="38">
        <v>108779</v>
      </c>
      <c r="G80" s="51">
        <v>4116</v>
      </c>
      <c r="H80" s="51">
        <v>88</v>
      </c>
      <c r="I80" s="38">
        <v>4204</v>
      </c>
      <c r="J80" s="51">
        <v>3905</v>
      </c>
      <c r="K80" s="51">
        <v>72</v>
      </c>
      <c r="L80" s="38">
        <v>3977</v>
      </c>
      <c r="M80" s="75">
        <v>3877</v>
      </c>
      <c r="N80" s="75">
        <v>36</v>
      </c>
      <c r="O80" s="70">
        <v>3913</v>
      </c>
      <c r="P80" s="51">
        <v>4203</v>
      </c>
      <c r="Q80" s="51">
        <v>47</v>
      </c>
      <c r="R80" s="38">
        <v>4250</v>
      </c>
      <c r="S80" s="51">
        <v>6924</v>
      </c>
      <c r="T80" s="51">
        <v>329</v>
      </c>
      <c r="U80" s="38">
        <v>7253</v>
      </c>
      <c r="V80" s="51">
        <v>9217</v>
      </c>
      <c r="W80" s="51">
        <v>563</v>
      </c>
      <c r="X80" s="38">
        <v>9780</v>
      </c>
      <c r="Y80" s="51">
        <v>8393</v>
      </c>
      <c r="Z80" s="51">
        <v>410</v>
      </c>
      <c r="AA80" s="38">
        <v>8803</v>
      </c>
      <c r="AB80" s="51">
        <v>8032</v>
      </c>
      <c r="AC80" s="51">
        <v>256</v>
      </c>
      <c r="AD80" s="38">
        <v>8288</v>
      </c>
      <c r="AE80" s="51">
        <v>7940</v>
      </c>
      <c r="AF80" s="51">
        <v>165</v>
      </c>
      <c r="AG80" s="38">
        <v>8105</v>
      </c>
      <c r="AH80" s="51">
        <v>8619</v>
      </c>
      <c r="AI80" s="51">
        <v>118</v>
      </c>
      <c r="AJ80" s="38">
        <v>8737</v>
      </c>
      <c r="AK80" s="51">
        <v>9050</v>
      </c>
      <c r="AL80" s="51">
        <v>112</v>
      </c>
      <c r="AM80" s="38">
        <v>9162</v>
      </c>
      <c r="AN80" s="51">
        <v>7423</v>
      </c>
      <c r="AO80" s="51">
        <v>91</v>
      </c>
      <c r="AP80" s="38">
        <v>7514</v>
      </c>
      <c r="AQ80" s="51">
        <v>5686</v>
      </c>
      <c r="AR80" s="51">
        <v>45</v>
      </c>
      <c r="AS80" s="38">
        <v>5731</v>
      </c>
      <c r="AT80" s="51">
        <v>4728</v>
      </c>
      <c r="AU80" s="51">
        <v>31</v>
      </c>
      <c r="AV80" s="38">
        <v>4759</v>
      </c>
      <c r="AW80" s="51">
        <v>5398</v>
      </c>
      <c r="AX80" s="51">
        <v>15</v>
      </c>
      <c r="AY80" s="38">
        <v>5413</v>
      </c>
      <c r="AZ80" s="51">
        <v>3659</v>
      </c>
      <c r="BA80" s="51">
        <v>8</v>
      </c>
      <c r="BB80" s="38">
        <v>3667</v>
      </c>
      <c r="BC80" s="51">
        <v>2731</v>
      </c>
      <c r="BD80" s="51">
        <v>6</v>
      </c>
      <c r="BE80" s="38">
        <v>2737</v>
      </c>
      <c r="BF80" s="51">
        <v>1692</v>
      </c>
      <c r="BG80" s="51">
        <v>7</v>
      </c>
      <c r="BH80" s="38">
        <v>1699</v>
      </c>
      <c r="BI80" s="51">
        <v>647</v>
      </c>
      <c r="BJ80" s="51">
        <v>0</v>
      </c>
      <c r="BK80" s="38">
        <v>647</v>
      </c>
      <c r="BL80" s="51">
        <v>125</v>
      </c>
      <c r="BM80" s="51">
        <v>0</v>
      </c>
      <c r="BN80" s="38">
        <v>125</v>
      </c>
      <c r="BO80" s="51">
        <v>15</v>
      </c>
      <c r="BP80" s="51">
        <v>0</v>
      </c>
      <c r="BQ80" s="40">
        <v>15</v>
      </c>
    </row>
    <row r="81" spans="1:69" x14ac:dyDescent="0.15">
      <c r="A81" s="52" t="s">
        <v>57</v>
      </c>
      <c r="B81" s="25" t="s">
        <v>31</v>
      </c>
      <c r="C81" s="78"/>
      <c r="D81" s="41">
        <v>103134</v>
      </c>
      <c r="E81" s="39">
        <v>2274</v>
      </c>
      <c r="F81" s="42">
        <v>105408</v>
      </c>
      <c r="G81" s="51">
        <v>3940</v>
      </c>
      <c r="H81" s="51">
        <v>72</v>
      </c>
      <c r="I81" s="42">
        <v>4012</v>
      </c>
      <c r="J81" s="51">
        <v>3670</v>
      </c>
      <c r="K81" s="51">
        <v>53</v>
      </c>
      <c r="L81" s="42">
        <v>3723</v>
      </c>
      <c r="M81" s="75">
        <v>3660</v>
      </c>
      <c r="N81" s="75">
        <v>28</v>
      </c>
      <c r="O81" s="72">
        <v>3688</v>
      </c>
      <c r="P81" s="51">
        <v>3884</v>
      </c>
      <c r="Q81" s="51">
        <v>38</v>
      </c>
      <c r="R81" s="42">
        <v>3922</v>
      </c>
      <c r="S81" s="51">
        <v>7230</v>
      </c>
      <c r="T81" s="51">
        <v>289</v>
      </c>
      <c r="U81" s="42">
        <v>7519</v>
      </c>
      <c r="V81" s="51">
        <v>8795</v>
      </c>
      <c r="W81" s="51">
        <v>455</v>
      </c>
      <c r="X81" s="42">
        <v>9250</v>
      </c>
      <c r="Y81" s="51">
        <v>7528</v>
      </c>
      <c r="Z81" s="51">
        <v>365</v>
      </c>
      <c r="AA81" s="42">
        <v>7893</v>
      </c>
      <c r="AB81" s="51">
        <v>6884</v>
      </c>
      <c r="AC81" s="51">
        <v>211</v>
      </c>
      <c r="AD81" s="42">
        <v>7095</v>
      </c>
      <c r="AE81" s="51">
        <v>6766</v>
      </c>
      <c r="AF81" s="51">
        <v>190</v>
      </c>
      <c r="AG81" s="42">
        <v>6956</v>
      </c>
      <c r="AH81" s="51">
        <v>7712</v>
      </c>
      <c r="AI81" s="51">
        <v>148</v>
      </c>
      <c r="AJ81" s="42">
        <v>7860</v>
      </c>
      <c r="AK81" s="51">
        <v>7948</v>
      </c>
      <c r="AL81" s="51">
        <v>152</v>
      </c>
      <c r="AM81" s="42">
        <v>8100</v>
      </c>
      <c r="AN81" s="51">
        <v>6371</v>
      </c>
      <c r="AO81" s="51">
        <v>126</v>
      </c>
      <c r="AP81" s="42">
        <v>6497</v>
      </c>
      <c r="AQ81" s="51">
        <v>5167</v>
      </c>
      <c r="AR81" s="51">
        <v>56</v>
      </c>
      <c r="AS81" s="42">
        <v>5223</v>
      </c>
      <c r="AT81" s="51">
        <v>4682</v>
      </c>
      <c r="AU81" s="51">
        <v>36</v>
      </c>
      <c r="AV81" s="42">
        <v>4718</v>
      </c>
      <c r="AW81" s="51">
        <v>5720</v>
      </c>
      <c r="AX81" s="51">
        <v>27</v>
      </c>
      <c r="AY81" s="42">
        <v>5747</v>
      </c>
      <c r="AZ81" s="51">
        <v>4409</v>
      </c>
      <c r="BA81" s="51">
        <v>8</v>
      </c>
      <c r="BB81" s="42">
        <v>4417</v>
      </c>
      <c r="BC81" s="51">
        <v>3942</v>
      </c>
      <c r="BD81" s="51">
        <v>15</v>
      </c>
      <c r="BE81" s="42">
        <v>3957</v>
      </c>
      <c r="BF81" s="51">
        <v>2861</v>
      </c>
      <c r="BG81" s="51">
        <v>3</v>
      </c>
      <c r="BH81" s="42">
        <v>2864</v>
      </c>
      <c r="BI81" s="51">
        <v>1445</v>
      </c>
      <c r="BJ81" s="51">
        <v>1</v>
      </c>
      <c r="BK81" s="42">
        <v>1446</v>
      </c>
      <c r="BL81" s="51">
        <v>439</v>
      </c>
      <c r="BM81" s="51">
        <v>1</v>
      </c>
      <c r="BN81" s="42">
        <v>440</v>
      </c>
      <c r="BO81" s="51">
        <v>81</v>
      </c>
      <c r="BP81" s="51">
        <v>0</v>
      </c>
      <c r="BQ81" s="43">
        <v>81</v>
      </c>
    </row>
    <row r="82" spans="1:69" ht="15" thickBot="1" x14ac:dyDescent="0.2">
      <c r="A82" s="53"/>
      <c r="B82" s="31" t="s">
        <v>32</v>
      </c>
      <c r="C82" s="79"/>
      <c r="D82" s="45">
        <v>209514</v>
      </c>
      <c r="E82" s="46">
        <v>4673</v>
      </c>
      <c r="F82" s="47">
        <v>214187</v>
      </c>
      <c r="G82" s="48">
        <v>8056</v>
      </c>
      <c r="H82" s="47">
        <v>160</v>
      </c>
      <c r="I82" s="47">
        <v>8216</v>
      </c>
      <c r="J82" s="48">
        <v>7575</v>
      </c>
      <c r="K82" s="47">
        <v>125</v>
      </c>
      <c r="L82" s="47">
        <v>7700</v>
      </c>
      <c r="M82" s="74">
        <v>7537</v>
      </c>
      <c r="N82" s="73">
        <v>64</v>
      </c>
      <c r="O82" s="73">
        <v>7601</v>
      </c>
      <c r="P82" s="48">
        <v>8087</v>
      </c>
      <c r="Q82" s="47">
        <v>85</v>
      </c>
      <c r="R82" s="47">
        <v>8172</v>
      </c>
      <c r="S82" s="48">
        <v>14154</v>
      </c>
      <c r="T82" s="47">
        <v>618</v>
      </c>
      <c r="U82" s="47">
        <v>14772</v>
      </c>
      <c r="V82" s="48">
        <v>18012</v>
      </c>
      <c r="W82" s="47">
        <v>1018</v>
      </c>
      <c r="X82" s="47">
        <v>19030</v>
      </c>
      <c r="Y82" s="48">
        <v>15921</v>
      </c>
      <c r="Z82" s="47">
        <v>775</v>
      </c>
      <c r="AA82" s="47">
        <v>16696</v>
      </c>
      <c r="AB82" s="48">
        <v>14916</v>
      </c>
      <c r="AC82" s="47">
        <v>467</v>
      </c>
      <c r="AD82" s="47">
        <v>15383</v>
      </c>
      <c r="AE82" s="48">
        <v>14706</v>
      </c>
      <c r="AF82" s="47">
        <v>355</v>
      </c>
      <c r="AG82" s="47">
        <v>15061</v>
      </c>
      <c r="AH82" s="48">
        <v>16331</v>
      </c>
      <c r="AI82" s="47">
        <v>266</v>
      </c>
      <c r="AJ82" s="47">
        <v>16597</v>
      </c>
      <c r="AK82" s="48">
        <v>16998</v>
      </c>
      <c r="AL82" s="47">
        <v>264</v>
      </c>
      <c r="AM82" s="47">
        <v>17262</v>
      </c>
      <c r="AN82" s="48">
        <v>13794</v>
      </c>
      <c r="AO82" s="47">
        <v>217</v>
      </c>
      <c r="AP82" s="47">
        <v>14011</v>
      </c>
      <c r="AQ82" s="48">
        <v>10853</v>
      </c>
      <c r="AR82" s="47">
        <v>101</v>
      </c>
      <c r="AS82" s="47">
        <v>10954</v>
      </c>
      <c r="AT82" s="48">
        <v>9410</v>
      </c>
      <c r="AU82" s="47">
        <v>67</v>
      </c>
      <c r="AV82" s="47">
        <v>9477</v>
      </c>
      <c r="AW82" s="48">
        <v>11118</v>
      </c>
      <c r="AX82" s="47">
        <v>42</v>
      </c>
      <c r="AY82" s="47">
        <v>11160</v>
      </c>
      <c r="AZ82" s="48">
        <v>8068</v>
      </c>
      <c r="BA82" s="47">
        <v>16</v>
      </c>
      <c r="BB82" s="47">
        <v>8084</v>
      </c>
      <c r="BC82" s="48">
        <v>6673</v>
      </c>
      <c r="BD82" s="47">
        <v>21</v>
      </c>
      <c r="BE82" s="47">
        <v>6694</v>
      </c>
      <c r="BF82" s="48">
        <v>4553</v>
      </c>
      <c r="BG82" s="47">
        <v>10</v>
      </c>
      <c r="BH82" s="47">
        <v>4563</v>
      </c>
      <c r="BI82" s="48">
        <v>2092</v>
      </c>
      <c r="BJ82" s="47">
        <v>1</v>
      </c>
      <c r="BK82" s="47">
        <v>2093</v>
      </c>
      <c r="BL82" s="48">
        <v>564</v>
      </c>
      <c r="BM82" s="47">
        <v>1</v>
      </c>
      <c r="BN82" s="47">
        <v>565</v>
      </c>
      <c r="BO82" s="48">
        <v>96</v>
      </c>
      <c r="BP82" s="47">
        <v>0</v>
      </c>
      <c r="BQ82" s="49">
        <v>96</v>
      </c>
    </row>
    <row r="83" spans="1:69" x14ac:dyDescent="0.15">
      <c r="A83" s="52"/>
      <c r="B83" s="20" t="s">
        <v>29</v>
      </c>
      <c r="C83" s="77">
        <v>141364</v>
      </c>
      <c r="D83" s="36">
        <v>112904</v>
      </c>
      <c r="E83" s="37">
        <v>1997</v>
      </c>
      <c r="F83" s="38">
        <v>114901</v>
      </c>
      <c r="G83" s="51">
        <v>4923</v>
      </c>
      <c r="H83" s="51">
        <v>82</v>
      </c>
      <c r="I83" s="38">
        <v>5005</v>
      </c>
      <c r="J83" s="51">
        <v>5631</v>
      </c>
      <c r="K83" s="51">
        <v>74</v>
      </c>
      <c r="L83" s="38">
        <v>5705</v>
      </c>
      <c r="M83" s="75">
        <v>5741</v>
      </c>
      <c r="N83" s="75">
        <v>33</v>
      </c>
      <c r="O83" s="70">
        <v>5774</v>
      </c>
      <c r="P83" s="51">
        <v>5452</v>
      </c>
      <c r="Q83" s="51">
        <v>36</v>
      </c>
      <c r="R83" s="38">
        <v>5488</v>
      </c>
      <c r="S83" s="51">
        <v>6185</v>
      </c>
      <c r="T83" s="51">
        <v>209</v>
      </c>
      <c r="U83" s="38">
        <v>6394</v>
      </c>
      <c r="V83" s="51">
        <v>6006</v>
      </c>
      <c r="W83" s="51">
        <v>334</v>
      </c>
      <c r="X83" s="38">
        <v>6340</v>
      </c>
      <c r="Y83" s="51">
        <v>6227</v>
      </c>
      <c r="Z83" s="51">
        <v>323</v>
      </c>
      <c r="AA83" s="38">
        <v>6550</v>
      </c>
      <c r="AB83" s="51">
        <v>7510</v>
      </c>
      <c r="AC83" s="51">
        <v>259</v>
      </c>
      <c r="AD83" s="38">
        <v>7769</v>
      </c>
      <c r="AE83" s="51">
        <v>8668</v>
      </c>
      <c r="AF83" s="51">
        <v>169</v>
      </c>
      <c r="AG83" s="38">
        <v>8837</v>
      </c>
      <c r="AH83" s="51">
        <v>10066</v>
      </c>
      <c r="AI83" s="51">
        <v>134</v>
      </c>
      <c r="AJ83" s="38">
        <v>10200</v>
      </c>
      <c r="AK83" s="51">
        <v>10394</v>
      </c>
      <c r="AL83" s="51">
        <v>108</v>
      </c>
      <c r="AM83" s="38">
        <v>10502</v>
      </c>
      <c r="AN83" s="51">
        <v>8567</v>
      </c>
      <c r="AO83" s="51">
        <v>83</v>
      </c>
      <c r="AP83" s="38">
        <v>8650</v>
      </c>
      <c r="AQ83" s="51">
        <v>6228</v>
      </c>
      <c r="AR83" s="51">
        <v>51</v>
      </c>
      <c r="AS83" s="38">
        <v>6279</v>
      </c>
      <c r="AT83" s="51">
        <v>5171</v>
      </c>
      <c r="AU83" s="51">
        <v>46</v>
      </c>
      <c r="AV83" s="38">
        <v>5217</v>
      </c>
      <c r="AW83" s="51">
        <v>6004</v>
      </c>
      <c r="AX83" s="51">
        <v>33</v>
      </c>
      <c r="AY83" s="38">
        <v>6037</v>
      </c>
      <c r="AZ83" s="51">
        <v>4219</v>
      </c>
      <c r="BA83" s="51">
        <v>12</v>
      </c>
      <c r="BB83" s="38">
        <v>4231</v>
      </c>
      <c r="BC83" s="51">
        <v>3345</v>
      </c>
      <c r="BD83" s="51">
        <v>9</v>
      </c>
      <c r="BE83" s="38">
        <v>3354</v>
      </c>
      <c r="BF83" s="51">
        <v>1871</v>
      </c>
      <c r="BG83" s="51">
        <v>2</v>
      </c>
      <c r="BH83" s="38">
        <v>1873</v>
      </c>
      <c r="BI83" s="51">
        <v>571</v>
      </c>
      <c r="BJ83" s="51">
        <v>0</v>
      </c>
      <c r="BK83" s="38">
        <v>571</v>
      </c>
      <c r="BL83" s="51">
        <v>117</v>
      </c>
      <c r="BM83" s="51">
        <v>0</v>
      </c>
      <c r="BN83" s="38">
        <v>117</v>
      </c>
      <c r="BO83" s="51">
        <v>8</v>
      </c>
      <c r="BP83" s="51">
        <v>0</v>
      </c>
      <c r="BQ83" s="40">
        <v>8</v>
      </c>
    </row>
    <row r="84" spans="1:69" x14ac:dyDescent="0.15">
      <c r="A84" s="52" t="s">
        <v>58</v>
      </c>
      <c r="B84" s="25" t="s">
        <v>31</v>
      </c>
      <c r="C84" s="78"/>
      <c r="D84" s="41">
        <v>117160</v>
      </c>
      <c r="E84" s="39">
        <v>1979</v>
      </c>
      <c r="F84" s="42">
        <v>119139</v>
      </c>
      <c r="G84" s="51">
        <v>4564</v>
      </c>
      <c r="H84" s="51">
        <v>62</v>
      </c>
      <c r="I84" s="42">
        <v>4626</v>
      </c>
      <c r="J84" s="51">
        <v>5477</v>
      </c>
      <c r="K84" s="51">
        <v>54</v>
      </c>
      <c r="L84" s="42">
        <v>5531</v>
      </c>
      <c r="M84" s="75">
        <v>5338</v>
      </c>
      <c r="N84" s="75">
        <v>37</v>
      </c>
      <c r="O84" s="72">
        <v>5375</v>
      </c>
      <c r="P84" s="51">
        <v>5290</v>
      </c>
      <c r="Q84" s="51">
        <v>40</v>
      </c>
      <c r="R84" s="42">
        <v>5330</v>
      </c>
      <c r="S84" s="51">
        <v>6359</v>
      </c>
      <c r="T84" s="51">
        <v>153</v>
      </c>
      <c r="U84" s="42">
        <v>6512</v>
      </c>
      <c r="V84" s="51">
        <v>6435</v>
      </c>
      <c r="W84" s="51">
        <v>282</v>
      </c>
      <c r="X84" s="42">
        <v>6717</v>
      </c>
      <c r="Y84" s="51">
        <v>6467</v>
      </c>
      <c r="Z84" s="51">
        <v>247</v>
      </c>
      <c r="AA84" s="42">
        <v>6714</v>
      </c>
      <c r="AB84" s="51">
        <v>7577</v>
      </c>
      <c r="AC84" s="51">
        <v>232</v>
      </c>
      <c r="AD84" s="42">
        <v>7809</v>
      </c>
      <c r="AE84" s="51">
        <v>8673</v>
      </c>
      <c r="AF84" s="51">
        <v>181</v>
      </c>
      <c r="AG84" s="42">
        <v>8854</v>
      </c>
      <c r="AH84" s="51">
        <v>9932</v>
      </c>
      <c r="AI84" s="51">
        <v>173</v>
      </c>
      <c r="AJ84" s="42">
        <v>10105</v>
      </c>
      <c r="AK84" s="51">
        <v>10257</v>
      </c>
      <c r="AL84" s="51">
        <v>182</v>
      </c>
      <c r="AM84" s="42">
        <v>10439</v>
      </c>
      <c r="AN84" s="51">
        <v>7915</v>
      </c>
      <c r="AO84" s="51">
        <v>126</v>
      </c>
      <c r="AP84" s="42">
        <v>8041</v>
      </c>
      <c r="AQ84" s="51">
        <v>6010</v>
      </c>
      <c r="AR84" s="51">
        <v>81</v>
      </c>
      <c r="AS84" s="42">
        <v>6091</v>
      </c>
      <c r="AT84" s="51">
        <v>5316</v>
      </c>
      <c r="AU84" s="51">
        <v>57</v>
      </c>
      <c r="AV84" s="42">
        <v>5373</v>
      </c>
      <c r="AW84" s="51">
        <v>6881</v>
      </c>
      <c r="AX84" s="51">
        <v>38</v>
      </c>
      <c r="AY84" s="42">
        <v>6919</v>
      </c>
      <c r="AZ84" s="51">
        <v>5436</v>
      </c>
      <c r="BA84" s="51">
        <v>17</v>
      </c>
      <c r="BB84" s="42">
        <v>5453</v>
      </c>
      <c r="BC84" s="51">
        <v>4471</v>
      </c>
      <c r="BD84" s="51">
        <v>9</v>
      </c>
      <c r="BE84" s="42">
        <v>4480</v>
      </c>
      <c r="BF84" s="51">
        <v>2922</v>
      </c>
      <c r="BG84" s="51">
        <v>5</v>
      </c>
      <c r="BH84" s="42">
        <v>2927</v>
      </c>
      <c r="BI84" s="51">
        <v>1347</v>
      </c>
      <c r="BJ84" s="51">
        <v>2</v>
      </c>
      <c r="BK84" s="42">
        <v>1349</v>
      </c>
      <c r="BL84" s="51">
        <v>420</v>
      </c>
      <c r="BM84" s="51">
        <v>1</v>
      </c>
      <c r="BN84" s="42">
        <v>421</v>
      </c>
      <c r="BO84" s="51">
        <v>73</v>
      </c>
      <c r="BP84" s="51">
        <v>0</v>
      </c>
      <c r="BQ84" s="43">
        <v>73</v>
      </c>
    </row>
    <row r="85" spans="1:69" ht="15" thickBot="1" x14ac:dyDescent="0.2">
      <c r="A85" s="53"/>
      <c r="B85" s="31" t="s">
        <v>32</v>
      </c>
      <c r="C85" s="79"/>
      <c r="D85" s="45">
        <v>230064</v>
      </c>
      <c r="E85" s="46">
        <v>3976</v>
      </c>
      <c r="F85" s="47">
        <v>234040</v>
      </c>
      <c r="G85" s="48">
        <v>9487</v>
      </c>
      <c r="H85" s="47">
        <v>144</v>
      </c>
      <c r="I85" s="47">
        <v>9631</v>
      </c>
      <c r="J85" s="48">
        <v>11108</v>
      </c>
      <c r="K85" s="47">
        <v>128</v>
      </c>
      <c r="L85" s="47">
        <v>11236</v>
      </c>
      <c r="M85" s="74">
        <v>11079</v>
      </c>
      <c r="N85" s="73">
        <v>70</v>
      </c>
      <c r="O85" s="73">
        <v>11149</v>
      </c>
      <c r="P85" s="48">
        <v>10742</v>
      </c>
      <c r="Q85" s="47">
        <v>76</v>
      </c>
      <c r="R85" s="47">
        <v>10818</v>
      </c>
      <c r="S85" s="48">
        <v>12544</v>
      </c>
      <c r="T85" s="47">
        <v>362</v>
      </c>
      <c r="U85" s="47">
        <v>12906</v>
      </c>
      <c r="V85" s="48">
        <v>12441</v>
      </c>
      <c r="W85" s="47">
        <v>616</v>
      </c>
      <c r="X85" s="47">
        <v>13057</v>
      </c>
      <c r="Y85" s="48">
        <v>12694</v>
      </c>
      <c r="Z85" s="47">
        <v>570</v>
      </c>
      <c r="AA85" s="47">
        <v>13264</v>
      </c>
      <c r="AB85" s="48">
        <v>15087</v>
      </c>
      <c r="AC85" s="47">
        <v>491</v>
      </c>
      <c r="AD85" s="47">
        <v>15578</v>
      </c>
      <c r="AE85" s="48">
        <v>17341</v>
      </c>
      <c r="AF85" s="47">
        <v>350</v>
      </c>
      <c r="AG85" s="47">
        <v>17691</v>
      </c>
      <c r="AH85" s="48">
        <v>19998</v>
      </c>
      <c r="AI85" s="47">
        <v>307</v>
      </c>
      <c r="AJ85" s="47">
        <v>20305</v>
      </c>
      <c r="AK85" s="48">
        <v>20651</v>
      </c>
      <c r="AL85" s="47">
        <v>290</v>
      </c>
      <c r="AM85" s="47">
        <v>20941</v>
      </c>
      <c r="AN85" s="48">
        <v>16482</v>
      </c>
      <c r="AO85" s="47">
        <v>209</v>
      </c>
      <c r="AP85" s="47">
        <v>16691</v>
      </c>
      <c r="AQ85" s="48">
        <v>12238</v>
      </c>
      <c r="AR85" s="47">
        <v>132</v>
      </c>
      <c r="AS85" s="47">
        <v>12370</v>
      </c>
      <c r="AT85" s="48">
        <v>10487</v>
      </c>
      <c r="AU85" s="47">
        <v>103</v>
      </c>
      <c r="AV85" s="47">
        <v>10590</v>
      </c>
      <c r="AW85" s="48">
        <v>12885</v>
      </c>
      <c r="AX85" s="47">
        <v>71</v>
      </c>
      <c r="AY85" s="47">
        <v>12956</v>
      </c>
      <c r="AZ85" s="48">
        <v>9655</v>
      </c>
      <c r="BA85" s="47">
        <v>29</v>
      </c>
      <c r="BB85" s="47">
        <v>9684</v>
      </c>
      <c r="BC85" s="48">
        <v>7816</v>
      </c>
      <c r="BD85" s="47">
        <v>18</v>
      </c>
      <c r="BE85" s="47">
        <v>7834</v>
      </c>
      <c r="BF85" s="48">
        <v>4793</v>
      </c>
      <c r="BG85" s="47">
        <v>7</v>
      </c>
      <c r="BH85" s="47">
        <v>4800</v>
      </c>
      <c r="BI85" s="48">
        <v>1918</v>
      </c>
      <c r="BJ85" s="47">
        <v>2</v>
      </c>
      <c r="BK85" s="47">
        <v>1920</v>
      </c>
      <c r="BL85" s="48">
        <v>537</v>
      </c>
      <c r="BM85" s="47">
        <v>1</v>
      </c>
      <c r="BN85" s="47">
        <v>538</v>
      </c>
      <c r="BO85" s="48">
        <v>81</v>
      </c>
      <c r="BP85" s="47">
        <v>0</v>
      </c>
      <c r="BQ85" s="49">
        <v>81</v>
      </c>
    </row>
    <row r="86" spans="1:69" x14ac:dyDescent="0.15">
      <c r="A86" s="52"/>
      <c r="B86" s="20" t="s">
        <v>29</v>
      </c>
      <c r="C86" s="77">
        <v>141372</v>
      </c>
      <c r="D86" s="36">
        <v>85249</v>
      </c>
      <c r="E86" s="37">
        <v>1513</v>
      </c>
      <c r="F86" s="38">
        <v>86762</v>
      </c>
      <c r="G86" s="51">
        <v>3328</v>
      </c>
      <c r="H86" s="51">
        <v>50</v>
      </c>
      <c r="I86" s="38">
        <v>3378</v>
      </c>
      <c r="J86" s="51">
        <v>4024</v>
      </c>
      <c r="K86" s="51">
        <v>58</v>
      </c>
      <c r="L86" s="38">
        <v>4082</v>
      </c>
      <c r="M86" s="75">
        <v>4278</v>
      </c>
      <c r="N86" s="75">
        <v>31</v>
      </c>
      <c r="O86" s="70">
        <v>4309</v>
      </c>
      <c r="P86" s="51">
        <v>4186</v>
      </c>
      <c r="Q86" s="51">
        <v>22</v>
      </c>
      <c r="R86" s="38">
        <v>4208</v>
      </c>
      <c r="S86" s="51">
        <v>4659</v>
      </c>
      <c r="T86" s="51">
        <v>189</v>
      </c>
      <c r="U86" s="38">
        <v>4848</v>
      </c>
      <c r="V86" s="51">
        <v>4448</v>
      </c>
      <c r="W86" s="51">
        <v>309</v>
      </c>
      <c r="X86" s="38">
        <v>4757</v>
      </c>
      <c r="Y86" s="51">
        <v>4449</v>
      </c>
      <c r="Z86" s="51">
        <v>229</v>
      </c>
      <c r="AA86" s="38">
        <v>4678</v>
      </c>
      <c r="AB86" s="51">
        <v>5209</v>
      </c>
      <c r="AC86" s="51">
        <v>172</v>
      </c>
      <c r="AD86" s="38">
        <v>5381</v>
      </c>
      <c r="AE86" s="51">
        <v>5986</v>
      </c>
      <c r="AF86" s="51">
        <v>112</v>
      </c>
      <c r="AG86" s="38">
        <v>6098</v>
      </c>
      <c r="AH86" s="51">
        <v>7232</v>
      </c>
      <c r="AI86" s="51">
        <v>91</v>
      </c>
      <c r="AJ86" s="38">
        <v>7323</v>
      </c>
      <c r="AK86" s="51">
        <v>7587</v>
      </c>
      <c r="AL86" s="51">
        <v>90</v>
      </c>
      <c r="AM86" s="38">
        <v>7677</v>
      </c>
      <c r="AN86" s="51">
        <v>6344</v>
      </c>
      <c r="AO86" s="51">
        <v>65</v>
      </c>
      <c r="AP86" s="38">
        <v>6409</v>
      </c>
      <c r="AQ86" s="51">
        <v>4944</v>
      </c>
      <c r="AR86" s="51">
        <v>34</v>
      </c>
      <c r="AS86" s="38">
        <v>4978</v>
      </c>
      <c r="AT86" s="51">
        <v>4305</v>
      </c>
      <c r="AU86" s="51">
        <v>27</v>
      </c>
      <c r="AV86" s="38">
        <v>4332</v>
      </c>
      <c r="AW86" s="51">
        <v>5028</v>
      </c>
      <c r="AX86" s="51">
        <v>14</v>
      </c>
      <c r="AY86" s="38">
        <v>5042</v>
      </c>
      <c r="AZ86" s="51">
        <v>3675</v>
      </c>
      <c r="BA86" s="51">
        <v>9</v>
      </c>
      <c r="BB86" s="38">
        <v>3684</v>
      </c>
      <c r="BC86" s="51">
        <v>3009</v>
      </c>
      <c r="BD86" s="51">
        <v>5</v>
      </c>
      <c r="BE86" s="38">
        <v>3014</v>
      </c>
      <c r="BF86" s="51">
        <v>1713</v>
      </c>
      <c r="BG86" s="51">
        <v>5</v>
      </c>
      <c r="BH86" s="38">
        <v>1718</v>
      </c>
      <c r="BI86" s="51">
        <v>678</v>
      </c>
      <c r="BJ86" s="51">
        <v>0</v>
      </c>
      <c r="BK86" s="38">
        <v>678</v>
      </c>
      <c r="BL86" s="51">
        <v>157</v>
      </c>
      <c r="BM86" s="51">
        <v>1</v>
      </c>
      <c r="BN86" s="38">
        <v>158</v>
      </c>
      <c r="BO86" s="51">
        <v>10</v>
      </c>
      <c r="BP86" s="51">
        <v>0</v>
      </c>
      <c r="BQ86" s="40">
        <v>10</v>
      </c>
    </row>
    <row r="87" spans="1:69" x14ac:dyDescent="0.15">
      <c r="A87" s="52" t="s">
        <v>59</v>
      </c>
      <c r="B87" s="25" t="s">
        <v>31</v>
      </c>
      <c r="C87" s="78"/>
      <c r="D87" s="41">
        <v>90377</v>
      </c>
      <c r="E87" s="39">
        <v>1428</v>
      </c>
      <c r="F87" s="42">
        <v>91805</v>
      </c>
      <c r="G87" s="51">
        <v>3141</v>
      </c>
      <c r="H87" s="51">
        <v>54</v>
      </c>
      <c r="I87" s="42">
        <v>3195</v>
      </c>
      <c r="J87" s="51">
        <v>3761</v>
      </c>
      <c r="K87" s="51">
        <v>42</v>
      </c>
      <c r="L87" s="42">
        <v>3803</v>
      </c>
      <c r="M87" s="75">
        <v>4056</v>
      </c>
      <c r="N87" s="75">
        <v>27</v>
      </c>
      <c r="O87" s="72">
        <v>4083</v>
      </c>
      <c r="P87" s="51">
        <v>4186</v>
      </c>
      <c r="Q87" s="51">
        <v>31</v>
      </c>
      <c r="R87" s="42">
        <v>4217</v>
      </c>
      <c r="S87" s="51">
        <v>5084</v>
      </c>
      <c r="T87" s="51">
        <v>177</v>
      </c>
      <c r="U87" s="42">
        <v>5261</v>
      </c>
      <c r="V87" s="51">
        <v>4768</v>
      </c>
      <c r="W87" s="51">
        <v>241</v>
      </c>
      <c r="X87" s="42">
        <v>5009</v>
      </c>
      <c r="Y87" s="51">
        <v>4602</v>
      </c>
      <c r="Z87" s="51">
        <v>183</v>
      </c>
      <c r="AA87" s="42">
        <v>4785</v>
      </c>
      <c r="AB87" s="51">
        <v>5157</v>
      </c>
      <c r="AC87" s="51">
        <v>159</v>
      </c>
      <c r="AD87" s="42">
        <v>5316</v>
      </c>
      <c r="AE87" s="51">
        <v>6106</v>
      </c>
      <c r="AF87" s="51">
        <v>113</v>
      </c>
      <c r="AG87" s="42">
        <v>6219</v>
      </c>
      <c r="AH87" s="51">
        <v>7479</v>
      </c>
      <c r="AI87" s="51">
        <v>122</v>
      </c>
      <c r="AJ87" s="42">
        <v>7601</v>
      </c>
      <c r="AK87" s="51">
        <v>7718</v>
      </c>
      <c r="AL87" s="51">
        <v>89</v>
      </c>
      <c r="AM87" s="42">
        <v>7807</v>
      </c>
      <c r="AN87" s="51">
        <v>5968</v>
      </c>
      <c r="AO87" s="51">
        <v>76</v>
      </c>
      <c r="AP87" s="42">
        <v>6044</v>
      </c>
      <c r="AQ87" s="51">
        <v>4960</v>
      </c>
      <c r="AR87" s="51">
        <v>37</v>
      </c>
      <c r="AS87" s="42">
        <v>4997</v>
      </c>
      <c r="AT87" s="51">
        <v>4548</v>
      </c>
      <c r="AU87" s="51">
        <v>38</v>
      </c>
      <c r="AV87" s="42">
        <v>4586</v>
      </c>
      <c r="AW87" s="51">
        <v>5892</v>
      </c>
      <c r="AX87" s="51">
        <v>14</v>
      </c>
      <c r="AY87" s="42">
        <v>5906</v>
      </c>
      <c r="AZ87" s="51">
        <v>4508</v>
      </c>
      <c r="BA87" s="51">
        <v>9</v>
      </c>
      <c r="BB87" s="42">
        <v>4517</v>
      </c>
      <c r="BC87" s="51">
        <v>3751</v>
      </c>
      <c r="BD87" s="51">
        <v>11</v>
      </c>
      <c r="BE87" s="42">
        <v>3762</v>
      </c>
      <c r="BF87" s="51">
        <v>2751</v>
      </c>
      <c r="BG87" s="51">
        <v>4</v>
      </c>
      <c r="BH87" s="42">
        <v>2755</v>
      </c>
      <c r="BI87" s="51">
        <v>1433</v>
      </c>
      <c r="BJ87" s="51">
        <v>0</v>
      </c>
      <c r="BK87" s="42">
        <v>1433</v>
      </c>
      <c r="BL87" s="51">
        <v>433</v>
      </c>
      <c r="BM87" s="51">
        <v>1</v>
      </c>
      <c r="BN87" s="42">
        <v>434</v>
      </c>
      <c r="BO87" s="51">
        <v>75</v>
      </c>
      <c r="BP87" s="51">
        <v>0</v>
      </c>
      <c r="BQ87" s="43">
        <v>75</v>
      </c>
    </row>
    <row r="88" spans="1:69" ht="15" thickBot="1" x14ac:dyDescent="0.2">
      <c r="A88" s="53"/>
      <c r="B88" s="31" t="s">
        <v>32</v>
      </c>
      <c r="C88" s="79"/>
      <c r="D88" s="45">
        <v>175626</v>
      </c>
      <c r="E88" s="46">
        <v>2941</v>
      </c>
      <c r="F88" s="47">
        <v>178567</v>
      </c>
      <c r="G88" s="48">
        <v>6469</v>
      </c>
      <c r="H88" s="47">
        <v>104</v>
      </c>
      <c r="I88" s="47">
        <v>6573</v>
      </c>
      <c r="J88" s="48">
        <v>7785</v>
      </c>
      <c r="K88" s="47">
        <v>100</v>
      </c>
      <c r="L88" s="47">
        <v>7885</v>
      </c>
      <c r="M88" s="74">
        <v>8334</v>
      </c>
      <c r="N88" s="73">
        <v>58</v>
      </c>
      <c r="O88" s="73">
        <v>8392</v>
      </c>
      <c r="P88" s="48">
        <v>8372</v>
      </c>
      <c r="Q88" s="47">
        <v>53</v>
      </c>
      <c r="R88" s="47">
        <v>8425</v>
      </c>
      <c r="S88" s="48">
        <v>9743</v>
      </c>
      <c r="T88" s="47">
        <v>366</v>
      </c>
      <c r="U88" s="47">
        <v>10109</v>
      </c>
      <c r="V88" s="48">
        <v>9216</v>
      </c>
      <c r="W88" s="47">
        <v>550</v>
      </c>
      <c r="X88" s="47">
        <v>9766</v>
      </c>
      <c r="Y88" s="48">
        <v>9051</v>
      </c>
      <c r="Z88" s="47">
        <v>412</v>
      </c>
      <c r="AA88" s="47">
        <v>9463</v>
      </c>
      <c r="AB88" s="48">
        <v>10366</v>
      </c>
      <c r="AC88" s="47">
        <v>331</v>
      </c>
      <c r="AD88" s="47">
        <v>10697</v>
      </c>
      <c r="AE88" s="48">
        <v>12092</v>
      </c>
      <c r="AF88" s="47">
        <v>225</v>
      </c>
      <c r="AG88" s="47">
        <v>12317</v>
      </c>
      <c r="AH88" s="48">
        <v>14711</v>
      </c>
      <c r="AI88" s="47">
        <v>213</v>
      </c>
      <c r="AJ88" s="47">
        <v>14924</v>
      </c>
      <c r="AK88" s="48">
        <v>15305</v>
      </c>
      <c r="AL88" s="47">
        <v>179</v>
      </c>
      <c r="AM88" s="47">
        <v>15484</v>
      </c>
      <c r="AN88" s="48">
        <v>12312</v>
      </c>
      <c r="AO88" s="47">
        <v>141</v>
      </c>
      <c r="AP88" s="47">
        <v>12453</v>
      </c>
      <c r="AQ88" s="48">
        <v>9904</v>
      </c>
      <c r="AR88" s="47">
        <v>71</v>
      </c>
      <c r="AS88" s="47">
        <v>9975</v>
      </c>
      <c r="AT88" s="48">
        <v>8853</v>
      </c>
      <c r="AU88" s="47">
        <v>65</v>
      </c>
      <c r="AV88" s="47">
        <v>8918</v>
      </c>
      <c r="AW88" s="48">
        <v>10920</v>
      </c>
      <c r="AX88" s="47">
        <v>28</v>
      </c>
      <c r="AY88" s="47">
        <v>10948</v>
      </c>
      <c r="AZ88" s="48">
        <v>8183</v>
      </c>
      <c r="BA88" s="47">
        <v>18</v>
      </c>
      <c r="BB88" s="47">
        <v>8201</v>
      </c>
      <c r="BC88" s="48">
        <v>6760</v>
      </c>
      <c r="BD88" s="47">
        <v>16</v>
      </c>
      <c r="BE88" s="47">
        <v>6776</v>
      </c>
      <c r="BF88" s="48">
        <v>4464</v>
      </c>
      <c r="BG88" s="47">
        <v>9</v>
      </c>
      <c r="BH88" s="47">
        <v>4473</v>
      </c>
      <c r="BI88" s="48">
        <v>2111</v>
      </c>
      <c r="BJ88" s="47">
        <v>0</v>
      </c>
      <c r="BK88" s="47">
        <v>2111</v>
      </c>
      <c r="BL88" s="48">
        <v>590</v>
      </c>
      <c r="BM88" s="47">
        <v>2</v>
      </c>
      <c r="BN88" s="47">
        <v>592</v>
      </c>
      <c r="BO88" s="48">
        <v>85</v>
      </c>
      <c r="BP88" s="47">
        <v>0</v>
      </c>
      <c r="BQ88" s="49">
        <v>85</v>
      </c>
    </row>
    <row r="89" spans="1:69" x14ac:dyDescent="0.15">
      <c r="A89" s="24"/>
      <c r="B89" s="20" t="s">
        <v>29</v>
      </c>
      <c r="C89" s="77">
        <v>141500</v>
      </c>
      <c r="D89" s="36">
        <v>352977</v>
      </c>
      <c r="E89" s="37">
        <v>7638</v>
      </c>
      <c r="F89" s="38">
        <v>360615</v>
      </c>
      <c r="G89" s="39">
        <v>12067</v>
      </c>
      <c r="H89" s="39">
        <v>269</v>
      </c>
      <c r="I89" s="38">
        <v>12336</v>
      </c>
      <c r="J89" s="39">
        <v>14261</v>
      </c>
      <c r="K89" s="39">
        <v>265</v>
      </c>
      <c r="L89" s="38">
        <v>14526</v>
      </c>
      <c r="M89" s="71">
        <v>15334</v>
      </c>
      <c r="N89" s="71">
        <v>195</v>
      </c>
      <c r="O89" s="70">
        <v>15529</v>
      </c>
      <c r="P89" s="39">
        <v>15909</v>
      </c>
      <c r="Q89" s="39">
        <v>179</v>
      </c>
      <c r="R89" s="38">
        <v>16088</v>
      </c>
      <c r="S89" s="39">
        <v>18399</v>
      </c>
      <c r="T89" s="39">
        <v>1026</v>
      </c>
      <c r="U89" s="38">
        <v>19425</v>
      </c>
      <c r="V89" s="39">
        <v>19027</v>
      </c>
      <c r="W89" s="39">
        <v>1487</v>
      </c>
      <c r="X89" s="38">
        <v>20514</v>
      </c>
      <c r="Y89" s="39">
        <v>19210</v>
      </c>
      <c r="Z89" s="39">
        <v>1102</v>
      </c>
      <c r="AA89" s="38">
        <v>20312</v>
      </c>
      <c r="AB89" s="39">
        <v>21794</v>
      </c>
      <c r="AC89" s="39">
        <v>759</v>
      </c>
      <c r="AD89" s="38">
        <v>22553</v>
      </c>
      <c r="AE89" s="39">
        <v>25017</v>
      </c>
      <c r="AF89" s="39">
        <v>576</v>
      </c>
      <c r="AG89" s="38">
        <v>25593</v>
      </c>
      <c r="AH89" s="39">
        <v>30783</v>
      </c>
      <c r="AI89" s="39">
        <v>430</v>
      </c>
      <c r="AJ89" s="38">
        <v>31213</v>
      </c>
      <c r="AK89" s="39">
        <v>31441</v>
      </c>
      <c r="AL89" s="39">
        <v>437</v>
      </c>
      <c r="AM89" s="38">
        <v>31878</v>
      </c>
      <c r="AN89" s="39">
        <v>24664</v>
      </c>
      <c r="AO89" s="39">
        <v>364</v>
      </c>
      <c r="AP89" s="38">
        <v>25028</v>
      </c>
      <c r="AQ89" s="39">
        <v>20040</v>
      </c>
      <c r="AR89" s="39">
        <v>237</v>
      </c>
      <c r="AS89" s="38">
        <v>20277</v>
      </c>
      <c r="AT89" s="39">
        <v>19544</v>
      </c>
      <c r="AU89" s="39">
        <v>136</v>
      </c>
      <c r="AV89" s="38">
        <v>19680</v>
      </c>
      <c r="AW89" s="39">
        <v>24117</v>
      </c>
      <c r="AX89" s="39">
        <v>90</v>
      </c>
      <c r="AY89" s="38">
        <v>24207</v>
      </c>
      <c r="AZ89" s="39">
        <v>17706</v>
      </c>
      <c r="BA89" s="39">
        <v>43</v>
      </c>
      <c r="BB89" s="38">
        <v>17749</v>
      </c>
      <c r="BC89" s="39">
        <v>14155</v>
      </c>
      <c r="BD89" s="39">
        <v>23</v>
      </c>
      <c r="BE89" s="38">
        <v>14178</v>
      </c>
      <c r="BF89" s="39">
        <v>6866</v>
      </c>
      <c r="BG89" s="39">
        <v>16</v>
      </c>
      <c r="BH89" s="38">
        <v>6882</v>
      </c>
      <c r="BI89" s="39">
        <v>2223</v>
      </c>
      <c r="BJ89" s="39">
        <v>3</v>
      </c>
      <c r="BK89" s="38">
        <v>2226</v>
      </c>
      <c r="BL89" s="39">
        <v>380</v>
      </c>
      <c r="BM89" s="39">
        <v>1</v>
      </c>
      <c r="BN89" s="38">
        <v>381</v>
      </c>
      <c r="BO89" s="39">
        <v>40</v>
      </c>
      <c r="BP89" s="39">
        <v>0</v>
      </c>
      <c r="BQ89" s="40">
        <v>40</v>
      </c>
    </row>
    <row r="90" spans="1:69" x14ac:dyDescent="0.15">
      <c r="A90" s="24" t="s">
        <v>60</v>
      </c>
      <c r="B90" s="25" t="s">
        <v>31</v>
      </c>
      <c r="C90" s="78"/>
      <c r="D90" s="41">
        <v>350349</v>
      </c>
      <c r="E90" s="39">
        <v>8148</v>
      </c>
      <c r="F90" s="42">
        <v>358497</v>
      </c>
      <c r="G90" s="39">
        <v>11766</v>
      </c>
      <c r="H90" s="39">
        <v>262</v>
      </c>
      <c r="I90" s="42">
        <v>12028</v>
      </c>
      <c r="J90" s="39">
        <v>13391</v>
      </c>
      <c r="K90" s="39">
        <v>245</v>
      </c>
      <c r="L90" s="42">
        <v>13636</v>
      </c>
      <c r="M90" s="71">
        <v>14723</v>
      </c>
      <c r="N90" s="71">
        <v>173</v>
      </c>
      <c r="O90" s="72">
        <v>14896</v>
      </c>
      <c r="P90" s="39">
        <v>15288</v>
      </c>
      <c r="Q90" s="39">
        <v>164</v>
      </c>
      <c r="R90" s="42">
        <v>15452</v>
      </c>
      <c r="S90" s="39">
        <v>18222</v>
      </c>
      <c r="T90" s="39">
        <v>1067</v>
      </c>
      <c r="U90" s="42">
        <v>19289</v>
      </c>
      <c r="V90" s="39">
        <v>18122</v>
      </c>
      <c r="W90" s="39">
        <v>1161</v>
      </c>
      <c r="X90" s="42">
        <v>19283</v>
      </c>
      <c r="Y90" s="39">
        <v>17386</v>
      </c>
      <c r="Z90" s="39">
        <v>864</v>
      </c>
      <c r="AA90" s="42">
        <v>18250</v>
      </c>
      <c r="AB90" s="39">
        <v>19599</v>
      </c>
      <c r="AC90" s="39">
        <v>740</v>
      </c>
      <c r="AD90" s="42">
        <v>20339</v>
      </c>
      <c r="AE90" s="39">
        <v>22504</v>
      </c>
      <c r="AF90" s="39">
        <v>758</v>
      </c>
      <c r="AG90" s="42">
        <v>23262</v>
      </c>
      <c r="AH90" s="39">
        <v>27545</v>
      </c>
      <c r="AI90" s="39">
        <v>682</v>
      </c>
      <c r="AJ90" s="42">
        <v>28227</v>
      </c>
      <c r="AK90" s="39">
        <v>28059</v>
      </c>
      <c r="AL90" s="39">
        <v>718</v>
      </c>
      <c r="AM90" s="42">
        <v>28777</v>
      </c>
      <c r="AN90" s="39">
        <v>22255</v>
      </c>
      <c r="AO90" s="39">
        <v>533</v>
      </c>
      <c r="AP90" s="42">
        <v>22788</v>
      </c>
      <c r="AQ90" s="39">
        <v>18714</v>
      </c>
      <c r="AR90" s="39">
        <v>349</v>
      </c>
      <c r="AS90" s="42">
        <v>19063</v>
      </c>
      <c r="AT90" s="39">
        <v>19895</v>
      </c>
      <c r="AU90" s="39">
        <v>196</v>
      </c>
      <c r="AV90" s="42">
        <v>20091</v>
      </c>
      <c r="AW90" s="39">
        <v>27197</v>
      </c>
      <c r="AX90" s="39">
        <v>105</v>
      </c>
      <c r="AY90" s="42">
        <v>27302</v>
      </c>
      <c r="AZ90" s="39">
        <v>21497</v>
      </c>
      <c r="BA90" s="39">
        <v>63</v>
      </c>
      <c r="BB90" s="42">
        <v>21560</v>
      </c>
      <c r="BC90" s="39">
        <v>16991</v>
      </c>
      <c r="BD90" s="39">
        <v>35</v>
      </c>
      <c r="BE90" s="42">
        <v>17026</v>
      </c>
      <c r="BF90" s="39">
        <v>10418</v>
      </c>
      <c r="BG90" s="39">
        <v>21</v>
      </c>
      <c r="BH90" s="42">
        <v>10439</v>
      </c>
      <c r="BI90" s="39">
        <v>4951</v>
      </c>
      <c r="BJ90" s="39">
        <v>7</v>
      </c>
      <c r="BK90" s="42">
        <v>4958</v>
      </c>
      <c r="BL90" s="39">
        <v>1552</v>
      </c>
      <c r="BM90" s="39">
        <v>5</v>
      </c>
      <c r="BN90" s="42">
        <v>1557</v>
      </c>
      <c r="BO90" s="39">
        <v>274</v>
      </c>
      <c r="BP90" s="39">
        <v>0</v>
      </c>
      <c r="BQ90" s="43">
        <v>274</v>
      </c>
    </row>
    <row r="91" spans="1:69" ht="15" thickBot="1" x14ac:dyDescent="0.2">
      <c r="A91" s="44"/>
      <c r="B91" s="31" t="s">
        <v>32</v>
      </c>
      <c r="C91" s="79"/>
      <c r="D91" s="45">
        <v>703326</v>
      </c>
      <c r="E91" s="46">
        <v>15786</v>
      </c>
      <c r="F91" s="47">
        <v>719112</v>
      </c>
      <c r="G91" s="48">
        <v>23833</v>
      </c>
      <c r="H91" s="47">
        <v>531</v>
      </c>
      <c r="I91" s="47">
        <v>24364</v>
      </c>
      <c r="J91" s="48">
        <v>27652</v>
      </c>
      <c r="K91" s="47">
        <v>510</v>
      </c>
      <c r="L91" s="47">
        <v>28162</v>
      </c>
      <c r="M91" s="74">
        <v>30057</v>
      </c>
      <c r="N91" s="73">
        <v>368</v>
      </c>
      <c r="O91" s="73">
        <v>30425</v>
      </c>
      <c r="P91" s="48">
        <v>31197</v>
      </c>
      <c r="Q91" s="47">
        <v>343</v>
      </c>
      <c r="R91" s="47">
        <v>31540</v>
      </c>
      <c r="S91" s="48">
        <v>36621</v>
      </c>
      <c r="T91" s="47">
        <v>2093</v>
      </c>
      <c r="U91" s="47">
        <v>38714</v>
      </c>
      <c r="V91" s="48">
        <v>37149</v>
      </c>
      <c r="W91" s="47">
        <v>2648</v>
      </c>
      <c r="X91" s="47">
        <v>39797</v>
      </c>
      <c r="Y91" s="48">
        <v>36596</v>
      </c>
      <c r="Z91" s="47">
        <v>1966</v>
      </c>
      <c r="AA91" s="47">
        <v>38562</v>
      </c>
      <c r="AB91" s="48">
        <v>41393</v>
      </c>
      <c r="AC91" s="47">
        <v>1499</v>
      </c>
      <c r="AD91" s="47">
        <v>42892</v>
      </c>
      <c r="AE91" s="48">
        <v>47521</v>
      </c>
      <c r="AF91" s="47">
        <v>1334</v>
      </c>
      <c r="AG91" s="47">
        <v>48855</v>
      </c>
      <c r="AH91" s="48">
        <v>58328</v>
      </c>
      <c r="AI91" s="47">
        <v>1112</v>
      </c>
      <c r="AJ91" s="47">
        <v>59440</v>
      </c>
      <c r="AK91" s="48">
        <v>59500</v>
      </c>
      <c r="AL91" s="47">
        <v>1155</v>
      </c>
      <c r="AM91" s="47">
        <v>60655</v>
      </c>
      <c r="AN91" s="48">
        <v>46919</v>
      </c>
      <c r="AO91" s="47">
        <v>897</v>
      </c>
      <c r="AP91" s="47">
        <v>47816</v>
      </c>
      <c r="AQ91" s="48">
        <v>38754</v>
      </c>
      <c r="AR91" s="47">
        <v>586</v>
      </c>
      <c r="AS91" s="47">
        <v>39340</v>
      </c>
      <c r="AT91" s="48">
        <v>39439</v>
      </c>
      <c r="AU91" s="47">
        <v>332</v>
      </c>
      <c r="AV91" s="47">
        <v>39771</v>
      </c>
      <c r="AW91" s="48">
        <v>51314</v>
      </c>
      <c r="AX91" s="47">
        <v>195</v>
      </c>
      <c r="AY91" s="47">
        <v>51509</v>
      </c>
      <c r="AZ91" s="48">
        <v>39203</v>
      </c>
      <c r="BA91" s="47">
        <v>106</v>
      </c>
      <c r="BB91" s="47">
        <v>39309</v>
      </c>
      <c r="BC91" s="48">
        <v>31146</v>
      </c>
      <c r="BD91" s="47">
        <v>58</v>
      </c>
      <c r="BE91" s="47">
        <v>31204</v>
      </c>
      <c r="BF91" s="48">
        <v>17284</v>
      </c>
      <c r="BG91" s="47">
        <v>37</v>
      </c>
      <c r="BH91" s="47">
        <v>17321</v>
      </c>
      <c r="BI91" s="48">
        <v>7174</v>
      </c>
      <c r="BJ91" s="47">
        <v>10</v>
      </c>
      <c r="BK91" s="47">
        <v>7184</v>
      </c>
      <c r="BL91" s="48">
        <v>1932</v>
      </c>
      <c r="BM91" s="47">
        <v>6</v>
      </c>
      <c r="BN91" s="47">
        <v>1938</v>
      </c>
      <c r="BO91" s="48">
        <v>314</v>
      </c>
      <c r="BP91" s="47">
        <v>0</v>
      </c>
      <c r="BQ91" s="49">
        <v>314</v>
      </c>
    </row>
    <row r="92" spans="1:69" x14ac:dyDescent="0.15">
      <c r="A92" s="52"/>
      <c r="B92" s="20" t="s">
        <v>29</v>
      </c>
      <c r="C92" s="77">
        <v>141518</v>
      </c>
      <c r="D92" s="36">
        <v>83279</v>
      </c>
      <c r="E92" s="37">
        <v>1747</v>
      </c>
      <c r="F92" s="38">
        <v>85026</v>
      </c>
      <c r="G92" s="51">
        <v>2567</v>
      </c>
      <c r="H92" s="51">
        <v>52</v>
      </c>
      <c r="I92" s="38">
        <v>2619</v>
      </c>
      <c r="J92" s="51">
        <v>3181</v>
      </c>
      <c r="K92" s="51">
        <v>45</v>
      </c>
      <c r="L92" s="38">
        <v>3226</v>
      </c>
      <c r="M92" s="75">
        <v>3570</v>
      </c>
      <c r="N92" s="75">
        <v>30</v>
      </c>
      <c r="O92" s="70">
        <v>3600</v>
      </c>
      <c r="P92" s="51">
        <v>3884</v>
      </c>
      <c r="Q92" s="51">
        <v>36</v>
      </c>
      <c r="R92" s="38">
        <v>3920</v>
      </c>
      <c r="S92" s="51">
        <v>4237</v>
      </c>
      <c r="T92" s="51">
        <v>302</v>
      </c>
      <c r="U92" s="38">
        <v>4539</v>
      </c>
      <c r="V92" s="51">
        <v>4061</v>
      </c>
      <c r="W92" s="51">
        <v>437</v>
      </c>
      <c r="X92" s="38">
        <v>4498</v>
      </c>
      <c r="Y92" s="51">
        <v>4305</v>
      </c>
      <c r="Z92" s="51">
        <v>246</v>
      </c>
      <c r="AA92" s="38">
        <v>4551</v>
      </c>
      <c r="AB92" s="51">
        <v>4964</v>
      </c>
      <c r="AC92" s="51">
        <v>155</v>
      </c>
      <c r="AD92" s="38">
        <v>5119</v>
      </c>
      <c r="AE92" s="51">
        <v>5698</v>
      </c>
      <c r="AF92" s="51">
        <v>100</v>
      </c>
      <c r="AG92" s="38">
        <v>5798</v>
      </c>
      <c r="AH92" s="51">
        <v>7227</v>
      </c>
      <c r="AI92" s="51">
        <v>83</v>
      </c>
      <c r="AJ92" s="38">
        <v>7310</v>
      </c>
      <c r="AK92" s="51">
        <v>6998</v>
      </c>
      <c r="AL92" s="51">
        <v>88</v>
      </c>
      <c r="AM92" s="38">
        <v>7086</v>
      </c>
      <c r="AN92" s="51">
        <v>5511</v>
      </c>
      <c r="AO92" s="51">
        <v>76</v>
      </c>
      <c r="AP92" s="38">
        <v>5587</v>
      </c>
      <c r="AQ92" s="51">
        <v>4816</v>
      </c>
      <c r="AR92" s="51">
        <v>41</v>
      </c>
      <c r="AS92" s="38">
        <v>4857</v>
      </c>
      <c r="AT92" s="51">
        <v>5104</v>
      </c>
      <c r="AU92" s="51">
        <v>23</v>
      </c>
      <c r="AV92" s="38">
        <v>5127</v>
      </c>
      <c r="AW92" s="51">
        <v>6747</v>
      </c>
      <c r="AX92" s="51">
        <v>17</v>
      </c>
      <c r="AY92" s="38">
        <v>6764</v>
      </c>
      <c r="AZ92" s="51">
        <v>4848</v>
      </c>
      <c r="BA92" s="51">
        <v>6</v>
      </c>
      <c r="BB92" s="38">
        <v>4854</v>
      </c>
      <c r="BC92" s="51">
        <v>3459</v>
      </c>
      <c r="BD92" s="51">
        <v>5</v>
      </c>
      <c r="BE92" s="38">
        <v>3464</v>
      </c>
      <c r="BF92" s="51">
        <v>1491</v>
      </c>
      <c r="BG92" s="51">
        <v>5</v>
      </c>
      <c r="BH92" s="38">
        <v>1496</v>
      </c>
      <c r="BI92" s="51">
        <v>508</v>
      </c>
      <c r="BJ92" s="51">
        <v>0</v>
      </c>
      <c r="BK92" s="38">
        <v>508</v>
      </c>
      <c r="BL92" s="51">
        <v>93</v>
      </c>
      <c r="BM92" s="51">
        <v>0</v>
      </c>
      <c r="BN92" s="38">
        <v>93</v>
      </c>
      <c r="BO92" s="51">
        <v>10</v>
      </c>
      <c r="BP92" s="51">
        <v>0</v>
      </c>
      <c r="BQ92" s="40">
        <v>10</v>
      </c>
    </row>
    <row r="93" spans="1:69" x14ac:dyDescent="0.15">
      <c r="A93" s="52" t="s">
        <v>46</v>
      </c>
      <c r="B93" s="25" t="s">
        <v>31</v>
      </c>
      <c r="C93" s="78"/>
      <c r="D93" s="41">
        <v>81849</v>
      </c>
      <c r="E93" s="39">
        <v>1819</v>
      </c>
      <c r="F93" s="42">
        <v>83668</v>
      </c>
      <c r="G93" s="51">
        <v>2507</v>
      </c>
      <c r="H93" s="51">
        <v>56</v>
      </c>
      <c r="I93" s="42">
        <v>2563</v>
      </c>
      <c r="J93" s="51">
        <v>3112</v>
      </c>
      <c r="K93" s="51">
        <v>47</v>
      </c>
      <c r="L93" s="42">
        <v>3159</v>
      </c>
      <c r="M93" s="75">
        <v>3518</v>
      </c>
      <c r="N93" s="75">
        <v>35</v>
      </c>
      <c r="O93" s="72">
        <v>3553</v>
      </c>
      <c r="P93" s="51">
        <v>3690</v>
      </c>
      <c r="Q93" s="51">
        <v>34</v>
      </c>
      <c r="R93" s="42">
        <v>3724</v>
      </c>
      <c r="S93" s="51">
        <v>4034</v>
      </c>
      <c r="T93" s="51">
        <v>356</v>
      </c>
      <c r="U93" s="42">
        <v>4390</v>
      </c>
      <c r="V93" s="51">
        <v>3683</v>
      </c>
      <c r="W93" s="51">
        <v>273</v>
      </c>
      <c r="X93" s="42">
        <v>3956</v>
      </c>
      <c r="Y93" s="51">
        <v>3590</v>
      </c>
      <c r="Z93" s="51">
        <v>200</v>
      </c>
      <c r="AA93" s="42">
        <v>3790</v>
      </c>
      <c r="AB93" s="51">
        <v>4345</v>
      </c>
      <c r="AC93" s="51">
        <v>129</v>
      </c>
      <c r="AD93" s="42">
        <v>4474</v>
      </c>
      <c r="AE93" s="51">
        <v>5245</v>
      </c>
      <c r="AF93" s="51">
        <v>155</v>
      </c>
      <c r="AG93" s="42">
        <v>5400</v>
      </c>
      <c r="AH93" s="51">
        <v>6331</v>
      </c>
      <c r="AI93" s="51">
        <v>141</v>
      </c>
      <c r="AJ93" s="42">
        <v>6472</v>
      </c>
      <c r="AK93" s="51">
        <v>6272</v>
      </c>
      <c r="AL93" s="51">
        <v>146</v>
      </c>
      <c r="AM93" s="42">
        <v>6418</v>
      </c>
      <c r="AN93" s="51">
        <v>5058</v>
      </c>
      <c r="AO93" s="51">
        <v>111</v>
      </c>
      <c r="AP93" s="42">
        <v>5169</v>
      </c>
      <c r="AQ93" s="51">
        <v>4532</v>
      </c>
      <c r="AR93" s="51">
        <v>62</v>
      </c>
      <c r="AS93" s="42">
        <v>4594</v>
      </c>
      <c r="AT93" s="51">
        <v>5418</v>
      </c>
      <c r="AU93" s="51">
        <v>36</v>
      </c>
      <c r="AV93" s="42">
        <v>5454</v>
      </c>
      <c r="AW93" s="51">
        <v>7368</v>
      </c>
      <c r="AX93" s="51">
        <v>13</v>
      </c>
      <c r="AY93" s="42">
        <v>7381</v>
      </c>
      <c r="AZ93" s="51">
        <v>5309</v>
      </c>
      <c r="BA93" s="51">
        <v>13</v>
      </c>
      <c r="BB93" s="42">
        <v>5322</v>
      </c>
      <c r="BC93" s="51">
        <v>3826</v>
      </c>
      <c r="BD93" s="51">
        <v>7</v>
      </c>
      <c r="BE93" s="42">
        <v>3833</v>
      </c>
      <c r="BF93" s="51">
        <v>2295</v>
      </c>
      <c r="BG93" s="51">
        <v>4</v>
      </c>
      <c r="BH93" s="42">
        <v>2299</v>
      </c>
      <c r="BI93" s="51">
        <v>1238</v>
      </c>
      <c r="BJ93" s="51">
        <v>0</v>
      </c>
      <c r="BK93" s="42">
        <v>1238</v>
      </c>
      <c r="BL93" s="51">
        <v>395</v>
      </c>
      <c r="BM93" s="51">
        <v>1</v>
      </c>
      <c r="BN93" s="42">
        <v>396</v>
      </c>
      <c r="BO93" s="51">
        <v>83</v>
      </c>
      <c r="BP93" s="51">
        <v>0</v>
      </c>
      <c r="BQ93" s="43">
        <v>83</v>
      </c>
    </row>
    <row r="94" spans="1:69" ht="15" thickBot="1" x14ac:dyDescent="0.2">
      <c r="A94" s="53"/>
      <c r="B94" s="31" t="s">
        <v>32</v>
      </c>
      <c r="C94" s="79"/>
      <c r="D94" s="45">
        <v>165128</v>
      </c>
      <c r="E94" s="46">
        <v>3566</v>
      </c>
      <c r="F94" s="47">
        <v>168694</v>
      </c>
      <c r="G94" s="48">
        <v>5074</v>
      </c>
      <c r="H94" s="47">
        <v>108</v>
      </c>
      <c r="I94" s="47">
        <v>5182</v>
      </c>
      <c r="J94" s="48">
        <v>6293</v>
      </c>
      <c r="K94" s="47">
        <v>92</v>
      </c>
      <c r="L94" s="47">
        <v>6385</v>
      </c>
      <c r="M94" s="74">
        <v>7088</v>
      </c>
      <c r="N94" s="73">
        <v>65</v>
      </c>
      <c r="O94" s="73">
        <v>7153</v>
      </c>
      <c r="P94" s="48">
        <v>7574</v>
      </c>
      <c r="Q94" s="47">
        <v>70</v>
      </c>
      <c r="R94" s="47">
        <v>7644</v>
      </c>
      <c r="S94" s="48">
        <v>8271</v>
      </c>
      <c r="T94" s="47">
        <v>658</v>
      </c>
      <c r="U94" s="47">
        <v>8929</v>
      </c>
      <c r="V94" s="48">
        <v>7744</v>
      </c>
      <c r="W94" s="47">
        <v>710</v>
      </c>
      <c r="X94" s="47">
        <v>8454</v>
      </c>
      <c r="Y94" s="48">
        <v>7895</v>
      </c>
      <c r="Z94" s="47">
        <v>446</v>
      </c>
      <c r="AA94" s="47">
        <v>8341</v>
      </c>
      <c r="AB94" s="48">
        <v>9309</v>
      </c>
      <c r="AC94" s="47">
        <v>284</v>
      </c>
      <c r="AD94" s="47">
        <v>9593</v>
      </c>
      <c r="AE94" s="48">
        <v>10943</v>
      </c>
      <c r="AF94" s="47">
        <v>255</v>
      </c>
      <c r="AG94" s="47">
        <v>11198</v>
      </c>
      <c r="AH94" s="48">
        <v>13558</v>
      </c>
      <c r="AI94" s="47">
        <v>224</v>
      </c>
      <c r="AJ94" s="47">
        <v>13782</v>
      </c>
      <c r="AK94" s="48">
        <v>13270</v>
      </c>
      <c r="AL94" s="47">
        <v>234</v>
      </c>
      <c r="AM94" s="47">
        <v>13504</v>
      </c>
      <c r="AN94" s="48">
        <v>10569</v>
      </c>
      <c r="AO94" s="47">
        <v>187</v>
      </c>
      <c r="AP94" s="47">
        <v>10756</v>
      </c>
      <c r="AQ94" s="48">
        <v>9348</v>
      </c>
      <c r="AR94" s="47">
        <v>103</v>
      </c>
      <c r="AS94" s="47">
        <v>9451</v>
      </c>
      <c r="AT94" s="48">
        <v>10522</v>
      </c>
      <c r="AU94" s="47">
        <v>59</v>
      </c>
      <c r="AV94" s="47">
        <v>10581</v>
      </c>
      <c r="AW94" s="48">
        <v>14115</v>
      </c>
      <c r="AX94" s="47">
        <v>30</v>
      </c>
      <c r="AY94" s="47">
        <v>14145</v>
      </c>
      <c r="AZ94" s="48">
        <v>10157</v>
      </c>
      <c r="BA94" s="47">
        <v>19</v>
      </c>
      <c r="BB94" s="47">
        <v>10176</v>
      </c>
      <c r="BC94" s="48">
        <v>7285</v>
      </c>
      <c r="BD94" s="47">
        <v>12</v>
      </c>
      <c r="BE94" s="47">
        <v>7297</v>
      </c>
      <c r="BF94" s="48">
        <v>3786</v>
      </c>
      <c r="BG94" s="47">
        <v>9</v>
      </c>
      <c r="BH94" s="47">
        <v>3795</v>
      </c>
      <c r="BI94" s="48">
        <v>1746</v>
      </c>
      <c r="BJ94" s="47">
        <v>0</v>
      </c>
      <c r="BK94" s="47">
        <v>1746</v>
      </c>
      <c r="BL94" s="48">
        <v>488</v>
      </c>
      <c r="BM94" s="47">
        <v>1</v>
      </c>
      <c r="BN94" s="47">
        <v>489</v>
      </c>
      <c r="BO94" s="48">
        <v>93</v>
      </c>
      <c r="BP94" s="47">
        <v>0</v>
      </c>
      <c r="BQ94" s="49">
        <v>93</v>
      </c>
    </row>
    <row r="95" spans="1:69" x14ac:dyDescent="0.15">
      <c r="A95" s="52"/>
      <c r="B95" s="20" t="s">
        <v>29</v>
      </c>
      <c r="C95" s="77">
        <v>141526</v>
      </c>
      <c r="D95" s="36">
        <v>134391</v>
      </c>
      <c r="E95" s="37">
        <v>2895</v>
      </c>
      <c r="F95" s="38">
        <v>137286</v>
      </c>
      <c r="G95" s="51">
        <v>4693</v>
      </c>
      <c r="H95" s="51">
        <v>107</v>
      </c>
      <c r="I95" s="38">
        <v>4800</v>
      </c>
      <c r="J95" s="51">
        <v>5705</v>
      </c>
      <c r="K95" s="51">
        <v>116</v>
      </c>
      <c r="L95" s="38">
        <v>5821</v>
      </c>
      <c r="M95" s="75">
        <v>5966</v>
      </c>
      <c r="N95" s="75">
        <v>80</v>
      </c>
      <c r="O95" s="70">
        <v>6046</v>
      </c>
      <c r="P95" s="51">
        <v>6274</v>
      </c>
      <c r="Q95" s="51">
        <v>79</v>
      </c>
      <c r="R95" s="38">
        <v>6353</v>
      </c>
      <c r="S95" s="51">
        <v>7114</v>
      </c>
      <c r="T95" s="51">
        <v>415</v>
      </c>
      <c r="U95" s="38">
        <v>7529</v>
      </c>
      <c r="V95" s="51">
        <v>7246</v>
      </c>
      <c r="W95" s="51">
        <v>484</v>
      </c>
      <c r="X95" s="38">
        <v>7730</v>
      </c>
      <c r="Y95" s="51">
        <v>7185</v>
      </c>
      <c r="Z95" s="51">
        <v>396</v>
      </c>
      <c r="AA95" s="38">
        <v>7581</v>
      </c>
      <c r="AB95" s="51">
        <v>8270</v>
      </c>
      <c r="AC95" s="51">
        <v>285</v>
      </c>
      <c r="AD95" s="38">
        <v>8555</v>
      </c>
      <c r="AE95" s="51">
        <v>9495</v>
      </c>
      <c r="AF95" s="51">
        <v>230</v>
      </c>
      <c r="AG95" s="38">
        <v>9725</v>
      </c>
      <c r="AH95" s="51">
        <v>12012</v>
      </c>
      <c r="AI95" s="51">
        <v>157</v>
      </c>
      <c r="AJ95" s="38">
        <v>12169</v>
      </c>
      <c r="AK95" s="51">
        <v>12269</v>
      </c>
      <c r="AL95" s="51">
        <v>170</v>
      </c>
      <c r="AM95" s="38">
        <v>12439</v>
      </c>
      <c r="AN95" s="51">
        <v>9556</v>
      </c>
      <c r="AO95" s="51">
        <v>141</v>
      </c>
      <c r="AP95" s="38">
        <v>9697</v>
      </c>
      <c r="AQ95" s="51">
        <v>7509</v>
      </c>
      <c r="AR95" s="51">
        <v>103</v>
      </c>
      <c r="AS95" s="38">
        <v>7612</v>
      </c>
      <c r="AT95" s="51">
        <v>7417</v>
      </c>
      <c r="AU95" s="51">
        <v>55</v>
      </c>
      <c r="AV95" s="38">
        <v>7472</v>
      </c>
      <c r="AW95" s="51">
        <v>8697</v>
      </c>
      <c r="AX95" s="51">
        <v>37</v>
      </c>
      <c r="AY95" s="38">
        <v>8734</v>
      </c>
      <c r="AZ95" s="51">
        <v>6542</v>
      </c>
      <c r="BA95" s="51">
        <v>20</v>
      </c>
      <c r="BB95" s="38">
        <v>6562</v>
      </c>
      <c r="BC95" s="51">
        <v>5215</v>
      </c>
      <c r="BD95" s="51">
        <v>10</v>
      </c>
      <c r="BE95" s="38">
        <v>5225</v>
      </c>
      <c r="BF95" s="51">
        <v>2397</v>
      </c>
      <c r="BG95" s="51">
        <v>6</v>
      </c>
      <c r="BH95" s="38">
        <v>2403</v>
      </c>
      <c r="BI95" s="51">
        <v>693</v>
      </c>
      <c r="BJ95" s="51">
        <v>3</v>
      </c>
      <c r="BK95" s="38">
        <v>696</v>
      </c>
      <c r="BL95" s="51">
        <v>123</v>
      </c>
      <c r="BM95" s="51">
        <v>1</v>
      </c>
      <c r="BN95" s="38">
        <v>124</v>
      </c>
      <c r="BO95" s="51">
        <v>13</v>
      </c>
      <c r="BP95" s="51">
        <v>0</v>
      </c>
      <c r="BQ95" s="40">
        <v>13</v>
      </c>
    </row>
    <row r="96" spans="1:69" x14ac:dyDescent="0.15">
      <c r="A96" s="52" t="s">
        <v>61</v>
      </c>
      <c r="B96" s="25" t="s">
        <v>31</v>
      </c>
      <c r="C96" s="78"/>
      <c r="D96" s="41">
        <v>131604</v>
      </c>
      <c r="E96" s="39">
        <v>3149</v>
      </c>
      <c r="F96" s="42">
        <v>134753</v>
      </c>
      <c r="G96" s="51">
        <v>4557</v>
      </c>
      <c r="H96" s="51">
        <v>84</v>
      </c>
      <c r="I96" s="42">
        <v>4641</v>
      </c>
      <c r="J96" s="51">
        <v>5245</v>
      </c>
      <c r="K96" s="51">
        <v>95</v>
      </c>
      <c r="L96" s="42">
        <v>5340</v>
      </c>
      <c r="M96" s="75">
        <v>5724</v>
      </c>
      <c r="N96" s="75">
        <v>90</v>
      </c>
      <c r="O96" s="72">
        <v>5814</v>
      </c>
      <c r="P96" s="51">
        <v>6008</v>
      </c>
      <c r="Q96" s="51">
        <v>69</v>
      </c>
      <c r="R96" s="42">
        <v>6077</v>
      </c>
      <c r="S96" s="51">
        <v>6867</v>
      </c>
      <c r="T96" s="51">
        <v>327</v>
      </c>
      <c r="U96" s="42">
        <v>7194</v>
      </c>
      <c r="V96" s="51">
        <v>6793</v>
      </c>
      <c r="W96" s="51">
        <v>315</v>
      </c>
      <c r="X96" s="42">
        <v>7108</v>
      </c>
      <c r="Y96" s="51">
        <v>6660</v>
      </c>
      <c r="Z96" s="51">
        <v>295</v>
      </c>
      <c r="AA96" s="42">
        <v>6955</v>
      </c>
      <c r="AB96" s="51">
        <v>7454</v>
      </c>
      <c r="AC96" s="51">
        <v>323</v>
      </c>
      <c r="AD96" s="42">
        <v>7777</v>
      </c>
      <c r="AE96" s="51">
        <v>8429</v>
      </c>
      <c r="AF96" s="51">
        <v>335</v>
      </c>
      <c r="AG96" s="42">
        <v>8764</v>
      </c>
      <c r="AH96" s="51">
        <v>10513</v>
      </c>
      <c r="AI96" s="51">
        <v>305</v>
      </c>
      <c r="AJ96" s="42">
        <v>10818</v>
      </c>
      <c r="AK96" s="51">
        <v>10742</v>
      </c>
      <c r="AL96" s="51">
        <v>320</v>
      </c>
      <c r="AM96" s="42">
        <v>11062</v>
      </c>
      <c r="AN96" s="51">
        <v>8429</v>
      </c>
      <c r="AO96" s="51">
        <v>247</v>
      </c>
      <c r="AP96" s="42">
        <v>8676</v>
      </c>
      <c r="AQ96" s="51">
        <v>7004</v>
      </c>
      <c r="AR96" s="51">
        <v>149</v>
      </c>
      <c r="AS96" s="42">
        <v>7153</v>
      </c>
      <c r="AT96" s="51">
        <v>7182</v>
      </c>
      <c r="AU96" s="51">
        <v>91</v>
      </c>
      <c r="AV96" s="42">
        <v>7273</v>
      </c>
      <c r="AW96" s="51">
        <v>9908</v>
      </c>
      <c r="AX96" s="51">
        <v>48</v>
      </c>
      <c r="AY96" s="42">
        <v>9956</v>
      </c>
      <c r="AZ96" s="51">
        <v>7993</v>
      </c>
      <c r="BA96" s="51">
        <v>29</v>
      </c>
      <c r="BB96" s="42">
        <v>8022</v>
      </c>
      <c r="BC96" s="51">
        <v>6162</v>
      </c>
      <c r="BD96" s="51">
        <v>16</v>
      </c>
      <c r="BE96" s="42">
        <v>6178</v>
      </c>
      <c r="BF96" s="51">
        <v>3672</v>
      </c>
      <c r="BG96" s="51">
        <v>7</v>
      </c>
      <c r="BH96" s="42">
        <v>3679</v>
      </c>
      <c r="BI96" s="51">
        <v>1681</v>
      </c>
      <c r="BJ96" s="51">
        <v>2</v>
      </c>
      <c r="BK96" s="42">
        <v>1683</v>
      </c>
      <c r="BL96" s="51">
        <v>501</v>
      </c>
      <c r="BM96" s="51">
        <v>2</v>
      </c>
      <c r="BN96" s="42">
        <v>503</v>
      </c>
      <c r="BO96" s="51">
        <v>80</v>
      </c>
      <c r="BP96" s="51">
        <v>0</v>
      </c>
      <c r="BQ96" s="43">
        <v>80</v>
      </c>
    </row>
    <row r="97" spans="1:69" ht="15" thickBot="1" x14ac:dyDescent="0.2">
      <c r="A97" s="53"/>
      <c r="B97" s="31" t="s">
        <v>32</v>
      </c>
      <c r="C97" s="79"/>
      <c r="D97" s="45">
        <v>265995</v>
      </c>
      <c r="E97" s="46">
        <v>6044</v>
      </c>
      <c r="F97" s="47">
        <v>272039</v>
      </c>
      <c r="G97" s="48">
        <v>9250</v>
      </c>
      <c r="H97" s="47">
        <v>191</v>
      </c>
      <c r="I97" s="47">
        <v>9441</v>
      </c>
      <c r="J97" s="48">
        <v>10950</v>
      </c>
      <c r="K97" s="47">
        <v>211</v>
      </c>
      <c r="L97" s="47">
        <v>11161</v>
      </c>
      <c r="M97" s="74">
        <v>11690</v>
      </c>
      <c r="N97" s="73">
        <v>170</v>
      </c>
      <c r="O97" s="73">
        <v>11860</v>
      </c>
      <c r="P97" s="48">
        <v>12282</v>
      </c>
      <c r="Q97" s="47">
        <v>148</v>
      </c>
      <c r="R97" s="47">
        <v>12430</v>
      </c>
      <c r="S97" s="48">
        <v>13981</v>
      </c>
      <c r="T97" s="47">
        <v>742</v>
      </c>
      <c r="U97" s="47">
        <v>14723</v>
      </c>
      <c r="V97" s="48">
        <v>14039</v>
      </c>
      <c r="W97" s="47">
        <v>799</v>
      </c>
      <c r="X97" s="47">
        <v>14838</v>
      </c>
      <c r="Y97" s="48">
        <v>13845</v>
      </c>
      <c r="Z97" s="47">
        <v>691</v>
      </c>
      <c r="AA97" s="47">
        <v>14536</v>
      </c>
      <c r="AB97" s="48">
        <v>15724</v>
      </c>
      <c r="AC97" s="47">
        <v>608</v>
      </c>
      <c r="AD97" s="47">
        <v>16332</v>
      </c>
      <c r="AE97" s="48">
        <v>17924</v>
      </c>
      <c r="AF97" s="47">
        <v>565</v>
      </c>
      <c r="AG97" s="47">
        <v>18489</v>
      </c>
      <c r="AH97" s="48">
        <v>22525</v>
      </c>
      <c r="AI97" s="47">
        <v>462</v>
      </c>
      <c r="AJ97" s="47">
        <v>22987</v>
      </c>
      <c r="AK97" s="48">
        <v>23011</v>
      </c>
      <c r="AL97" s="47">
        <v>490</v>
      </c>
      <c r="AM97" s="47">
        <v>23501</v>
      </c>
      <c r="AN97" s="48">
        <v>17985</v>
      </c>
      <c r="AO97" s="47">
        <v>388</v>
      </c>
      <c r="AP97" s="47">
        <v>18373</v>
      </c>
      <c r="AQ97" s="48">
        <v>14513</v>
      </c>
      <c r="AR97" s="47">
        <v>252</v>
      </c>
      <c r="AS97" s="47">
        <v>14765</v>
      </c>
      <c r="AT97" s="48">
        <v>14599</v>
      </c>
      <c r="AU97" s="47">
        <v>146</v>
      </c>
      <c r="AV97" s="47">
        <v>14745</v>
      </c>
      <c r="AW97" s="48">
        <v>18605</v>
      </c>
      <c r="AX97" s="47">
        <v>85</v>
      </c>
      <c r="AY97" s="47">
        <v>18690</v>
      </c>
      <c r="AZ97" s="48">
        <v>14535</v>
      </c>
      <c r="BA97" s="47">
        <v>49</v>
      </c>
      <c r="BB97" s="47">
        <v>14584</v>
      </c>
      <c r="BC97" s="48">
        <v>11377</v>
      </c>
      <c r="BD97" s="47">
        <v>26</v>
      </c>
      <c r="BE97" s="47">
        <v>11403</v>
      </c>
      <c r="BF97" s="48">
        <v>6069</v>
      </c>
      <c r="BG97" s="47">
        <v>13</v>
      </c>
      <c r="BH97" s="47">
        <v>6082</v>
      </c>
      <c r="BI97" s="48">
        <v>2374</v>
      </c>
      <c r="BJ97" s="47">
        <v>5</v>
      </c>
      <c r="BK97" s="47">
        <v>2379</v>
      </c>
      <c r="BL97" s="48">
        <v>624</v>
      </c>
      <c r="BM97" s="47">
        <v>3</v>
      </c>
      <c r="BN97" s="47">
        <v>627</v>
      </c>
      <c r="BO97" s="48">
        <v>93</v>
      </c>
      <c r="BP97" s="47">
        <v>0</v>
      </c>
      <c r="BQ97" s="49">
        <v>93</v>
      </c>
    </row>
    <row r="98" spans="1:69" x14ac:dyDescent="0.15">
      <c r="A98" s="52"/>
      <c r="B98" s="20" t="s">
        <v>29</v>
      </c>
      <c r="C98" s="77">
        <v>141534</v>
      </c>
      <c r="D98" s="36">
        <v>135307</v>
      </c>
      <c r="E98" s="37">
        <v>2996</v>
      </c>
      <c r="F98" s="38">
        <v>138303</v>
      </c>
      <c r="G98" s="51">
        <v>4807</v>
      </c>
      <c r="H98" s="51">
        <v>110</v>
      </c>
      <c r="I98" s="38">
        <v>4917</v>
      </c>
      <c r="J98" s="51">
        <v>5375</v>
      </c>
      <c r="K98" s="51">
        <v>104</v>
      </c>
      <c r="L98" s="38">
        <v>5479</v>
      </c>
      <c r="M98" s="75">
        <v>5798</v>
      </c>
      <c r="N98" s="75">
        <v>85</v>
      </c>
      <c r="O98" s="70">
        <v>5883</v>
      </c>
      <c r="P98" s="51">
        <v>5751</v>
      </c>
      <c r="Q98" s="51">
        <v>64</v>
      </c>
      <c r="R98" s="38">
        <v>5815</v>
      </c>
      <c r="S98" s="51">
        <v>7048</v>
      </c>
      <c r="T98" s="51">
        <v>309</v>
      </c>
      <c r="U98" s="38">
        <v>7357</v>
      </c>
      <c r="V98" s="51">
        <v>7720</v>
      </c>
      <c r="W98" s="51">
        <v>566</v>
      </c>
      <c r="X98" s="38">
        <v>8286</v>
      </c>
      <c r="Y98" s="51">
        <v>7720</v>
      </c>
      <c r="Z98" s="51">
        <v>460</v>
      </c>
      <c r="AA98" s="38">
        <v>8180</v>
      </c>
      <c r="AB98" s="51">
        <v>8560</v>
      </c>
      <c r="AC98" s="51">
        <v>319</v>
      </c>
      <c r="AD98" s="38">
        <v>8879</v>
      </c>
      <c r="AE98" s="51">
        <v>9824</v>
      </c>
      <c r="AF98" s="51">
        <v>246</v>
      </c>
      <c r="AG98" s="38">
        <v>10070</v>
      </c>
      <c r="AH98" s="51">
        <v>11544</v>
      </c>
      <c r="AI98" s="51">
        <v>190</v>
      </c>
      <c r="AJ98" s="38">
        <v>11734</v>
      </c>
      <c r="AK98" s="51">
        <v>12174</v>
      </c>
      <c r="AL98" s="51">
        <v>179</v>
      </c>
      <c r="AM98" s="38">
        <v>12353</v>
      </c>
      <c r="AN98" s="51">
        <v>9597</v>
      </c>
      <c r="AO98" s="51">
        <v>147</v>
      </c>
      <c r="AP98" s="38">
        <v>9744</v>
      </c>
      <c r="AQ98" s="51">
        <v>7715</v>
      </c>
      <c r="AR98" s="51">
        <v>93</v>
      </c>
      <c r="AS98" s="38">
        <v>7808</v>
      </c>
      <c r="AT98" s="51">
        <v>7023</v>
      </c>
      <c r="AU98" s="51">
        <v>58</v>
      </c>
      <c r="AV98" s="38">
        <v>7081</v>
      </c>
      <c r="AW98" s="51">
        <v>8673</v>
      </c>
      <c r="AX98" s="51">
        <v>36</v>
      </c>
      <c r="AY98" s="38">
        <v>8709</v>
      </c>
      <c r="AZ98" s="51">
        <v>6316</v>
      </c>
      <c r="BA98" s="51">
        <v>17</v>
      </c>
      <c r="BB98" s="38">
        <v>6333</v>
      </c>
      <c r="BC98" s="51">
        <v>5481</v>
      </c>
      <c r="BD98" s="51">
        <v>8</v>
      </c>
      <c r="BE98" s="38">
        <v>5489</v>
      </c>
      <c r="BF98" s="51">
        <v>2978</v>
      </c>
      <c r="BG98" s="51">
        <v>5</v>
      </c>
      <c r="BH98" s="38">
        <v>2983</v>
      </c>
      <c r="BI98" s="51">
        <v>1022</v>
      </c>
      <c r="BJ98" s="51">
        <v>0</v>
      </c>
      <c r="BK98" s="38">
        <v>1022</v>
      </c>
      <c r="BL98" s="51">
        <v>164</v>
      </c>
      <c r="BM98" s="51">
        <v>0</v>
      </c>
      <c r="BN98" s="38">
        <v>164</v>
      </c>
      <c r="BO98" s="51">
        <v>17</v>
      </c>
      <c r="BP98" s="51">
        <v>0</v>
      </c>
      <c r="BQ98" s="40">
        <v>17</v>
      </c>
    </row>
    <row r="99" spans="1:69" x14ac:dyDescent="0.15">
      <c r="A99" s="52" t="s">
        <v>38</v>
      </c>
      <c r="B99" s="25" t="s">
        <v>31</v>
      </c>
      <c r="C99" s="78"/>
      <c r="D99" s="41">
        <v>136896</v>
      </c>
      <c r="E99" s="39">
        <v>3180</v>
      </c>
      <c r="F99" s="42">
        <v>140076</v>
      </c>
      <c r="G99" s="51">
        <v>4702</v>
      </c>
      <c r="H99" s="51">
        <v>122</v>
      </c>
      <c r="I99" s="42">
        <v>4824</v>
      </c>
      <c r="J99" s="51">
        <v>5034</v>
      </c>
      <c r="K99" s="51">
        <v>103</v>
      </c>
      <c r="L99" s="42">
        <v>5137</v>
      </c>
      <c r="M99" s="75">
        <v>5481</v>
      </c>
      <c r="N99" s="75">
        <v>48</v>
      </c>
      <c r="O99" s="72">
        <v>5529</v>
      </c>
      <c r="P99" s="51">
        <v>5590</v>
      </c>
      <c r="Q99" s="51">
        <v>61</v>
      </c>
      <c r="R99" s="42">
        <v>5651</v>
      </c>
      <c r="S99" s="51">
        <v>7321</v>
      </c>
      <c r="T99" s="51">
        <v>384</v>
      </c>
      <c r="U99" s="42">
        <v>7705</v>
      </c>
      <c r="V99" s="51">
        <v>7646</v>
      </c>
      <c r="W99" s="51">
        <v>573</v>
      </c>
      <c r="X99" s="42">
        <v>8219</v>
      </c>
      <c r="Y99" s="51">
        <v>7136</v>
      </c>
      <c r="Z99" s="51">
        <v>369</v>
      </c>
      <c r="AA99" s="42">
        <v>7505</v>
      </c>
      <c r="AB99" s="51">
        <v>7800</v>
      </c>
      <c r="AC99" s="51">
        <v>288</v>
      </c>
      <c r="AD99" s="42">
        <v>8088</v>
      </c>
      <c r="AE99" s="51">
        <v>8830</v>
      </c>
      <c r="AF99" s="51">
        <v>268</v>
      </c>
      <c r="AG99" s="42">
        <v>9098</v>
      </c>
      <c r="AH99" s="51">
        <v>10701</v>
      </c>
      <c r="AI99" s="51">
        <v>236</v>
      </c>
      <c r="AJ99" s="42">
        <v>10937</v>
      </c>
      <c r="AK99" s="51">
        <v>11045</v>
      </c>
      <c r="AL99" s="51">
        <v>252</v>
      </c>
      <c r="AM99" s="42">
        <v>11297</v>
      </c>
      <c r="AN99" s="51">
        <v>8768</v>
      </c>
      <c r="AO99" s="51">
        <v>175</v>
      </c>
      <c r="AP99" s="42">
        <v>8943</v>
      </c>
      <c r="AQ99" s="51">
        <v>7178</v>
      </c>
      <c r="AR99" s="51">
        <v>138</v>
      </c>
      <c r="AS99" s="42">
        <v>7316</v>
      </c>
      <c r="AT99" s="51">
        <v>7295</v>
      </c>
      <c r="AU99" s="51">
        <v>69</v>
      </c>
      <c r="AV99" s="42">
        <v>7364</v>
      </c>
      <c r="AW99" s="51">
        <v>9921</v>
      </c>
      <c r="AX99" s="51">
        <v>44</v>
      </c>
      <c r="AY99" s="42">
        <v>9965</v>
      </c>
      <c r="AZ99" s="51">
        <v>8195</v>
      </c>
      <c r="BA99" s="51">
        <v>21</v>
      </c>
      <c r="BB99" s="42">
        <v>8216</v>
      </c>
      <c r="BC99" s="51">
        <v>7003</v>
      </c>
      <c r="BD99" s="51">
        <v>12</v>
      </c>
      <c r="BE99" s="42">
        <v>7015</v>
      </c>
      <c r="BF99" s="51">
        <v>4451</v>
      </c>
      <c r="BG99" s="51">
        <v>10</v>
      </c>
      <c r="BH99" s="42">
        <v>4461</v>
      </c>
      <c r="BI99" s="51">
        <v>2032</v>
      </c>
      <c r="BJ99" s="51">
        <v>5</v>
      </c>
      <c r="BK99" s="42">
        <v>2037</v>
      </c>
      <c r="BL99" s="51">
        <v>656</v>
      </c>
      <c r="BM99" s="51">
        <v>2</v>
      </c>
      <c r="BN99" s="42">
        <v>658</v>
      </c>
      <c r="BO99" s="51">
        <v>111</v>
      </c>
      <c r="BP99" s="51">
        <v>0</v>
      </c>
      <c r="BQ99" s="43">
        <v>111</v>
      </c>
    </row>
    <row r="100" spans="1:69" ht="15" thickBot="1" x14ac:dyDescent="0.2">
      <c r="A100" s="53"/>
      <c r="B100" s="31" t="s">
        <v>32</v>
      </c>
      <c r="C100" s="79"/>
      <c r="D100" s="45">
        <v>272203</v>
      </c>
      <c r="E100" s="46">
        <v>6176</v>
      </c>
      <c r="F100" s="47">
        <v>278379</v>
      </c>
      <c r="G100" s="48">
        <v>9509</v>
      </c>
      <c r="H100" s="47">
        <v>232</v>
      </c>
      <c r="I100" s="47">
        <v>9741</v>
      </c>
      <c r="J100" s="48">
        <v>10409</v>
      </c>
      <c r="K100" s="47">
        <v>207</v>
      </c>
      <c r="L100" s="47">
        <v>10616</v>
      </c>
      <c r="M100" s="74">
        <v>11279</v>
      </c>
      <c r="N100" s="73">
        <v>133</v>
      </c>
      <c r="O100" s="73">
        <v>11412</v>
      </c>
      <c r="P100" s="48">
        <v>11341</v>
      </c>
      <c r="Q100" s="47">
        <v>125</v>
      </c>
      <c r="R100" s="47">
        <v>11466</v>
      </c>
      <c r="S100" s="48">
        <v>14369</v>
      </c>
      <c r="T100" s="47">
        <v>693</v>
      </c>
      <c r="U100" s="47">
        <v>15062</v>
      </c>
      <c r="V100" s="48">
        <v>15366</v>
      </c>
      <c r="W100" s="47">
        <v>1139</v>
      </c>
      <c r="X100" s="47">
        <v>16505</v>
      </c>
      <c r="Y100" s="48">
        <v>14856</v>
      </c>
      <c r="Z100" s="47">
        <v>829</v>
      </c>
      <c r="AA100" s="47">
        <v>15685</v>
      </c>
      <c r="AB100" s="48">
        <v>16360</v>
      </c>
      <c r="AC100" s="47">
        <v>607</v>
      </c>
      <c r="AD100" s="47">
        <v>16967</v>
      </c>
      <c r="AE100" s="48">
        <v>18654</v>
      </c>
      <c r="AF100" s="47">
        <v>514</v>
      </c>
      <c r="AG100" s="47">
        <v>19168</v>
      </c>
      <c r="AH100" s="48">
        <v>22245</v>
      </c>
      <c r="AI100" s="47">
        <v>426</v>
      </c>
      <c r="AJ100" s="47">
        <v>22671</v>
      </c>
      <c r="AK100" s="48">
        <v>23219</v>
      </c>
      <c r="AL100" s="47">
        <v>431</v>
      </c>
      <c r="AM100" s="47">
        <v>23650</v>
      </c>
      <c r="AN100" s="48">
        <v>18365</v>
      </c>
      <c r="AO100" s="47">
        <v>322</v>
      </c>
      <c r="AP100" s="47">
        <v>18687</v>
      </c>
      <c r="AQ100" s="48">
        <v>14893</v>
      </c>
      <c r="AR100" s="47">
        <v>231</v>
      </c>
      <c r="AS100" s="47">
        <v>15124</v>
      </c>
      <c r="AT100" s="48">
        <v>14318</v>
      </c>
      <c r="AU100" s="47">
        <v>127</v>
      </c>
      <c r="AV100" s="47">
        <v>14445</v>
      </c>
      <c r="AW100" s="48">
        <v>18594</v>
      </c>
      <c r="AX100" s="47">
        <v>80</v>
      </c>
      <c r="AY100" s="47">
        <v>18674</v>
      </c>
      <c r="AZ100" s="48">
        <v>14511</v>
      </c>
      <c r="BA100" s="47">
        <v>38</v>
      </c>
      <c r="BB100" s="47">
        <v>14549</v>
      </c>
      <c r="BC100" s="48">
        <v>12484</v>
      </c>
      <c r="BD100" s="47">
        <v>20</v>
      </c>
      <c r="BE100" s="47">
        <v>12504</v>
      </c>
      <c r="BF100" s="48">
        <v>7429</v>
      </c>
      <c r="BG100" s="47">
        <v>15</v>
      </c>
      <c r="BH100" s="47">
        <v>7444</v>
      </c>
      <c r="BI100" s="48">
        <v>3054</v>
      </c>
      <c r="BJ100" s="47">
        <v>5</v>
      </c>
      <c r="BK100" s="47">
        <v>3059</v>
      </c>
      <c r="BL100" s="48">
        <v>820</v>
      </c>
      <c r="BM100" s="47">
        <v>2</v>
      </c>
      <c r="BN100" s="47">
        <v>822</v>
      </c>
      <c r="BO100" s="48">
        <v>128</v>
      </c>
      <c r="BP100" s="47">
        <v>0</v>
      </c>
      <c r="BQ100" s="49">
        <v>128</v>
      </c>
    </row>
    <row r="101" spans="1:69" x14ac:dyDescent="0.15">
      <c r="A101" s="24"/>
      <c r="B101" s="20" t="s">
        <v>29</v>
      </c>
      <c r="C101" s="77">
        <v>142018</v>
      </c>
      <c r="D101" s="36">
        <v>193041</v>
      </c>
      <c r="E101" s="37">
        <v>2822</v>
      </c>
      <c r="F101" s="38">
        <v>195863</v>
      </c>
      <c r="G101" s="51">
        <v>5606</v>
      </c>
      <c r="H101" s="51">
        <v>91</v>
      </c>
      <c r="I101" s="38">
        <v>5697</v>
      </c>
      <c r="J101" s="51">
        <v>7066</v>
      </c>
      <c r="K101" s="51">
        <v>70</v>
      </c>
      <c r="L101" s="38">
        <v>7136</v>
      </c>
      <c r="M101" s="75">
        <v>7891</v>
      </c>
      <c r="N101" s="75">
        <v>74</v>
      </c>
      <c r="O101" s="70">
        <v>7965</v>
      </c>
      <c r="P101" s="51">
        <v>10414</v>
      </c>
      <c r="Q101" s="51">
        <v>85</v>
      </c>
      <c r="R101" s="38">
        <v>10499</v>
      </c>
      <c r="S101" s="51">
        <v>11298</v>
      </c>
      <c r="T101" s="51">
        <v>403</v>
      </c>
      <c r="U101" s="38">
        <v>11701</v>
      </c>
      <c r="V101" s="51">
        <v>8709</v>
      </c>
      <c r="W101" s="51">
        <v>498</v>
      </c>
      <c r="X101" s="38">
        <v>9207</v>
      </c>
      <c r="Y101" s="51">
        <v>8924</v>
      </c>
      <c r="Z101" s="51">
        <v>369</v>
      </c>
      <c r="AA101" s="38">
        <v>9293</v>
      </c>
      <c r="AB101" s="51">
        <v>10071</v>
      </c>
      <c r="AC101" s="51">
        <v>235</v>
      </c>
      <c r="AD101" s="38">
        <v>10306</v>
      </c>
      <c r="AE101" s="51">
        <v>11638</v>
      </c>
      <c r="AF101" s="51">
        <v>186</v>
      </c>
      <c r="AG101" s="38">
        <v>11824</v>
      </c>
      <c r="AH101" s="51">
        <v>15558</v>
      </c>
      <c r="AI101" s="51">
        <v>210</v>
      </c>
      <c r="AJ101" s="38">
        <v>15768</v>
      </c>
      <c r="AK101" s="51">
        <v>15863</v>
      </c>
      <c r="AL101" s="51">
        <v>159</v>
      </c>
      <c r="AM101" s="38">
        <v>16022</v>
      </c>
      <c r="AN101" s="51">
        <v>12644</v>
      </c>
      <c r="AO101" s="51">
        <v>140</v>
      </c>
      <c r="AP101" s="38">
        <v>12784</v>
      </c>
      <c r="AQ101" s="51">
        <v>11576</v>
      </c>
      <c r="AR101" s="51">
        <v>89</v>
      </c>
      <c r="AS101" s="38">
        <v>11665</v>
      </c>
      <c r="AT101" s="51">
        <v>12016</v>
      </c>
      <c r="AU101" s="51">
        <v>75</v>
      </c>
      <c r="AV101" s="38">
        <v>12091</v>
      </c>
      <c r="AW101" s="51">
        <v>15696</v>
      </c>
      <c r="AX101" s="51">
        <v>67</v>
      </c>
      <c r="AY101" s="38">
        <v>15763</v>
      </c>
      <c r="AZ101" s="51">
        <v>11656</v>
      </c>
      <c r="BA101" s="51">
        <v>37</v>
      </c>
      <c r="BB101" s="38">
        <v>11693</v>
      </c>
      <c r="BC101" s="51">
        <v>9162</v>
      </c>
      <c r="BD101" s="51">
        <v>21</v>
      </c>
      <c r="BE101" s="38">
        <v>9183</v>
      </c>
      <c r="BF101" s="51">
        <v>5165</v>
      </c>
      <c r="BG101" s="51">
        <v>9</v>
      </c>
      <c r="BH101" s="38">
        <v>5174</v>
      </c>
      <c r="BI101" s="51">
        <v>1721</v>
      </c>
      <c r="BJ101" s="51">
        <v>3</v>
      </c>
      <c r="BK101" s="38">
        <v>1724</v>
      </c>
      <c r="BL101" s="51">
        <v>334</v>
      </c>
      <c r="BM101" s="51">
        <v>1</v>
      </c>
      <c r="BN101" s="38">
        <v>335</v>
      </c>
      <c r="BO101" s="51">
        <v>33</v>
      </c>
      <c r="BP101" s="51">
        <v>0</v>
      </c>
      <c r="BQ101" s="40">
        <v>33</v>
      </c>
    </row>
    <row r="102" spans="1:69" x14ac:dyDescent="0.15">
      <c r="A102" s="24" t="s">
        <v>62</v>
      </c>
      <c r="B102" s="25" t="s">
        <v>31</v>
      </c>
      <c r="C102" s="78"/>
      <c r="D102" s="41">
        <v>193744</v>
      </c>
      <c r="E102" s="39">
        <v>3210</v>
      </c>
      <c r="F102" s="42">
        <v>196954</v>
      </c>
      <c r="G102" s="51">
        <v>5217</v>
      </c>
      <c r="H102" s="51">
        <v>95</v>
      </c>
      <c r="I102" s="42">
        <v>5312</v>
      </c>
      <c r="J102" s="51">
        <v>6752</v>
      </c>
      <c r="K102" s="51">
        <v>86</v>
      </c>
      <c r="L102" s="42">
        <v>6838</v>
      </c>
      <c r="M102" s="75">
        <v>7610</v>
      </c>
      <c r="N102" s="75">
        <v>77</v>
      </c>
      <c r="O102" s="72">
        <v>7687</v>
      </c>
      <c r="P102" s="51">
        <v>8402</v>
      </c>
      <c r="Q102" s="51">
        <v>76</v>
      </c>
      <c r="R102" s="42">
        <v>8478</v>
      </c>
      <c r="S102" s="51">
        <v>8801</v>
      </c>
      <c r="T102" s="51">
        <v>258</v>
      </c>
      <c r="U102" s="42">
        <v>9059</v>
      </c>
      <c r="V102" s="51">
        <v>7311</v>
      </c>
      <c r="W102" s="51">
        <v>275</v>
      </c>
      <c r="X102" s="42">
        <v>7586</v>
      </c>
      <c r="Y102" s="51">
        <v>7749</v>
      </c>
      <c r="Z102" s="51">
        <v>281</v>
      </c>
      <c r="AA102" s="42">
        <v>8030</v>
      </c>
      <c r="AB102" s="51">
        <v>9042</v>
      </c>
      <c r="AC102" s="51">
        <v>303</v>
      </c>
      <c r="AD102" s="42">
        <v>9345</v>
      </c>
      <c r="AE102" s="51">
        <v>10842</v>
      </c>
      <c r="AF102" s="51">
        <v>348</v>
      </c>
      <c r="AG102" s="42">
        <v>11190</v>
      </c>
      <c r="AH102" s="51">
        <v>14392</v>
      </c>
      <c r="AI102" s="51">
        <v>363</v>
      </c>
      <c r="AJ102" s="42">
        <v>14755</v>
      </c>
      <c r="AK102" s="51">
        <v>14601</v>
      </c>
      <c r="AL102" s="51">
        <v>367</v>
      </c>
      <c r="AM102" s="42">
        <v>14968</v>
      </c>
      <c r="AN102" s="51">
        <v>11962</v>
      </c>
      <c r="AO102" s="51">
        <v>247</v>
      </c>
      <c r="AP102" s="42">
        <v>12209</v>
      </c>
      <c r="AQ102" s="51">
        <v>11080</v>
      </c>
      <c r="AR102" s="51">
        <v>169</v>
      </c>
      <c r="AS102" s="42">
        <v>11249</v>
      </c>
      <c r="AT102" s="51">
        <v>12242</v>
      </c>
      <c r="AU102" s="51">
        <v>89</v>
      </c>
      <c r="AV102" s="42">
        <v>12331</v>
      </c>
      <c r="AW102" s="51">
        <v>17569</v>
      </c>
      <c r="AX102" s="51">
        <v>73</v>
      </c>
      <c r="AY102" s="42">
        <v>17642</v>
      </c>
      <c r="AZ102" s="51">
        <v>14254</v>
      </c>
      <c r="BA102" s="51">
        <v>47</v>
      </c>
      <c r="BB102" s="42">
        <v>14301</v>
      </c>
      <c r="BC102" s="51">
        <v>11943</v>
      </c>
      <c r="BD102" s="51">
        <v>31</v>
      </c>
      <c r="BE102" s="42">
        <v>11974</v>
      </c>
      <c r="BF102" s="51">
        <v>8328</v>
      </c>
      <c r="BG102" s="51">
        <v>17</v>
      </c>
      <c r="BH102" s="42">
        <v>8345</v>
      </c>
      <c r="BI102" s="51">
        <v>4070</v>
      </c>
      <c r="BJ102" s="51">
        <v>7</v>
      </c>
      <c r="BK102" s="42">
        <v>4077</v>
      </c>
      <c r="BL102" s="51">
        <v>1346</v>
      </c>
      <c r="BM102" s="51">
        <v>1</v>
      </c>
      <c r="BN102" s="42">
        <v>1347</v>
      </c>
      <c r="BO102" s="51">
        <v>231</v>
      </c>
      <c r="BP102" s="51">
        <v>0</v>
      </c>
      <c r="BQ102" s="43">
        <v>231</v>
      </c>
    </row>
    <row r="103" spans="1:69" ht="15" thickBot="1" x14ac:dyDescent="0.2">
      <c r="A103" s="44"/>
      <c r="B103" s="31" t="s">
        <v>32</v>
      </c>
      <c r="C103" s="79"/>
      <c r="D103" s="45">
        <v>386785</v>
      </c>
      <c r="E103" s="46">
        <v>6032</v>
      </c>
      <c r="F103" s="47">
        <v>392817</v>
      </c>
      <c r="G103" s="48">
        <v>10823</v>
      </c>
      <c r="H103" s="47">
        <v>186</v>
      </c>
      <c r="I103" s="47">
        <v>11009</v>
      </c>
      <c r="J103" s="48">
        <v>13818</v>
      </c>
      <c r="K103" s="47">
        <v>156</v>
      </c>
      <c r="L103" s="47">
        <v>13974</v>
      </c>
      <c r="M103" s="74">
        <v>15501</v>
      </c>
      <c r="N103" s="73">
        <v>151</v>
      </c>
      <c r="O103" s="73">
        <v>15652</v>
      </c>
      <c r="P103" s="48">
        <v>18816</v>
      </c>
      <c r="Q103" s="47">
        <v>161</v>
      </c>
      <c r="R103" s="47">
        <v>18977</v>
      </c>
      <c r="S103" s="48">
        <v>20099</v>
      </c>
      <c r="T103" s="47">
        <v>661</v>
      </c>
      <c r="U103" s="47">
        <v>20760</v>
      </c>
      <c r="V103" s="48">
        <v>16020</v>
      </c>
      <c r="W103" s="47">
        <v>773</v>
      </c>
      <c r="X103" s="47">
        <v>16793</v>
      </c>
      <c r="Y103" s="48">
        <v>16673</v>
      </c>
      <c r="Z103" s="47">
        <v>650</v>
      </c>
      <c r="AA103" s="47">
        <v>17323</v>
      </c>
      <c r="AB103" s="48">
        <v>19113</v>
      </c>
      <c r="AC103" s="47">
        <v>538</v>
      </c>
      <c r="AD103" s="47">
        <v>19651</v>
      </c>
      <c r="AE103" s="48">
        <v>22480</v>
      </c>
      <c r="AF103" s="47">
        <v>534</v>
      </c>
      <c r="AG103" s="47">
        <v>23014</v>
      </c>
      <c r="AH103" s="48">
        <v>29950</v>
      </c>
      <c r="AI103" s="47">
        <v>573</v>
      </c>
      <c r="AJ103" s="47">
        <v>30523</v>
      </c>
      <c r="AK103" s="48">
        <v>30464</v>
      </c>
      <c r="AL103" s="47">
        <v>526</v>
      </c>
      <c r="AM103" s="47">
        <v>30990</v>
      </c>
      <c r="AN103" s="48">
        <v>24606</v>
      </c>
      <c r="AO103" s="47">
        <v>387</v>
      </c>
      <c r="AP103" s="47">
        <v>24993</v>
      </c>
      <c r="AQ103" s="48">
        <v>22656</v>
      </c>
      <c r="AR103" s="47">
        <v>258</v>
      </c>
      <c r="AS103" s="47">
        <v>22914</v>
      </c>
      <c r="AT103" s="48">
        <v>24258</v>
      </c>
      <c r="AU103" s="47">
        <v>164</v>
      </c>
      <c r="AV103" s="47">
        <v>24422</v>
      </c>
      <c r="AW103" s="48">
        <v>33265</v>
      </c>
      <c r="AX103" s="47">
        <v>140</v>
      </c>
      <c r="AY103" s="47">
        <v>33405</v>
      </c>
      <c r="AZ103" s="48">
        <v>25910</v>
      </c>
      <c r="BA103" s="47">
        <v>84</v>
      </c>
      <c r="BB103" s="47">
        <v>25994</v>
      </c>
      <c r="BC103" s="48">
        <v>21105</v>
      </c>
      <c r="BD103" s="47">
        <v>52</v>
      </c>
      <c r="BE103" s="47">
        <v>21157</v>
      </c>
      <c r="BF103" s="48">
        <v>13493</v>
      </c>
      <c r="BG103" s="47">
        <v>26</v>
      </c>
      <c r="BH103" s="47">
        <v>13519</v>
      </c>
      <c r="BI103" s="48">
        <v>5791</v>
      </c>
      <c r="BJ103" s="47">
        <v>10</v>
      </c>
      <c r="BK103" s="47">
        <v>5801</v>
      </c>
      <c r="BL103" s="48">
        <v>1680</v>
      </c>
      <c r="BM103" s="47">
        <v>2</v>
      </c>
      <c r="BN103" s="47">
        <v>1682</v>
      </c>
      <c r="BO103" s="48">
        <v>264</v>
      </c>
      <c r="BP103" s="47">
        <v>0</v>
      </c>
      <c r="BQ103" s="49">
        <v>264</v>
      </c>
    </row>
    <row r="104" spans="1:69" x14ac:dyDescent="0.15">
      <c r="A104" s="24"/>
      <c r="B104" s="20" t="s">
        <v>29</v>
      </c>
      <c r="C104" s="77">
        <v>142034</v>
      </c>
      <c r="D104" s="36">
        <v>125437</v>
      </c>
      <c r="E104" s="37">
        <v>2289</v>
      </c>
      <c r="F104" s="38">
        <v>127726</v>
      </c>
      <c r="G104" s="51">
        <v>4124</v>
      </c>
      <c r="H104" s="51">
        <v>76</v>
      </c>
      <c r="I104" s="38">
        <v>4200</v>
      </c>
      <c r="J104" s="51">
        <v>4979</v>
      </c>
      <c r="K104" s="51">
        <v>103</v>
      </c>
      <c r="L104" s="38">
        <v>5082</v>
      </c>
      <c r="M104" s="75">
        <v>5466</v>
      </c>
      <c r="N104" s="75">
        <v>82</v>
      </c>
      <c r="O104" s="70">
        <v>5548</v>
      </c>
      <c r="P104" s="51">
        <v>6025</v>
      </c>
      <c r="Q104" s="51">
        <v>105</v>
      </c>
      <c r="R104" s="38">
        <v>6130</v>
      </c>
      <c r="S104" s="51">
        <v>6391</v>
      </c>
      <c r="T104" s="51">
        <v>292</v>
      </c>
      <c r="U104" s="38">
        <v>6683</v>
      </c>
      <c r="V104" s="51">
        <v>6145</v>
      </c>
      <c r="W104" s="51">
        <v>335</v>
      </c>
      <c r="X104" s="38">
        <v>6480</v>
      </c>
      <c r="Y104" s="51">
        <v>6155</v>
      </c>
      <c r="Z104" s="51">
        <v>240</v>
      </c>
      <c r="AA104" s="38">
        <v>6395</v>
      </c>
      <c r="AB104" s="51">
        <v>7353</v>
      </c>
      <c r="AC104" s="51">
        <v>206</v>
      </c>
      <c r="AD104" s="38">
        <v>7559</v>
      </c>
      <c r="AE104" s="51">
        <v>8488</v>
      </c>
      <c r="AF104" s="51">
        <v>187</v>
      </c>
      <c r="AG104" s="38">
        <v>8675</v>
      </c>
      <c r="AH104" s="51">
        <v>10427</v>
      </c>
      <c r="AI104" s="51">
        <v>166</v>
      </c>
      <c r="AJ104" s="38">
        <v>10593</v>
      </c>
      <c r="AK104" s="51">
        <v>10901</v>
      </c>
      <c r="AL104" s="51">
        <v>156</v>
      </c>
      <c r="AM104" s="38">
        <v>11057</v>
      </c>
      <c r="AN104" s="51">
        <v>8629</v>
      </c>
      <c r="AO104" s="51">
        <v>140</v>
      </c>
      <c r="AP104" s="38">
        <v>8769</v>
      </c>
      <c r="AQ104" s="51">
        <v>7462</v>
      </c>
      <c r="AR104" s="51">
        <v>80</v>
      </c>
      <c r="AS104" s="38">
        <v>7542</v>
      </c>
      <c r="AT104" s="51">
        <v>7693</v>
      </c>
      <c r="AU104" s="51">
        <v>66</v>
      </c>
      <c r="AV104" s="38">
        <v>7759</v>
      </c>
      <c r="AW104" s="51">
        <v>9594</v>
      </c>
      <c r="AX104" s="51">
        <v>27</v>
      </c>
      <c r="AY104" s="38">
        <v>9621</v>
      </c>
      <c r="AZ104" s="51">
        <v>6816</v>
      </c>
      <c r="BA104" s="51">
        <v>15</v>
      </c>
      <c r="BB104" s="38">
        <v>6831</v>
      </c>
      <c r="BC104" s="51">
        <v>5044</v>
      </c>
      <c r="BD104" s="51">
        <v>9</v>
      </c>
      <c r="BE104" s="38">
        <v>5053</v>
      </c>
      <c r="BF104" s="51">
        <v>2617</v>
      </c>
      <c r="BG104" s="51">
        <v>4</v>
      </c>
      <c r="BH104" s="38">
        <v>2621</v>
      </c>
      <c r="BI104" s="51">
        <v>922</v>
      </c>
      <c r="BJ104" s="51">
        <v>0</v>
      </c>
      <c r="BK104" s="38">
        <v>922</v>
      </c>
      <c r="BL104" s="51">
        <v>189</v>
      </c>
      <c r="BM104" s="51">
        <v>0</v>
      </c>
      <c r="BN104" s="38">
        <v>189</v>
      </c>
      <c r="BO104" s="51">
        <v>17</v>
      </c>
      <c r="BP104" s="51">
        <v>0</v>
      </c>
      <c r="BQ104" s="38">
        <v>17</v>
      </c>
    </row>
    <row r="105" spans="1:69" x14ac:dyDescent="0.15">
      <c r="A105" s="24" t="s">
        <v>63</v>
      </c>
      <c r="B105" s="25" t="s">
        <v>31</v>
      </c>
      <c r="C105" s="78"/>
      <c r="D105" s="41">
        <v>125437</v>
      </c>
      <c r="E105" s="39">
        <v>2824</v>
      </c>
      <c r="F105" s="42">
        <v>128261</v>
      </c>
      <c r="G105" s="51">
        <v>3975</v>
      </c>
      <c r="H105" s="51">
        <v>70</v>
      </c>
      <c r="I105" s="42">
        <v>4045</v>
      </c>
      <c r="J105" s="51">
        <v>4667</v>
      </c>
      <c r="K105" s="51">
        <v>94</v>
      </c>
      <c r="L105" s="42">
        <v>4761</v>
      </c>
      <c r="M105" s="75">
        <v>5292</v>
      </c>
      <c r="N105" s="75">
        <v>81</v>
      </c>
      <c r="O105" s="72">
        <v>5373</v>
      </c>
      <c r="P105" s="51">
        <v>5729</v>
      </c>
      <c r="Q105" s="51">
        <v>96</v>
      </c>
      <c r="R105" s="42">
        <v>5825</v>
      </c>
      <c r="S105" s="51">
        <v>5957</v>
      </c>
      <c r="T105" s="51">
        <v>237</v>
      </c>
      <c r="U105" s="42">
        <v>6194</v>
      </c>
      <c r="V105" s="51">
        <v>5379</v>
      </c>
      <c r="W105" s="51">
        <v>283</v>
      </c>
      <c r="X105" s="42">
        <v>5662</v>
      </c>
      <c r="Y105" s="51">
        <v>5512</v>
      </c>
      <c r="Z105" s="51">
        <v>326</v>
      </c>
      <c r="AA105" s="42">
        <v>5838</v>
      </c>
      <c r="AB105" s="51">
        <v>6574</v>
      </c>
      <c r="AC105" s="51">
        <v>275</v>
      </c>
      <c r="AD105" s="42">
        <v>6849</v>
      </c>
      <c r="AE105" s="51">
        <v>7835</v>
      </c>
      <c r="AF105" s="51">
        <v>312</v>
      </c>
      <c r="AG105" s="42">
        <v>8147</v>
      </c>
      <c r="AH105" s="51">
        <v>9742</v>
      </c>
      <c r="AI105" s="51">
        <v>271</v>
      </c>
      <c r="AJ105" s="42">
        <v>10013</v>
      </c>
      <c r="AK105" s="51">
        <v>9762</v>
      </c>
      <c r="AL105" s="51">
        <v>290</v>
      </c>
      <c r="AM105" s="42">
        <v>10052</v>
      </c>
      <c r="AN105" s="51">
        <v>7820</v>
      </c>
      <c r="AO105" s="51">
        <v>207</v>
      </c>
      <c r="AP105" s="42">
        <v>8027</v>
      </c>
      <c r="AQ105" s="51">
        <v>7126</v>
      </c>
      <c r="AR105" s="51">
        <v>145</v>
      </c>
      <c r="AS105" s="42">
        <v>7271</v>
      </c>
      <c r="AT105" s="51">
        <v>7689</v>
      </c>
      <c r="AU105" s="51">
        <v>61</v>
      </c>
      <c r="AV105" s="42">
        <v>7750</v>
      </c>
      <c r="AW105" s="51">
        <v>10462</v>
      </c>
      <c r="AX105" s="51">
        <v>35</v>
      </c>
      <c r="AY105" s="42">
        <v>10497</v>
      </c>
      <c r="AZ105" s="51">
        <v>7975</v>
      </c>
      <c r="BA105" s="51">
        <v>15</v>
      </c>
      <c r="BB105" s="42">
        <v>7990</v>
      </c>
      <c r="BC105" s="51">
        <v>6485</v>
      </c>
      <c r="BD105" s="51">
        <v>14</v>
      </c>
      <c r="BE105" s="42">
        <v>6499</v>
      </c>
      <c r="BF105" s="51">
        <v>4337</v>
      </c>
      <c r="BG105" s="51">
        <v>7</v>
      </c>
      <c r="BH105" s="42">
        <v>4344</v>
      </c>
      <c r="BI105" s="51">
        <v>2244</v>
      </c>
      <c r="BJ105" s="51">
        <v>4</v>
      </c>
      <c r="BK105" s="42">
        <v>2248</v>
      </c>
      <c r="BL105" s="51">
        <v>747</v>
      </c>
      <c r="BM105" s="51">
        <v>1</v>
      </c>
      <c r="BN105" s="42">
        <v>748</v>
      </c>
      <c r="BO105" s="51">
        <v>128</v>
      </c>
      <c r="BP105" s="51">
        <v>0</v>
      </c>
      <c r="BQ105" s="42">
        <v>128</v>
      </c>
    </row>
    <row r="106" spans="1:69" ht="15" thickBot="1" x14ac:dyDescent="0.2">
      <c r="A106" s="44"/>
      <c r="B106" s="31" t="s">
        <v>32</v>
      </c>
      <c r="C106" s="79"/>
      <c r="D106" s="45">
        <v>250874</v>
      </c>
      <c r="E106" s="46">
        <v>5113</v>
      </c>
      <c r="F106" s="47">
        <v>255987</v>
      </c>
      <c r="G106" s="48">
        <v>8099</v>
      </c>
      <c r="H106" s="47">
        <v>146</v>
      </c>
      <c r="I106" s="47">
        <v>8245</v>
      </c>
      <c r="J106" s="48">
        <v>9646</v>
      </c>
      <c r="K106" s="47">
        <v>197</v>
      </c>
      <c r="L106" s="47">
        <v>9843</v>
      </c>
      <c r="M106" s="74">
        <v>10758</v>
      </c>
      <c r="N106" s="73">
        <v>163</v>
      </c>
      <c r="O106" s="73">
        <v>10921</v>
      </c>
      <c r="P106" s="48">
        <v>11754</v>
      </c>
      <c r="Q106" s="47">
        <v>201</v>
      </c>
      <c r="R106" s="47">
        <v>11955</v>
      </c>
      <c r="S106" s="48">
        <v>12348</v>
      </c>
      <c r="T106" s="47">
        <v>529</v>
      </c>
      <c r="U106" s="47">
        <v>12877</v>
      </c>
      <c r="V106" s="48">
        <v>11524</v>
      </c>
      <c r="W106" s="47">
        <v>618</v>
      </c>
      <c r="X106" s="47">
        <v>12142</v>
      </c>
      <c r="Y106" s="48">
        <v>11667</v>
      </c>
      <c r="Z106" s="47">
        <v>566</v>
      </c>
      <c r="AA106" s="47">
        <v>12233</v>
      </c>
      <c r="AB106" s="48">
        <v>13927</v>
      </c>
      <c r="AC106" s="47">
        <v>481</v>
      </c>
      <c r="AD106" s="47">
        <v>14408</v>
      </c>
      <c r="AE106" s="48">
        <v>16323</v>
      </c>
      <c r="AF106" s="47">
        <v>499</v>
      </c>
      <c r="AG106" s="47">
        <v>16822</v>
      </c>
      <c r="AH106" s="48">
        <v>20169</v>
      </c>
      <c r="AI106" s="47">
        <v>437</v>
      </c>
      <c r="AJ106" s="47">
        <v>20606</v>
      </c>
      <c r="AK106" s="48">
        <v>20663</v>
      </c>
      <c r="AL106" s="47">
        <v>446</v>
      </c>
      <c r="AM106" s="47">
        <v>21109</v>
      </c>
      <c r="AN106" s="48">
        <v>16449</v>
      </c>
      <c r="AO106" s="47">
        <v>347</v>
      </c>
      <c r="AP106" s="47">
        <v>16796</v>
      </c>
      <c r="AQ106" s="48">
        <v>14588</v>
      </c>
      <c r="AR106" s="47">
        <v>225</v>
      </c>
      <c r="AS106" s="47">
        <v>14813</v>
      </c>
      <c r="AT106" s="48">
        <v>15382</v>
      </c>
      <c r="AU106" s="47">
        <v>127</v>
      </c>
      <c r="AV106" s="47">
        <v>15509</v>
      </c>
      <c r="AW106" s="48">
        <v>20056</v>
      </c>
      <c r="AX106" s="47">
        <v>62</v>
      </c>
      <c r="AY106" s="47">
        <v>20118</v>
      </c>
      <c r="AZ106" s="48">
        <v>14791</v>
      </c>
      <c r="BA106" s="47">
        <v>30</v>
      </c>
      <c r="BB106" s="47">
        <v>14821</v>
      </c>
      <c r="BC106" s="48">
        <v>11529</v>
      </c>
      <c r="BD106" s="47">
        <v>23</v>
      </c>
      <c r="BE106" s="47">
        <v>11552</v>
      </c>
      <c r="BF106" s="48">
        <v>6954</v>
      </c>
      <c r="BG106" s="47">
        <v>11</v>
      </c>
      <c r="BH106" s="47">
        <v>6965</v>
      </c>
      <c r="BI106" s="48">
        <v>3166</v>
      </c>
      <c r="BJ106" s="47">
        <v>4</v>
      </c>
      <c r="BK106" s="47">
        <v>3170</v>
      </c>
      <c r="BL106" s="48">
        <v>936</v>
      </c>
      <c r="BM106" s="47">
        <v>1</v>
      </c>
      <c r="BN106" s="47">
        <v>937</v>
      </c>
      <c r="BO106" s="48">
        <v>145</v>
      </c>
      <c r="BP106" s="47">
        <v>0</v>
      </c>
      <c r="BQ106" s="47">
        <v>145</v>
      </c>
    </row>
    <row r="107" spans="1:69" x14ac:dyDescent="0.15">
      <c r="A107" s="24"/>
      <c r="B107" s="20" t="s">
        <v>29</v>
      </c>
      <c r="C107" s="77">
        <v>142042</v>
      </c>
      <c r="D107" s="21">
        <v>82959</v>
      </c>
      <c r="E107" s="22">
        <v>873</v>
      </c>
      <c r="F107" s="22">
        <v>83832</v>
      </c>
      <c r="G107" s="56">
        <v>2662</v>
      </c>
      <c r="H107" s="56">
        <v>13</v>
      </c>
      <c r="I107" s="22">
        <v>2675</v>
      </c>
      <c r="J107" s="56">
        <v>3530</v>
      </c>
      <c r="K107" s="56">
        <v>12</v>
      </c>
      <c r="L107" s="22">
        <v>3542</v>
      </c>
      <c r="M107" s="56">
        <v>3927</v>
      </c>
      <c r="N107" s="56">
        <v>13</v>
      </c>
      <c r="O107" s="65">
        <v>3940</v>
      </c>
      <c r="P107" s="56">
        <v>3826</v>
      </c>
      <c r="Q107" s="56">
        <v>10</v>
      </c>
      <c r="R107" s="22">
        <v>3836</v>
      </c>
      <c r="S107" s="56">
        <v>3666</v>
      </c>
      <c r="T107" s="56">
        <v>36</v>
      </c>
      <c r="U107" s="22">
        <v>3702</v>
      </c>
      <c r="V107" s="56">
        <v>3230</v>
      </c>
      <c r="W107" s="56">
        <v>75</v>
      </c>
      <c r="X107" s="22">
        <v>3305</v>
      </c>
      <c r="Y107" s="56">
        <v>3366</v>
      </c>
      <c r="Z107" s="56">
        <v>92</v>
      </c>
      <c r="AA107" s="22">
        <v>3458</v>
      </c>
      <c r="AB107" s="56">
        <v>4351</v>
      </c>
      <c r="AC107" s="56">
        <v>100</v>
      </c>
      <c r="AD107" s="22">
        <v>4451</v>
      </c>
      <c r="AE107" s="56">
        <v>5426</v>
      </c>
      <c r="AF107" s="56">
        <v>94</v>
      </c>
      <c r="AG107" s="22">
        <v>5520</v>
      </c>
      <c r="AH107" s="56">
        <v>7064</v>
      </c>
      <c r="AI107" s="56">
        <v>95</v>
      </c>
      <c r="AJ107" s="22">
        <v>7159</v>
      </c>
      <c r="AK107" s="56">
        <v>7809</v>
      </c>
      <c r="AL107" s="56">
        <v>84</v>
      </c>
      <c r="AM107" s="22">
        <v>7893</v>
      </c>
      <c r="AN107" s="56">
        <v>6366</v>
      </c>
      <c r="AO107" s="56">
        <v>81</v>
      </c>
      <c r="AP107" s="22">
        <v>6447</v>
      </c>
      <c r="AQ107" s="56">
        <v>5138</v>
      </c>
      <c r="AR107" s="56">
        <v>57</v>
      </c>
      <c r="AS107" s="22">
        <v>5195</v>
      </c>
      <c r="AT107" s="56">
        <v>4388</v>
      </c>
      <c r="AU107" s="56">
        <v>35</v>
      </c>
      <c r="AV107" s="22">
        <v>4423</v>
      </c>
      <c r="AW107" s="56">
        <v>5938</v>
      </c>
      <c r="AX107" s="56">
        <v>34</v>
      </c>
      <c r="AY107" s="22">
        <v>5972</v>
      </c>
      <c r="AZ107" s="56">
        <v>4541</v>
      </c>
      <c r="BA107" s="56">
        <v>20</v>
      </c>
      <c r="BB107" s="22">
        <v>4561</v>
      </c>
      <c r="BC107" s="56">
        <v>3837</v>
      </c>
      <c r="BD107" s="56">
        <v>9</v>
      </c>
      <c r="BE107" s="22">
        <v>3846</v>
      </c>
      <c r="BF107" s="56">
        <v>2612</v>
      </c>
      <c r="BG107" s="56">
        <v>9</v>
      </c>
      <c r="BH107" s="22">
        <v>2621</v>
      </c>
      <c r="BI107" s="56">
        <v>1030</v>
      </c>
      <c r="BJ107" s="56">
        <v>3</v>
      </c>
      <c r="BK107" s="22">
        <v>1033</v>
      </c>
      <c r="BL107" s="56">
        <v>229</v>
      </c>
      <c r="BM107" s="56">
        <v>1</v>
      </c>
      <c r="BN107" s="22">
        <v>230</v>
      </c>
      <c r="BO107" s="56">
        <v>23</v>
      </c>
      <c r="BP107" s="56">
        <v>0</v>
      </c>
      <c r="BQ107" s="23">
        <v>23</v>
      </c>
    </row>
    <row r="108" spans="1:69" x14ac:dyDescent="0.15">
      <c r="A108" s="24" t="s">
        <v>64</v>
      </c>
      <c r="B108" s="25" t="s">
        <v>31</v>
      </c>
      <c r="C108" s="78"/>
      <c r="D108" s="26">
        <v>92462</v>
      </c>
      <c r="E108" s="27">
        <v>757</v>
      </c>
      <c r="F108" s="28">
        <v>93219</v>
      </c>
      <c r="G108" s="57">
        <v>2595</v>
      </c>
      <c r="H108" s="57">
        <v>12</v>
      </c>
      <c r="I108" s="28">
        <v>2607</v>
      </c>
      <c r="J108" s="57">
        <v>3336</v>
      </c>
      <c r="K108" s="57">
        <v>10</v>
      </c>
      <c r="L108" s="28">
        <v>3346</v>
      </c>
      <c r="M108" s="57">
        <v>3697</v>
      </c>
      <c r="N108" s="57">
        <v>6</v>
      </c>
      <c r="O108" s="67">
        <v>3703</v>
      </c>
      <c r="P108" s="57">
        <v>3842</v>
      </c>
      <c r="Q108" s="57">
        <v>9</v>
      </c>
      <c r="R108" s="28">
        <v>3851</v>
      </c>
      <c r="S108" s="57">
        <v>3745</v>
      </c>
      <c r="T108" s="57">
        <v>14</v>
      </c>
      <c r="U108" s="28">
        <v>3759</v>
      </c>
      <c r="V108" s="57">
        <v>3313</v>
      </c>
      <c r="W108" s="57">
        <v>61</v>
      </c>
      <c r="X108" s="28">
        <v>3374</v>
      </c>
      <c r="Y108" s="57">
        <v>3602</v>
      </c>
      <c r="Z108" s="57">
        <v>97</v>
      </c>
      <c r="AA108" s="28">
        <v>3699</v>
      </c>
      <c r="AB108" s="57">
        <v>4507</v>
      </c>
      <c r="AC108" s="57">
        <v>85</v>
      </c>
      <c r="AD108" s="28">
        <v>4592</v>
      </c>
      <c r="AE108" s="57">
        <v>5968</v>
      </c>
      <c r="AF108" s="57">
        <v>83</v>
      </c>
      <c r="AG108" s="28">
        <v>6051</v>
      </c>
      <c r="AH108" s="57">
        <v>7617</v>
      </c>
      <c r="AI108" s="57">
        <v>94</v>
      </c>
      <c r="AJ108" s="28">
        <v>7711</v>
      </c>
      <c r="AK108" s="57">
        <v>7970</v>
      </c>
      <c r="AL108" s="57">
        <v>71</v>
      </c>
      <c r="AM108" s="28">
        <v>8041</v>
      </c>
      <c r="AN108" s="57">
        <v>6200</v>
      </c>
      <c r="AO108" s="57">
        <v>67</v>
      </c>
      <c r="AP108" s="28">
        <v>6267</v>
      </c>
      <c r="AQ108" s="57">
        <v>5066</v>
      </c>
      <c r="AR108" s="57">
        <v>39</v>
      </c>
      <c r="AS108" s="28">
        <v>5105</v>
      </c>
      <c r="AT108" s="57">
        <v>4918</v>
      </c>
      <c r="AU108" s="57">
        <v>34</v>
      </c>
      <c r="AV108" s="28">
        <v>4952</v>
      </c>
      <c r="AW108" s="57">
        <v>7113</v>
      </c>
      <c r="AX108" s="57">
        <v>30</v>
      </c>
      <c r="AY108" s="28">
        <v>7143</v>
      </c>
      <c r="AZ108" s="57">
        <v>6147</v>
      </c>
      <c r="BA108" s="57">
        <v>19</v>
      </c>
      <c r="BB108" s="28">
        <v>6166</v>
      </c>
      <c r="BC108" s="57">
        <v>5431</v>
      </c>
      <c r="BD108" s="57">
        <v>11</v>
      </c>
      <c r="BE108" s="28">
        <v>5442</v>
      </c>
      <c r="BF108" s="57">
        <v>4138</v>
      </c>
      <c r="BG108" s="57">
        <v>9</v>
      </c>
      <c r="BH108" s="28">
        <v>4147</v>
      </c>
      <c r="BI108" s="57">
        <v>2343</v>
      </c>
      <c r="BJ108" s="57">
        <v>4</v>
      </c>
      <c r="BK108" s="28">
        <v>2347</v>
      </c>
      <c r="BL108" s="57">
        <v>752</v>
      </c>
      <c r="BM108" s="57">
        <v>1</v>
      </c>
      <c r="BN108" s="28">
        <v>753</v>
      </c>
      <c r="BO108" s="57">
        <v>162</v>
      </c>
      <c r="BP108" s="57">
        <v>1</v>
      </c>
      <c r="BQ108" s="29">
        <v>163</v>
      </c>
    </row>
    <row r="109" spans="1:69" ht="15" thickBot="1" x14ac:dyDescent="0.2">
      <c r="A109" s="44"/>
      <c r="B109" s="31" t="s">
        <v>32</v>
      </c>
      <c r="C109" s="79"/>
      <c r="D109" s="32">
        <v>175421</v>
      </c>
      <c r="E109" s="33">
        <v>1630</v>
      </c>
      <c r="F109" s="34">
        <v>177051</v>
      </c>
      <c r="G109" s="33">
        <v>5257</v>
      </c>
      <c r="H109" s="33">
        <v>25</v>
      </c>
      <c r="I109" s="34">
        <v>5282</v>
      </c>
      <c r="J109" s="33">
        <v>6866</v>
      </c>
      <c r="K109" s="33">
        <v>22</v>
      </c>
      <c r="L109" s="34">
        <v>6888</v>
      </c>
      <c r="M109" s="68">
        <v>7624</v>
      </c>
      <c r="N109" s="68">
        <v>19</v>
      </c>
      <c r="O109" s="69">
        <v>7643</v>
      </c>
      <c r="P109" s="33">
        <v>7668</v>
      </c>
      <c r="Q109" s="33">
        <v>19</v>
      </c>
      <c r="R109" s="34">
        <v>7687</v>
      </c>
      <c r="S109" s="33">
        <v>7411</v>
      </c>
      <c r="T109" s="33">
        <v>50</v>
      </c>
      <c r="U109" s="34">
        <v>7461</v>
      </c>
      <c r="V109" s="33">
        <v>6543</v>
      </c>
      <c r="W109" s="33">
        <v>136</v>
      </c>
      <c r="X109" s="34">
        <v>6679</v>
      </c>
      <c r="Y109" s="33">
        <v>6968</v>
      </c>
      <c r="Z109" s="33">
        <v>189</v>
      </c>
      <c r="AA109" s="34">
        <v>7157</v>
      </c>
      <c r="AB109" s="33">
        <v>8858</v>
      </c>
      <c r="AC109" s="33">
        <v>185</v>
      </c>
      <c r="AD109" s="34">
        <v>9043</v>
      </c>
      <c r="AE109" s="33">
        <v>11394</v>
      </c>
      <c r="AF109" s="33">
        <v>177</v>
      </c>
      <c r="AG109" s="34">
        <v>11571</v>
      </c>
      <c r="AH109" s="33">
        <v>14681</v>
      </c>
      <c r="AI109" s="33">
        <v>189</v>
      </c>
      <c r="AJ109" s="34">
        <v>14870</v>
      </c>
      <c r="AK109" s="33">
        <v>15779</v>
      </c>
      <c r="AL109" s="33">
        <v>155</v>
      </c>
      <c r="AM109" s="34">
        <v>15934</v>
      </c>
      <c r="AN109" s="33">
        <v>12566</v>
      </c>
      <c r="AO109" s="33">
        <v>148</v>
      </c>
      <c r="AP109" s="34">
        <v>12714</v>
      </c>
      <c r="AQ109" s="33">
        <v>10204</v>
      </c>
      <c r="AR109" s="33">
        <v>96</v>
      </c>
      <c r="AS109" s="34">
        <v>10300</v>
      </c>
      <c r="AT109" s="33">
        <v>9306</v>
      </c>
      <c r="AU109" s="33">
        <v>69</v>
      </c>
      <c r="AV109" s="34">
        <v>9375</v>
      </c>
      <c r="AW109" s="33">
        <v>13051</v>
      </c>
      <c r="AX109" s="33">
        <v>64</v>
      </c>
      <c r="AY109" s="34">
        <v>13115</v>
      </c>
      <c r="AZ109" s="33">
        <v>10688</v>
      </c>
      <c r="BA109" s="33">
        <v>39</v>
      </c>
      <c r="BB109" s="34">
        <v>10727</v>
      </c>
      <c r="BC109" s="33">
        <v>9268</v>
      </c>
      <c r="BD109" s="33">
        <v>20</v>
      </c>
      <c r="BE109" s="34">
        <v>9288</v>
      </c>
      <c r="BF109" s="33">
        <v>6750</v>
      </c>
      <c r="BG109" s="33">
        <v>18</v>
      </c>
      <c r="BH109" s="34">
        <v>6768</v>
      </c>
      <c r="BI109" s="33">
        <v>3373</v>
      </c>
      <c r="BJ109" s="33">
        <v>7</v>
      </c>
      <c r="BK109" s="34">
        <v>3380</v>
      </c>
      <c r="BL109" s="33">
        <v>981</v>
      </c>
      <c r="BM109" s="33">
        <v>2</v>
      </c>
      <c r="BN109" s="34">
        <v>983</v>
      </c>
      <c r="BO109" s="33">
        <v>185</v>
      </c>
      <c r="BP109" s="33">
        <v>1</v>
      </c>
      <c r="BQ109" s="35">
        <v>186</v>
      </c>
    </row>
    <row r="110" spans="1:69" x14ac:dyDescent="0.15">
      <c r="A110" s="24"/>
      <c r="B110" s="20" t="s">
        <v>29</v>
      </c>
      <c r="C110" s="77">
        <v>142051</v>
      </c>
      <c r="D110" s="36">
        <v>215850</v>
      </c>
      <c r="E110" s="37">
        <v>3619</v>
      </c>
      <c r="F110" s="38">
        <v>219469</v>
      </c>
      <c r="G110" s="51">
        <v>8839</v>
      </c>
      <c r="H110" s="51">
        <v>84</v>
      </c>
      <c r="I110" s="38">
        <v>8923</v>
      </c>
      <c r="J110" s="51">
        <v>10118</v>
      </c>
      <c r="K110" s="51">
        <v>97</v>
      </c>
      <c r="L110" s="38">
        <v>10215</v>
      </c>
      <c r="M110" s="75">
        <v>10467</v>
      </c>
      <c r="N110" s="75">
        <v>95</v>
      </c>
      <c r="O110" s="70">
        <v>10562</v>
      </c>
      <c r="P110" s="51">
        <v>10417</v>
      </c>
      <c r="Q110" s="51">
        <v>88</v>
      </c>
      <c r="R110" s="38">
        <v>10505</v>
      </c>
      <c r="S110" s="51">
        <v>11203</v>
      </c>
      <c r="T110" s="51">
        <v>375</v>
      </c>
      <c r="U110" s="38">
        <v>11578</v>
      </c>
      <c r="V110" s="51">
        <v>11497</v>
      </c>
      <c r="W110" s="51">
        <v>520</v>
      </c>
      <c r="X110" s="38">
        <v>12017</v>
      </c>
      <c r="Y110" s="51">
        <v>11638</v>
      </c>
      <c r="Z110" s="51">
        <v>463</v>
      </c>
      <c r="AA110" s="38">
        <v>12101</v>
      </c>
      <c r="AB110" s="51">
        <v>13748</v>
      </c>
      <c r="AC110" s="51">
        <v>377</v>
      </c>
      <c r="AD110" s="38">
        <v>14125</v>
      </c>
      <c r="AE110" s="51">
        <v>15830</v>
      </c>
      <c r="AF110" s="51">
        <v>361</v>
      </c>
      <c r="AG110" s="38">
        <v>16191</v>
      </c>
      <c r="AH110" s="51">
        <v>18936</v>
      </c>
      <c r="AI110" s="51">
        <v>292</v>
      </c>
      <c r="AJ110" s="38">
        <v>19228</v>
      </c>
      <c r="AK110" s="51">
        <v>19162</v>
      </c>
      <c r="AL110" s="51">
        <v>258</v>
      </c>
      <c r="AM110" s="38">
        <v>19420</v>
      </c>
      <c r="AN110" s="51">
        <v>15136</v>
      </c>
      <c r="AO110" s="51">
        <v>246</v>
      </c>
      <c r="AP110" s="38">
        <v>15382</v>
      </c>
      <c r="AQ110" s="51">
        <v>11694</v>
      </c>
      <c r="AR110" s="51">
        <v>166</v>
      </c>
      <c r="AS110" s="38">
        <v>11860</v>
      </c>
      <c r="AT110" s="51">
        <v>10441</v>
      </c>
      <c r="AU110" s="51">
        <v>86</v>
      </c>
      <c r="AV110" s="38">
        <v>10527</v>
      </c>
      <c r="AW110" s="51">
        <v>13167</v>
      </c>
      <c r="AX110" s="51">
        <v>54</v>
      </c>
      <c r="AY110" s="38">
        <v>13221</v>
      </c>
      <c r="AZ110" s="51">
        <v>9831</v>
      </c>
      <c r="BA110" s="51">
        <v>28</v>
      </c>
      <c r="BB110" s="38">
        <v>9859</v>
      </c>
      <c r="BC110" s="51">
        <v>7530</v>
      </c>
      <c r="BD110" s="51">
        <v>19</v>
      </c>
      <c r="BE110" s="38">
        <v>7549</v>
      </c>
      <c r="BF110" s="51">
        <v>4330</v>
      </c>
      <c r="BG110" s="51">
        <v>4</v>
      </c>
      <c r="BH110" s="38">
        <v>4334</v>
      </c>
      <c r="BI110" s="51">
        <v>1525</v>
      </c>
      <c r="BJ110" s="51">
        <v>5</v>
      </c>
      <c r="BK110" s="38">
        <v>1530</v>
      </c>
      <c r="BL110" s="51">
        <v>305</v>
      </c>
      <c r="BM110" s="51">
        <v>1</v>
      </c>
      <c r="BN110" s="38">
        <v>306</v>
      </c>
      <c r="BO110" s="51">
        <v>36</v>
      </c>
      <c r="BP110" s="51">
        <v>0</v>
      </c>
      <c r="BQ110" s="40">
        <v>36</v>
      </c>
    </row>
    <row r="111" spans="1:69" x14ac:dyDescent="0.15">
      <c r="A111" s="24" t="s">
        <v>65</v>
      </c>
      <c r="B111" s="25" t="s">
        <v>31</v>
      </c>
      <c r="C111" s="78"/>
      <c r="D111" s="41">
        <v>220503</v>
      </c>
      <c r="E111" s="39">
        <v>3081</v>
      </c>
      <c r="F111" s="42">
        <v>223584</v>
      </c>
      <c r="G111" s="51">
        <v>8367</v>
      </c>
      <c r="H111" s="51">
        <v>112</v>
      </c>
      <c r="I111" s="42">
        <v>8479</v>
      </c>
      <c r="J111" s="51">
        <v>9537</v>
      </c>
      <c r="K111" s="51">
        <v>101</v>
      </c>
      <c r="L111" s="42">
        <v>9638</v>
      </c>
      <c r="M111" s="75">
        <v>9928</v>
      </c>
      <c r="N111" s="75">
        <v>87</v>
      </c>
      <c r="O111" s="72">
        <v>10015</v>
      </c>
      <c r="P111" s="51">
        <v>9969</v>
      </c>
      <c r="Q111" s="51">
        <v>100</v>
      </c>
      <c r="R111" s="42">
        <v>10069</v>
      </c>
      <c r="S111" s="51">
        <v>10295</v>
      </c>
      <c r="T111" s="51">
        <v>241</v>
      </c>
      <c r="U111" s="42">
        <v>10536</v>
      </c>
      <c r="V111" s="51">
        <v>10274</v>
      </c>
      <c r="W111" s="51">
        <v>302</v>
      </c>
      <c r="X111" s="42">
        <v>10576</v>
      </c>
      <c r="Y111" s="51">
        <v>10990</v>
      </c>
      <c r="Z111" s="51">
        <v>329</v>
      </c>
      <c r="AA111" s="42">
        <v>11319</v>
      </c>
      <c r="AB111" s="51">
        <v>13356</v>
      </c>
      <c r="AC111" s="51">
        <v>347</v>
      </c>
      <c r="AD111" s="42">
        <v>13703</v>
      </c>
      <c r="AE111" s="51">
        <v>15545</v>
      </c>
      <c r="AF111" s="51">
        <v>292</v>
      </c>
      <c r="AG111" s="42">
        <v>15837</v>
      </c>
      <c r="AH111" s="51">
        <v>18429</v>
      </c>
      <c r="AI111" s="51">
        <v>231</v>
      </c>
      <c r="AJ111" s="42">
        <v>18660</v>
      </c>
      <c r="AK111" s="51">
        <v>18103</v>
      </c>
      <c r="AL111" s="51">
        <v>272</v>
      </c>
      <c r="AM111" s="42">
        <v>18375</v>
      </c>
      <c r="AN111" s="51">
        <v>13756</v>
      </c>
      <c r="AO111" s="51">
        <v>252</v>
      </c>
      <c r="AP111" s="42">
        <v>14008</v>
      </c>
      <c r="AQ111" s="51">
        <v>11246</v>
      </c>
      <c r="AR111" s="51">
        <v>148</v>
      </c>
      <c r="AS111" s="42">
        <v>11394</v>
      </c>
      <c r="AT111" s="51">
        <v>11083</v>
      </c>
      <c r="AU111" s="51">
        <v>119</v>
      </c>
      <c r="AV111" s="42">
        <v>11202</v>
      </c>
      <c r="AW111" s="51">
        <v>15419</v>
      </c>
      <c r="AX111" s="51">
        <v>62</v>
      </c>
      <c r="AY111" s="42">
        <v>15481</v>
      </c>
      <c r="AZ111" s="51">
        <v>11921</v>
      </c>
      <c r="BA111" s="51">
        <v>34</v>
      </c>
      <c r="BB111" s="42">
        <v>11955</v>
      </c>
      <c r="BC111" s="51">
        <v>10201</v>
      </c>
      <c r="BD111" s="51">
        <v>25</v>
      </c>
      <c r="BE111" s="42">
        <v>10226</v>
      </c>
      <c r="BF111" s="51">
        <v>7064</v>
      </c>
      <c r="BG111" s="51">
        <v>18</v>
      </c>
      <c r="BH111" s="42">
        <v>7082</v>
      </c>
      <c r="BI111" s="51">
        <v>3670</v>
      </c>
      <c r="BJ111" s="51">
        <v>5</v>
      </c>
      <c r="BK111" s="42">
        <v>3675</v>
      </c>
      <c r="BL111" s="51">
        <v>1148</v>
      </c>
      <c r="BM111" s="51">
        <v>4</v>
      </c>
      <c r="BN111" s="42">
        <v>1152</v>
      </c>
      <c r="BO111" s="51">
        <v>202</v>
      </c>
      <c r="BP111" s="51">
        <v>0</v>
      </c>
      <c r="BQ111" s="43">
        <v>202</v>
      </c>
    </row>
    <row r="112" spans="1:69" ht="15" thickBot="1" x14ac:dyDescent="0.2">
      <c r="A112" s="44"/>
      <c r="B112" s="54" t="s">
        <v>32</v>
      </c>
      <c r="C112" s="85"/>
      <c r="D112" s="45">
        <v>436353</v>
      </c>
      <c r="E112" s="46">
        <v>6700</v>
      </c>
      <c r="F112" s="47">
        <v>443053</v>
      </c>
      <c r="G112" s="48">
        <v>17206</v>
      </c>
      <c r="H112" s="47">
        <v>196</v>
      </c>
      <c r="I112" s="47">
        <v>17402</v>
      </c>
      <c r="J112" s="48">
        <v>19655</v>
      </c>
      <c r="K112" s="47">
        <v>198</v>
      </c>
      <c r="L112" s="47">
        <v>19853</v>
      </c>
      <c r="M112" s="74">
        <v>20395</v>
      </c>
      <c r="N112" s="73">
        <v>182</v>
      </c>
      <c r="O112" s="73">
        <v>20577</v>
      </c>
      <c r="P112" s="48">
        <v>20386</v>
      </c>
      <c r="Q112" s="47">
        <v>188</v>
      </c>
      <c r="R112" s="47">
        <v>20574</v>
      </c>
      <c r="S112" s="48">
        <v>21498</v>
      </c>
      <c r="T112" s="47">
        <v>616</v>
      </c>
      <c r="U112" s="47">
        <v>22114</v>
      </c>
      <c r="V112" s="48">
        <v>21771</v>
      </c>
      <c r="W112" s="47">
        <v>822</v>
      </c>
      <c r="X112" s="47">
        <v>22593</v>
      </c>
      <c r="Y112" s="48">
        <v>22628</v>
      </c>
      <c r="Z112" s="47">
        <v>792</v>
      </c>
      <c r="AA112" s="47">
        <v>23420</v>
      </c>
      <c r="AB112" s="48">
        <v>27104</v>
      </c>
      <c r="AC112" s="47">
        <v>724</v>
      </c>
      <c r="AD112" s="47">
        <v>27828</v>
      </c>
      <c r="AE112" s="48">
        <v>31375</v>
      </c>
      <c r="AF112" s="47">
        <v>653</v>
      </c>
      <c r="AG112" s="47">
        <v>32028</v>
      </c>
      <c r="AH112" s="48">
        <v>37365</v>
      </c>
      <c r="AI112" s="47">
        <v>523</v>
      </c>
      <c r="AJ112" s="47">
        <v>37888</v>
      </c>
      <c r="AK112" s="48">
        <v>37265</v>
      </c>
      <c r="AL112" s="47">
        <v>530</v>
      </c>
      <c r="AM112" s="47">
        <v>37795</v>
      </c>
      <c r="AN112" s="48">
        <v>28892</v>
      </c>
      <c r="AO112" s="47">
        <v>498</v>
      </c>
      <c r="AP112" s="47">
        <v>29390</v>
      </c>
      <c r="AQ112" s="48">
        <v>22940</v>
      </c>
      <c r="AR112" s="47">
        <v>314</v>
      </c>
      <c r="AS112" s="47">
        <v>23254</v>
      </c>
      <c r="AT112" s="48">
        <v>21524</v>
      </c>
      <c r="AU112" s="47">
        <v>205</v>
      </c>
      <c r="AV112" s="47">
        <v>21729</v>
      </c>
      <c r="AW112" s="48">
        <v>28586</v>
      </c>
      <c r="AX112" s="47">
        <v>116</v>
      </c>
      <c r="AY112" s="47">
        <v>28702</v>
      </c>
      <c r="AZ112" s="48">
        <v>21752</v>
      </c>
      <c r="BA112" s="47">
        <v>62</v>
      </c>
      <c r="BB112" s="47">
        <v>21814</v>
      </c>
      <c r="BC112" s="48">
        <v>17731</v>
      </c>
      <c r="BD112" s="47">
        <v>44</v>
      </c>
      <c r="BE112" s="47">
        <v>17775</v>
      </c>
      <c r="BF112" s="48">
        <v>11394</v>
      </c>
      <c r="BG112" s="47">
        <v>22</v>
      </c>
      <c r="BH112" s="47">
        <v>11416</v>
      </c>
      <c r="BI112" s="48">
        <v>5195</v>
      </c>
      <c r="BJ112" s="47">
        <v>10</v>
      </c>
      <c r="BK112" s="47">
        <v>5205</v>
      </c>
      <c r="BL112" s="48">
        <v>1453</v>
      </c>
      <c r="BM112" s="47">
        <v>5</v>
      </c>
      <c r="BN112" s="47">
        <v>1458</v>
      </c>
      <c r="BO112" s="48">
        <v>238</v>
      </c>
      <c r="BP112" s="47">
        <v>0</v>
      </c>
      <c r="BQ112" s="49">
        <v>238</v>
      </c>
    </row>
    <row r="113" spans="1:69" x14ac:dyDescent="0.15">
      <c r="A113" s="24"/>
      <c r="B113" s="55" t="s">
        <v>29</v>
      </c>
      <c r="C113" s="89">
        <v>142069</v>
      </c>
      <c r="D113" s="36">
        <v>90918</v>
      </c>
      <c r="E113" s="37">
        <v>1120</v>
      </c>
      <c r="F113" s="38">
        <v>92038</v>
      </c>
      <c r="G113" s="51">
        <v>2954</v>
      </c>
      <c r="H113" s="51">
        <v>38</v>
      </c>
      <c r="I113" s="38">
        <v>2992</v>
      </c>
      <c r="J113" s="51">
        <v>3565</v>
      </c>
      <c r="K113" s="51">
        <v>25</v>
      </c>
      <c r="L113" s="38">
        <v>3590</v>
      </c>
      <c r="M113" s="75">
        <v>3966</v>
      </c>
      <c r="N113" s="75">
        <v>28</v>
      </c>
      <c r="O113" s="70">
        <v>3994</v>
      </c>
      <c r="P113" s="51">
        <v>4155</v>
      </c>
      <c r="Q113" s="51">
        <v>24</v>
      </c>
      <c r="R113" s="38">
        <v>4179</v>
      </c>
      <c r="S113" s="51">
        <v>4374</v>
      </c>
      <c r="T113" s="51">
        <v>148</v>
      </c>
      <c r="U113" s="38">
        <v>4522</v>
      </c>
      <c r="V113" s="51">
        <v>4116</v>
      </c>
      <c r="W113" s="51">
        <v>243</v>
      </c>
      <c r="X113" s="38">
        <v>4359</v>
      </c>
      <c r="Y113" s="51">
        <v>4445</v>
      </c>
      <c r="Z113" s="51">
        <v>173</v>
      </c>
      <c r="AA113" s="38">
        <v>4618</v>
      </c>
      <c r="AB113" s="51">
        <v>5111</v>
      </c>
      <c r="AC113" s="51">
        <v>103</v>
      </c>
      <c r="AD113" s="38">
        <v>5214</v>
      </c>
      <c r="AE113" s="51">
        <v>5903</v>
      </c>
      <c r="AF113" s="51">
        <v>74</v>
      </c>
      <c r="AG113" s="38">
        <v>5977</v>
      </c>
      <c r="AH113" s="51">
        <v>7250</v>
      </c>
      <c r="AI113" s="51">
        <v>66</v>
      </c>
      <c r="AJ113" s="38">
        <v>7316</v>
      </c>
      <c r="AK113" s="51">
        <v>7632</v>
      </c>
      <c r="AL113" s="51">
        <v>61</v>
      </c>
      <c r="AM113" s="38">
        <v>7693</v>
      </c>
      <c r="AN113" s="51">
        <v>6539</v>
      </c>
      <c r="AO113" s="51">
        <v>46</v>
      </c>
      <c r="AP113" s="38">
        <v>6585</v>
      </c>
      <c r="AQ113" s="51">
        <v>5869</v>
      </c>
      <c r="AR113" s="51">
        <v>26</v>
      </c>
      <c r="AS113" s="38">
        <v>5895</v>
      </c>
      <c r="AT113" s="51">
        <v>5758</v>
      </c>
      <c r="AU113" s="51">
        <v>20</v>
      </c>
      <c r="AV113" s="38">
        <v>5778</v>
      </c>
      <c r="AW113" s="51">
        <v>7400</v>
      </c>
      <c r="AX113" s="51">
        <v>21</v>
      </c>
      <c r="AY113" s="38">
        <v>7421</v>
      </c>
      <c r="AZ113" s="51">
        <v>4995</v>
      </c>
      <c r="BA113" s="51">
        <v>12</v>
      </c>
      <c r="BB113" s="38">
        <v>5007</v>
      </c>
      <c r="BC113" s="51">
        <v>3723</v>
      </c>
      <c r="BD113" s="51">
        <v>6</v>
      </c>
      <c r="BE113" s="38">
        <v>3729</v>
      </c>
      <c r="BF113" s="51">
        <v>2198</v>
      </c>
      <c r="BG113" s="51">
        <v>6</v>
      </c>
      <c r="BH113" s="38">
        <v>2204</v>
      </c>
      <c r="BI113" s="51">
        <v>779</v>
      </c>
      <c r="BJ113" s="51">
        <v>0</v>
      </c>
      <c r="BK113" s="38">
        <v>779</v>
      </c>
      <c r="BL113" s="51">
        <v>174</v>
      </c>
      <c r="BM113" s="51">
        <v>0</v>
      </c>
      <c r="BN113" s="38">
        <v>174</v>
      </c>
      <c r="BO113" s="51">
        <v>12</v>
      </c>
      <c r="BP113" s="51">
        <v>0</v>
      </c>
      <c r="BQ113" s="40">
        <v>12</v>
      </c>
    </row>
    <row r="114" spans="1:69" x14ac:dyDescent="0.15">
      <c r="A114" s="24" t="s">
        <v>66</v>
      </c>
      <c r="B114" s="25" t="s">
        <v>31</v>
      </c>
      <c r="C114" s="78"/>
      <c r="D114" s="41">
        <v>95223</v>
      </c>
      <c r="E114" s="39">
        <v>1478</v>
      </c>
      <c r="F114" s="42">
        <v>96701</v>
      </c>
      <c r="G114" s="51">
        <v>2790</v>
      </c>
      <c r="H114" s="51">
        <v>26</v>
      </c>
      <c r="I114" s="42">
        <v>2816</v>
      </c>
      <c r="J114" s="51">
        <v>3324</v>
      </c>
      <c r="K114" s="51">
        <v>20</v>
      </c>
      <c r="L114" s="42">
        <v>3344</v>
      </c>
      <c r="M114" s="75">
        <v>3681</v>
      </c>
      <c r="N114" s="75">
        <v>22</v>
      </c>
      <c r="O114" s="72">
        <v>3703</v>
      </c>
      <c r="P114" s="51">
        <v>4112</v>
      </c>
      <c r="Q114" s="51">
        <v>23</v>
      </c>
      <c r="R114" s="42">
        <v>4135</v>
      </c>
      <c r="S114" s="51">
        <v>4475</v>
      </c>
      <c r="T114" s="51">
        <v>173</v>
      </c>
      <c r="U114" s="42">
        <v>4648</v>
      </c>
      <c r="V114" s="51">
        <v>4076</v>
      </c>
      <c r="W114" s="51">
        <v>215</v>
      </c>
      <c r="X114" s="42">
        <v>4291</v>
      </c>
      <c r="Y114" s="51">
        <v>4144</v>
      </c>
      <c r="Z114" s="51">
        <v>173</v>
      </c>
      <c r="AA114" s="42">
        <v>4317</v>
      </c>
      <c r="AB114" s="51">
        <v>4883</v>
      </c>
      <c r="AC114" s="51">
        <v>142</v>
      </c>
      <c r="AD114" s="42">
        <v>5025</v>
      </c>
      <c r="AE114" s="51">
        <v>5527</v>
      </c>
      <c r="AF114" s="51">
        <v>143</v>
      </c>
      <c r="AG114" s="42">
        <v>5670</v>
      </c>
      <c r="AH114" s="51">
        <v>7033</v>
      </c>
      <c r="AI114" s="51">
        <v>144</v>
      </c>
      <c r="AJ114" s="42">
        <v>7177</v>
      </c>
      <c r="AK114" s="51">
        <v>7157</v>
      </c>
      <c r="AL114" s="51">
        <v>147</v>
      </c>
      <c r="AM114" s="42">
        <v>7304</v>
      </c>
      <c r="AN114" s="51">
        <v>6097</v>
      </c>
      <c r="AO114" s="51">
        <v>80</v>
      </c>
      <c r="AP114" s="42">
        <v>6177</v>
      </c>
      <c r="AQ114" s="51">
        <v>5776</v>
      </c>
      <c r="AR114" s="51">
        <v>63</v>
      </c>
      <c r="AS114" s="42">
        <v>5839</v>
      </c>
      <c r="AT114" s="51">
        <v>5998</v>
      </c>
      <c r="AU114" s="51">
        <v>44</v>
      </c>
      <c r="AV114" s="42">
        <v>6042</v>
      </c>
      <c r="AW114" s="51">
        <v>8097</v>
      </c>
      <c r="AX114" s="51">
        <v>20</v>
      </c>
      <c r="AY114" s="42">
        <v>8117</v>
      </c>
      <c r="AZ114" s="51">
        <v>6147</v>
      </c>
      <c r="BA114" s="51">
        <v>26</v>
      </c>
      <c r="BB114" s="42">
        <v>6173</v>
      </c>
      <c r="BC114" s="51">
        <v>5413</v>
      </c>
      <c r="BD114" s="51">
        <v>12</v>
      </c>
      <c r="BE114" s="42">
        <v>5425</v>
      </c>
      <c r="BF114" s="51">
        <v>3786</v>
      </c>
      <c r="BG114" s="51">
        <v>3</v>
      </c>
      <c r="BH114" s="42">
        <v>3789</v>
      </c>
      <c r="BI114" s="51">
        <v>1960</v>
      </c>
      <c r="BJ114" s="51">
        <v>2</v>
      </c>
      <c r="BK114" s="42">
        <v>1962</v>
      </c>
      <c r="BL114" s="51">
        <v>644</v>
      </c>
      <c r="BM114" s="51">
        <v>0</v>
      </c>
      <c r="BN114" s="42">
        <v>644</v>
      </c>
      <c r="BO114" s="51">
        <v>103</v>
      </c>
      <c r="BP114" s="51">
        <v>0</v>
      </c>
      <c r="BQ114" s="43">
        <v>103</v>
      </c>
    </row>
    <row r="115" spans="1:69" ht="15" thickBot="1" x14ac:dyDescent="0.2">
      <c r="A115" s="44"/>
      <c r="B115" s="31" t="s">
        <v>32</v>
      </c>
      <c r="C115" s="79"/>
      <c r="D115" s="45">
        <v>186141</v>
      </c>
      <c r="E115" s="46">
        <v>2598</v>
      </c>
      <c r="F115" s="47">
        <v>188739</v>
      </c>
      <c r="G115" s="48">
        <v>5744</v>
      </c>
      <c r="H115" s="47">
        <v>64</v>
      </c>
      <c r="I115" s="47">
        <v>5808</v>
      </c>
      <c r="J115" s="48">
        <v>6889</v>
      </c>
      <c r="K115" s="47">
        <v>45</v>
      </c>
      <c r="L115" s="47">
        <v>6934</v>
      </c>
      <c r="M115" s="74">
        <v>7647</v>
      </c>
      <c r="N115" s="73">
        <v>50</v>
      </c>
      <c r="O115" s="73">
        <v>7697</v>
      </c>
      <c r="P115" s="48">
        <v>8267</v>
      </c>
      <c r="Q115" s="47">
        <v>47</v>
      </c>
      <c r="R115" s="47">
        <v>8314</v>
      </c>
      <c r="S115" s="48">
        <v>8849</v>
      </c>
      <c r="T115" s="47">
        <v>321</v>
      </c>
      <c r="U115" s="47">
        <v>9170</v>
      </c>
      <c r="V115" s="48">
        <v>8192</v>
      </c>
      <c r="W115" s="47">
        <v>458</v>
      </c>
      <c r="X115" s="47">
        <v>8650</v>
      </c>
      <c r="Y115" s="48">
        <v>8589</v>
      </c>
      <c r="Z115" s="47">
        <v>346</v>
      </c>
      <c r="AA115" s="47">
        <v>8935</v>
      </c>
      <c r="AB115" s="48">
        <v>9994</v>
      </c>
      <c r="AC115" s="47">
        <v>245</v>
      </c>
      <c r="AD115" s="47">
        <v>10239</v>
      </c>
      <c r="AE115" s="48">
        <v>11430</v>
      </c>
      <c r="AF115" s="47">
        <v>217</v>
      </c>
      <c r="AG115" s="47">
        <v>11647</v>
      </c>
      <c r="AH115" s="48">
        <v>14283</v>
      </c>
      <c r="AI115" s="47">
        <v>210</v>
      </c>
      <c r="AJ115" s="47">
        <v>14493</v>
      </c>
      <c r="AK115" s="48">
        <v>14789</v>
      </c>
      <c r="AL115" s="47">
        <v>208</v>
      </c>
      <c r="AM115" s="47">
        <v>14997</v>
      </c>
      <c r="AN115" s="48">
        <v>12636</v>
      </c>
      <c r="AO115" s="47">
        <v>126</v>
      </c>
      <c r="AP115" s="47">
        <v>12762</v>
      </c>
      <c r="AQ115" s="48">
        <v>11645</v>
      </c>
      <c r="AR115" s="47">
        <v>89</v>
      </c>
      <c r="AS115" s="47">
        <v>11734</v>
      </c>
      <c r="AT115" s="48">
        <v>11756</v>
      </c>
      <c r="AU115" s="47">
        <v>64</v>
      </c>
      <c r="AV115" s="47">
        <v>11820</v>
      </c>
      <c r="AW115" s="48">
        <v>15497</v>
      </c>
      <c r="AX115" s="47">
        <v>41</v>
      </c>
      <c r="AY115" s="47">
        <v>15538</v>
      </c>
      <c r="AZ115" s="48">
        <v>11142</v>
      </c>
      <c r="BA115" s="47">
        <v>38</v>
      </c>
      <c r="BB115" s="47">
        <v>11180</v>
      </c>
      <c r="BC115" s="48">
        <v>9136</v>
      </c>
      <c r="BD115" s="47">
        <v>18</v>
      </c>
      <c r="BE115" s="47">
        <v>9154</v>
      </c>
      <c r="BF115" s="48">
        <v>5984</v>
      </c>
      <c r="BG115" s="47">
        <v>9</v>
      </c>
      <c r="BH115" s="47">
        <v>5993</v>
      </c>
      <c r="BI115" s="48">
        <v>2739</v>
      </c>
      <c r="BJ115" s="47">
        <v>2</v>
      </c>
      <c r="BK115" s="47">
        <v>2741</v>
      </c>
      <c r="BL115" s="48">
        <v>818</v>
      </c>
      <c r="BM115" s="47">
        <v>0</v>
      </c>
      <c r="BN115" s="47">
        <v>818</v>
      </c>
      <c r="BO115" s="48">
        <v>115</v>
      </c>
      <c r="BP115" s="47">
        <v>0</v>
      </c>
      <c r="BQ115" s="49">
        <v>115</v>
      </c>
    </row>
    <row r="116" spans="1:69" x14ac:dyDescent="0.15">
      <c r="A116" s="24"/>
      <c r="B116" s="20" t="s">
        <v>29</v>
      </c>
      <c r="C116" s="77">
        <v>142077</v>
      </c>
      <c r="D116" s="36">
        <v>118728</v>
      </c>
      <c r="E116" s="37">
        <v>963</v>
      </c>
      <c r="F116" s="38">
        <v>119691</v>
      </c>
      <c r="G116" s="51">
        <v>4519</v>
      </c>
      <c r="H116" s="51">
        <v>21</v>
      </c>
      <c r="I116" s="38">
        <v>4540</v>
      </c>
      <c r="J116" s="51">
        <v>5555</v>
      </c>
      <c r="K116" s="51">
        <v>19</v>
      </c>
      <c r="L116" s="38">
        <v>5574</v>
      </c>
      <c r="M116" s="75">
        <v>5845</v>
      </c>
      <c r="N116" s="75">
        <v>13</v>
      </c>
      <c r="O116" s="70">
        <v>5858</v>
      </c>
      <c r="P116" s="51">
        <v>5789</v>
      </c>
      <c r="Q116" s="51">
        <v>21</v>
      </c>
      <c r="R116" s="38">
        <v>5810</v>
      </c>
      <c r="S116" s="51">
        <v>5665</v>
      </c>
      <c r="T116" s="51">
        <v>86</v>
      </c>
      <c r="U116" s="38">
        <v>5751</v>
      </c>
      <c r="V116" s="51">
        <v>5251</v>
      </c>
      <c r="W116" s="51">
        <v>133</v>
      </c>
      <c r="X116" s="38">
        <v>5384</v>
      </c>
      <c r="Y116" s="51">
        <v>5612</v>
      </c>
      <c r="Z116" s="51">
        <v>119</v>
      </c>
      <c r="AA116" s="38">
        <v>5731</v>
      </c>
      <c r="AB116" s="51">
        <v>7089</v>
      </c>
      <c r="AC116" s="51">
        <v>111</v>
      </c>
      <c r="AD116" s="38">
        <v>7200</v>
      </c>
      <c r="AE116" s="51">
        <v>8435</v>
      </c>
      <c r="AF116" s="51">
        <v>105</v>
      </c>
      <c r="AG116" s="38">
        <v>8540</v>
      </c>
      <c r="AH116" s="51">
        <v>10360</v>
      </c>
      <c r="AI116" s="51">
        <v>100</v>
      </c>
      <c r="AJ116" s="38">
        <v>10460</v>
      </c>
      <c r="AK116" s="51">
        <v>10701</v>
      </c>
      <c r="AL116" s="51">
        <v>79</v>
      </c>
      <c r="AM116" s="38">
        <v>10780</v>
      </c>
      <c r="AN116" s="51">
        <v>8393</v>
      </c>
      <c r="AO116" s="51">
        <v>55</v>
      </c>
      <c r="AP116" s="38">
        <v>8448</v>
      </c>
      <c r="AQ116" s="51">
        <v>6877</v>
      </c>
      <c r="AR116" s="51">
        <v>31</v>
      </c>
      <c r="AS116" s="38">
        <v>6908</v>
      </c>
      <c r="AT116" s="51">
        <v>6368</v>
      </c>
      <c r="AU116" s="51">
        <v>25</v>
      </c>
      <c r="AV116" s="38">
        <v>6393</v>
      </c>
      <c r="AW116" s="51">
        <v>7870</v>
      </c>
      <c r="AX116" s="51">
        <v>17</v>
      </c>
      <c r="AY116" s="38">
        <v>7887</v>
      </c>
      <c r="AZ116" s="51">
        <v>5865</v>
      </c>
      <c r="BA116" s="51">
        <v>12</v>
      </c>
      <c r="BB116" s="38">
        <v>5877</v>
      </c>
      <c r="BC116" s="51">
        <v>4770</v>
      </c>
      <c r="BD116" s="51">
        <v>12</v>
      </c>
      <c r="BE116" s="38">
        <v>4782</v>
      </c>
      <c r="BF116" s="51">
        <v>2626</v>
      </c>
      <c r="BG116" s="51">
        <v>1</v>
      </c>
      <c r="BH116" s="38">
        <v>2627</v>
      </c>
      <c r="BI116" s="51">
        <v>936</v>
      </c>
      <c r="BJ116" s="51">
        <v>3</v>
      </c>
      <c r="BK116" s="38">
        <v>939</v>
      </c>
      <c r="BL116" s="51">
        <v>187</v>
      </c>
      <c r="BM116" s="51">
        <v>0</v>
      </c>
      <c r="BN116" s="38">
        <v>187</v>
      </c>
      <c r="BO116" s="51">
        <v>15</v>
      </c>
      <c r="BP116" s="51">
        <v>0</v>
      </c>
      <c r="BQ116" s="40">
        <v>15</v>
      </c>
    </row>
    <row r="117" spans="1:69" x14ac:dyDescent="0.15">
      <c r="A117" s="24" t="s">
        <v>67</v>
      </c>
      <c r="B117" s="25" t="s">
        <v>31</v>
      </c>
      <c r="C117" s="78"/>
      <c r="D117" s="41">
        <v>125123</v>
      </c>
      <c r="E117" s="39">
        <v>1038</v>
      </c>
      <c r="F117" s="42">
        <v>126161</v>
      </c>
      <c r="G117" s="51">
        <v>4343</v>
      </c>
      <c r="H117" s="51">
        <v>19</v>
      </c>
      <c r="I117" s="42">
        <v>4362</v>
      </c>
      <c r="J117" s="51">
        <v>5256</v>
      </c>
      <c r="K117" s="51">
        <v>19</v>
      </c>
      <c r="L117" s="42">
        <v>5275</v>
      </c>
      <c r="M117" s="75">
        <v>5689</v>
      </c>
      <c r="N117" s="75">
        <v>14</v>
      </c>
      <c r="O117" s="72">
        <v>5703</v>
      </c>
      <c r="P117" s="51">
        <v>5660</v>
      </c>
      <c r="Q117" s="51">
        <v>17</v>
      </c>
      <c r="R117" s="42">
        <v>5677</v>
      </c>
      <c r="S117" s="51">
        <v>5756</v>
      </c>
      <c r="T117" s="51">
        <v>84</v>
      </c>
      <c r="U117" s="42">
        <v>5840</v>
      </c>
      <c r="V117" s="51">
        <v>5179</v>
      </c>
      <c r="W117" s="51">
        <v>104</v>
      </c>
      <c r="X117" s="42">
        <v>5283</v>
      </c>
      <c r="Y117" s="51">
        <v>5677</v>
      </c>
      <c r="Z117" s="51">
        <v>115</v>
      </c>
      <c r="AA117" s="42">
        <v>5792</v>
      </c>
      <c r="AB117" s="51">
        <v>7275</v>
      </c>
      <c r="AC117" s="51">
        <v>112</v>
      </c>
      <c r="AD117" s="42">
        <v>7387</v>
      </c>
      <c r="AE117" s="51">
        <v>8513</v>
      </c>
      <c r="AF117" s="51">
        <v>117</v>
      </c>
      <c r="AG117" s="42">
        <v>8630</v>
      </c>
      <c r="AH117" s="51">
        <v>10461</v>
      </c>
      <c r="AI117" s="51">
        <v>114</v>
      </c>
      <c r="AJ117" s="42">
        <v>10575</v>
      </c>
      <c r="AK117" s="51">
        <v>10105</v>
      </c>
      <c r="AL117" s="51">
        <v>118</v>
      </c>
      <c r="AM117" s="42">
        <v>10223</v>
      </c>
      <c r="AN117" s="51">
        <v>7894</v>
      </c>
      <c r="AO117" s="51">
        <v>75</v>
      </c>
      <c r="AP117" s="42">
        <v>7969</v>
      </c>
      <c r="AQ117" s="51">
        <v>6714</v>
      </c>
      <c r="AR117" s="51">
        <v>52</v>
      </c>
      <c r="AS117" s="42">
        <v>6766</v>
      </c>
      <c r="AT117" s="51">
        <v>6785</v>
      </c>
      <c r="AU117" s="51">
        <v>30</v>
      </c>
      <c r="AV117" s="42">
        <v>6815</v>
      </c>
      <c r="AW117" s="51">
        <v>9263</v>
      </c>
      <c r="AX117" s="51">
        <v>19</v>
      </c>
      <c r="AY117" s="42">
        <v>9282</v>
      </c>
      <c r="AZ117" s="51">
        <v>7259</v>
      </c>
      <c r="BA117" s="51">
        <v>11</v>
      </c>
      <c r="BB117" s="42">
        <v>7270</v>
      </c>
      <c r="BC117" s="51">
        <v>6184</v>
      </c>
      <c r="BD117" s="51">
        <v>8</v>
      </c>
      <c r="BE117" s="42">
        <v>6192</v>
      </c>
      <c r="BF117" s="51">
        <v>4240</v>
      </c>
      <c r="BG117" s="51">
        <v>6</v>
      </c>
      <c r="BH117" s="42">
        <v>4246</v>
      </c>
      <c r="BI117" s="51">
        <v>2071</v>
      </c>
      <c r="BJ117" s="51">
        <v>4</v>
      </c>
      <c r="BK117" s="42">
        <v>2075</v>
      </c>
      <c r="BL117" s="51">
        <v>678</v>
      </c>
      <c r="BM117" s="51">
        <v>0</v>
      </c>
      <c r="BN117" s="42">
        <v>678</v>
      </c>
      <c r="BO117" s="51">
        <v>121</v>
      </c>
      <c r="BP117" s="51">
        <v>0</v>
      </c>
      <c r="BQ117" s="43">
        <v>121</v>
      </c>
    </row>
    <row r="118" spans="1:69" ht="15" thickBot="1" x14ac:dyDescent="0.2">
      <c r="A118" s="44"/>
      <c r="B118" s="31" t="s">
        <v>32</v>
      </c>
      <c r="C118" s="79"/>
      <c r="D118" s="45">
        <v>243851</v>
      </c>
      <c r="E118" s="46">
        <v>2001</v>
      </c>
      <c r="F118" s="47">
        <v>245852</v>
      </c>
      <c r="G118" s="48">
        <v>8862</v>
      </c>
      <c r="H118" s="47">
        <v>40</v>
      </c>
      <c r="I118" s="47">
        <v>8902</v>
      </c>
      <c r="J118" s="48">
        <v>10811</v>
      </c>
      <c r="K118" s="47">
        <v>38</v>
      </c>
      <c r="L118" s="47">
        <v>10849</v>
      </c>
      <c r="M118" s="74">
        <v>11534</v>
      </c>
      <c r="N118" s="73">
        <v>27</v>
      </c>
      <c r="O118" s="73">
        <v>11561</v>
      </c>
      <c r="P118" s="48">
        <v>11449</v>
      </c>
      <c r="Q118" s="47">
        <v>38</v>
      </c>
      <c r="R118" s="47">
        <v>11487</v>
      </c>
      <c r="S118" s="48">
        <v>11421</v>
      </c>
      <c r="T118" s="47">
        <v>170</v>
      </c>
      <c r="U118" s="47">
        <v>11591</v>
      </c>
      <c r="V118" s="48">
        <v>10430</v>
      </c>
      <c r="W118" s="47">
        <v>237</v>
      </c>
      <c r="X118" s="47">
        <v>10667</v>
      </c>
      <c r="Y118" s="48">
        <v>11289</v>
      </c>
      <c r="Z118" s="47">
        <v>234</v>
      </c>
      <c r="AA118" s="47">
        <v>11523</v>
      </c>
      <c r="AB118" s="48">
        <v>14364</v>
      </c>
      <c r="AC118" s="47">
        <v>223</v>
      </c>
      <c r="AD118" s="47">
        <v>14587</v>
      </c>
      <c r="AE118" s="48">
        <v>16948</v>
      </c>
      <c r="AF118" s="47">
        <v>222</v>
      </c>
      <c r="AG118" s="47">
        <v>17170</v>
      </c>
      <c r="AH118" s="48">
        <v>20821</v>
      </c>
      <c r="AI118" s="47">
        <v>214</v>
      </c>
      <c r="AJ118" s="47">
        <v>21035</v>
      </c>
      <c r="AK118" s="48">
        <v>20806</v>
      </c>
      <c r="AL118" s="47">
        <v>197</v>
      </c>
      <c r="AM118" s="47">
        <v>21003</v>
      </c>
      <c r="AN118" s="48">
        <v>16287</v>
      </c>
      <c r="AO118" s="47">
        <v>130</v>
      </c>
      <c r="AP118" s="47">
        <v>16417</v>
      </c>
      <c r="AQ118" s="48">
        <v>13591</v>
      </c>
      <c r="AR118" s="47">
        <v>83</v>
      </c>
      <c r="AS118" s="47">
        <v>13674</v>
      </c>
      <c r="AT118" s="48">
        <v>13153</v>
      </c>
      <c r="AU118" s="47">
        <v>55</v>
      </c>
      <c r="AV118" s="47">
        <v>13208</v>
      </c>
      <c r="AW118" s="48">
        <v>17133</v>
      </c>
      <c r="AX118" s="47">
        <v>36</v>
      </c>
      <c r="AY118" s="47">
        <v>17169</v>
      </c>
      <c r="AZ118" s="48">
        <v>13124</v>
      </c>
      <c r="BA118" s="47">
        <v>23</v>
      </c>
      <c r="BB118" s="47">
        <v>13147</v>
      </c>
      <c r="BC118" s="48">
        <v>10954</v>
      </c>
      <c r="BD118" s="47">
        <v>20</v>
      </c>
      <c r="BE118" s="47">
        <v>10974</v>
      </c>
      <c r="BF118" s="48">
        <v>6866</v>
      </c>
      <c r="BG118" s="47">
        <v>7</v>
      </c>
      <c r="BH118" s="47">
        <v>6873</v>
      </c>
      <c r="BI118" s="48">
        <v>3007</v>
      </c>
      <c r="BJ118" s="47">
        <v>7</v>
      </c>
      <c r="BK118" s="47">
        <v>3014</v>
      </c>
      <c r="BL118" s="48">
        <v>865</v>
      </c>
      <c r="BM118" s="47">
        <v>0</v>
      </c>
      <c r="BN118" s="47">
        <v>865</v>
      </c>
      <c r="BO118" s="48">
        <v>136</v>
      </c>
      <c r="BP118" s="47">
        <v>0</v>
      </c>
      <c r="BQ118" s="49">
        <v>136</v>
      </c>
    </row>
    <row r="119" spans="1:69" x14ac:dyDescent="0.15">
      <c r="A119" s="24"/>
      <c r="B119" s="20" t="s">
        <v>29</v>
      </c>
      <c r="C119" s="77">
        <v>142085</v>
      </c>
      <c r="D119" s="36">
        <v>27723</v>
      </c>
      <c r="E119" s="37">
        <v>282</v>
      </c>
      <c r="F119" s="38">
        <v>28005</v>
      </c>
      <c r="G119" s="51">
        <v>956</v>
      </c>
      <c r="H119" s="51">
        <v>6</v>
      </c>
      <c r="I119" s="38">
        <v>962</v>
      </c>
      <c r="J119" s="51">
        <v>1237</v>
      </c>
      <c r="K119" s="51">
        <v>5</v>
      </c>
      <c r="L119" s="38">
        <v>1242</v>
      </c>
      <c r="M119" s="75">
        <v>1253</v>
      </c>
      <c r="N119" s="75">
        <v>2</v>
      </c>
      <c r="O119" s="70">
        <v>1255</v>
      </c>
      <c r="P119" s="51">
        <v>1310</v>
      </c>
      <c r="Q119" s="51">
        <v>3</v>
      </c>
      <c r="R119" s="38">
        <v>1313</v>
      </c>
      <c r="S119" s="51">
        <v>1216</v>
      </c>
      <c r="T119" s="51">
        <v>9</v>
      </c>
      <c r="U119" s="38">
        <v>1225</v>
      </c>
      <c r="V119" s="51">
        <v>957</v>
      </c>
      <c r="W119" s="51">
        <v>16</v>
      </c>
      <c r="X119" s="38">
        <v>973</v>
      </c>
      <c r="Y119" s="51">
        <v>1022</v>
      </c>
      <c r="Z119" s="51">
        <v>28</v>
      </c>
      <c r="AA119" s="38">
        <v>1050</v>
      </c>
      <c r="AB119" s="51">
        <v>1313</v>
      </c>
      <c r="AC119" s="51">
        <v>38</v>
      </c>
      <c r="AD119" s="38">
        <v>1351</v>
      </c>
      <c r="AE119" s="51">
        <v>1798</v>
      </c>
      <c r="AF119" s="51">
        <v>36</v>
      </c>
      <c r="AG119" s="38">
        <v>1834</v>
      </c>
      <c r="AH119" s="51">
        <v>2349</v>
      </c>
      <c r="AI119" s="51">
        <v>27</v>
      </c>
      <c r="AJ119" s="38">
        <v>2376</v>
      </c>
      <c r="AK119" s="51">
        <v>2571</v>
      </c>
      <c r="AL119" s="51">
        <v>25</v>
      </c>
      <c r="AM119" s="38">
        <v>2596</v>
      </c>
      <c r="AN119" s="51">
        <v>2168</v>
      </c>
      <c r="AO119" s="51">
        <v>28</v>
      </c>
      <c r="AP119" s="38">
        <v>2196</v>
      </c>
      <c r="AQ119" s="51">
        <v>1771</v>
      </c>
      <c r="AR119" s="51">
        <v>22</v>
      </c>
      <c r="AS119" s="38">
        <v>1793</v>
      </c>
      <c r="AT119" s="51">
        <v>1519</v>
      </c>
      <c r="AU119" s="51">
        <v>15</v>
      </c>
      <c r="AV119" s="38">
        <v>1534</v>
      </c>
      <c r="AW119" s="51">
        <v>2030</v>
      </c>
      <c r="AX119" s="51">
        <v>11</v>
      </c>
      <c r="AY119" s="38">
        <v>2041</v>
      </c>
      <c r="AZ119" s="51">
        <v>1596</v>
      </c>
      <c r="BA119" s="51">
        <v>3</v>
      </c>
      <c r="BB119" s="38">
        <v>1599</v>
      </c>
      <c r="BC119" s="51">
        <v>1341</v>
      </c>
      <c r="BD119" s="51">
        <v>4</v>
      </c>
      <c r="BE119" s="38">
        <v>1345</v>
      </c>
      <c r="BF119" s="51">
        <v>864</v>
      </c>
      <c r="BG119" s="51">
        <v>1</v>
      </c>
      <c r="BH119" s="38">
        <v>865</v>
      </c>
      <c r="BI119" s="51">
        <v>361</v>
      </c>
      <c r="BJ119" s="51">
        <v>3</v>
      </c>
      <c r="BK119" s="38">
        <v>364</v>
      </c>
      <c r="BL119" s="51">
        <v>82</v>
      </c>
      <c r="BM119" s="51">
        <v>0</v>
      </c>
      <c r="BN119" s="38">
        <v>82</v>
      </c>
      <c r="BO119" s="51">
        <v>9</v>
      </c>
      <c r="BP119" s="51">
        <v>0</v>
      </c>
      <c r="BQ119" s="40">
        <v>9</v>
      </c>
    </row>
    <row r="120" spans="1:69" x14ac:dyDescent="0.15">
      <c r="A120" s="24" t="s">
        <v>68</v>
      </c>
      <c r="B120" s="25" t="s">
        <v>31</v>
      </c>
      <c r="C120" s="83"/>
      <c r="D120" s="41">
        <v>31134</v>
      </c>
      <c r="E120" s="39">
        <v>252</v>
      </c>
      <c r="F120" s="42">
        <v>31386</v>
      </c>
      <c r="G120" s="51">
        <v>864</v>
      </c>
      <c r="H120" s="51">
        <v>4</v>
      </c>
      <c r="I120" s="42">
        <v>868</v>
      </c>
      <c r="J120" s="51">
        <v>1126</v>
      </c>
      <c r="K120" s="51">
        <v>5</v>
      </c>
      <c r="L120" s="42">
        <v>1131</v>
      </c>
      <c r="M120" s="75">
        <v>1266</v>
      </c>
      <c r="N120" s="75">
        <v>4</v>
      </c>
      <c r="O120" s="72">
        <v>1270</v>
      </c>
      <c r="P120" s="51">
        <v>1219</v>
      </c>
      <c r="Q120" s="51">
        <v>4</v>
      </c>
      <c r="R120" s="42">
        <v>1223</v>
      </c>
      <c r="S120" s="51">
        <v>1198</v>
      </c>
      <c r="T120" s="51">
        <v>7</v>
      </c>
      <c r="U120" s="42">
        <v>1205</v>
      </c>
      <c r="V120" s="51">
        <v>975</v>
      </c>
      <c r="W120" s="51">
        <v>11</v>
      </c>
      <c r="X120" s="42">
        <v>986</v>
      </c>
      <c r="Y120" s="51">
        <v>1169</v>
      </c>
      <c r="Z120" s="51">
        <v>28</v>
      </c>
      <c r="AA120" s="42">
        <v>1197</v>
      </c>
      <c r="AB120" s="51">
        <v>1520</v>
      </c>
      <c r="AC120" s="51">
        <v>33</v>
      </c>
      <c r="AD120" s="42">
        <v>1553</v>
      </c>
      <c r="AE120" s="51">
        <v>1966</v>
      </c>
      <c r="AF120" s="51">
        <v>31</v>
      </c>
      <c r="AG120" s="42">
        <v>1997</v>
      </c>
      <c r="AH120" s="51">
        <v>2523</v>
      </c>
      <c r="AI120" s="51">
        <v>24</v>
      </c>
      <c r="AJ120" s="42">
        <v>2547</v>
      </c>
      <c r="AK120" s="51">
        <v>2723</v>
      </c>
      <c r="AL120" s="51">
        <v>29</v>
      </c>
      <c r="AM120" s="42">
        <v>2752</v>
      </c>
      <c r="AN120" s="51">
        <v>2109</v>
      </c>
      <c r="AO120" s="51">
        <v>22</v>
      </c>
      <c r="AP120" s="42">
        <v>2131</v>
      </c>
      <c r="AQ120" s="51">
        <v>1785</v>
      </c>
      <c r="AR120" s="51">
        <v>12</v>
      </c>
      <c r="AS120" s="42">
        <v>1797</v>
      </c>
      <c r="AT120" s="51">
        <v>1690</v>
      </c>
      <c r="AU120" s="51">
        <v>15</v>
      </c>
      <c r="AV120" s="42">
        <v>1705</v>
      </c>
      <c r="AW120" s="51">
        <v>2429</v>
      </c>
      <c r="AX120" s="51">
        <v>7</v>
      </c>
      <c r="AY120" s="42">
        <v>2436</v>
      </c>
      <c r="AZ120" s="51">
        <v>2143</v>
      </c>
      <c r="BA120" s="51">
        <v>4</v>
      </c>
      <c r="BB120" s="42">
        <v>2147</v>
      </c>
      <c r="BC120" s="51">
        <v>1911</v>
      </c>
      <c r="BD120" s="51">
        <v>8</v>
      </c>
      <c r="BE120" s="42">
        <v>1919</v>
      </c>
      <c r="BF120" s="51">
        <v>1458</v>
      </c>
      <c r="BG120" s="51">
        <v>3</v>
      </c>
      <c r="BH120" s="42">
        <v>1461</v>
      </c>
      <c r="BI120" s="51">
        <v>773</v>
      </c>
      <c r="BJ120" s="51">
        <v>1</v>
      </c>
      <c r="BK120" s="42">
        <v>774</v>
      </c>
      <c r="BL120" s="51">
        <v>244</v>
      </c>
      <c r="BM120" s="51">
        <v>0</v>
      </c>
      <c r="BN120" s="42">
        <v>244</v>
      </c>
      <c r="BO120" s="51">
        <v>43</v>
      </c>
      <c r="BP120" s="51">
        <v>0</v>
      </c>
      <c r="BQ120" s="43">
        <v>43</v>
      </c>
    </row>
    <row r="121" spans="1:69" ht="15" thickBot="1" x14ac:dyDescent="0.2">
      <c r="A121" s="44"/>
      <c r="B121" s="31" t="s">
        <v>32</v>
      </c>
      <c r="C121" s="84"/>
      <c r="D121" s="45">
        <v>58857</v>
      </c>
      <c r="E121" s="46">
        <v>534</v>
      </c>
      <c r="F121" s="47">
        <v>59391</v>
      </c>
      <c r="G121" s="48">
        <v>1820</v>
      </c>
      <c r="H121" s="47">
        <v>10</v>
      </c>
      <c r="I121" s="47">
        <v>1830</v>
      </c>
      <c r="J121" s="48">
        <v>2363</v>
      </c>
      <c r="K121" s="47">
        <v>10</v>
      </c>
      <c r="L121" s="47">
        <v>2373</v>
      </c>
      <c r="M121" s="74">
        <v>2519</v>
      </c>
      <c r="N121" s="73">
        <v>6</v>
      </c>
      <c r="O121" s="73">
        <v>2525</v>
      </c>
      <c r="P121" s="48">
        <v>2529</v>
      </c>
      <c r="Q121" s="47">
        <v>7</v>
      </c>
      <c r="R121" s="47">
        <v>2536</v>
      </c>
      <c r="S121" s="48">
        <v>2414</v>
      </c>
      <c r="T121" s="47">
        <v>16</v>
      </c>
      <c r="U121" s="47">
        <v>2430</v>
      </c>
      <c r="V121" s="48">
        <v>1932</v>
      </c>
      <c r="W121" s="47">
        <v>27</v>
      </c>
      <c r="X121" s="47">
        <v>1959</v>
      </c>
      <c r="Y121" s="48">
        <v>2191</v>
      </c>
      <c r="Z121" s="47">
        <v>56</v>
      </c>
      <c r="AA121" s="47">
        <v>2247</v>
      </c>
      <c r="AB121" s="48">
        <v>2833</v>
      </c>
      <c r="AC121" s="47">
        <v>71</v>
      </c>
      <c r="AD121" s="47">
        <v>2904</v>
      </c>
      <c r="AE121" s="48">
        <v>3764</v>
      </c>
      <c r="AF121" s="47">
        <v>67</v>
      </c>
      <c r="AG121" s="47">
        <v>3831</v>
      </c>
      <c r="AH121" s="48">
        <v>4872</v>
      </c>
      <c r="AI121" s="47">
        <v>51</v>
      </c>
      <c r="AJ121" s="47">
        <v>4923</v>
      </c>
      <c r="AK121" s="48">
        <v>5294</v>
      </c>
      <c r="AL121" s="47">
        <v>54</v>
      </c>
      <c r="AM121" s="47">
        <v>5348</v>
      </c>
      <c r="AN121" s="48">
        <v>4277</v>
      </c>
      <c r="AO121" s="47">
        <v>50</v>
      </c>
      <c r="AP121" s="47">
        <v>4327</v>
      </c>
      <c r="AQ121" s="48">
        <v>3556</v>
      </c>
      <c r="AR121" s="47">
        <v>34</v>
      </c>
      <c r="AS121" s="47">
        <v>3590</v>
      </c>
      <c r="AT121" s="48">
        <v>3209</v>
      </c>
      <c r="AU121" s="47">
        <v>30</v>
      </c>
      <c r="AV121" s="47">
        <v>3239</v>
      </c>
      <c r="AW121" s="48">
        <v>4459</v>
      </c>
      <c r="AX121" s="47">
        <v>18</v>
      </c>
      <c r="AY121" s="47">
        <v>4477</v>
      </c>
      <c r="AZ121" s="48">
        <v>3739</v>
      </c>
      <c r="BA121" s="47">
        <v>7</v>
      </c>
      <c r="BB121" s="47">
        <v>3746</v>
      </c>
      <c r="BC121" s="48">
        <v>3252</v>
      </c>
      <c r="BD121" s="47">
        <v>12</v>
      </c>
      <c r="BE121" s="47">
        <v>3264</v>
      </c>
      <c r="BF121" s="48">
        <v>2322</v>
      </c>
      <c r="BG121" s="47">
        <v>4</v>
      </c>
      <c r="BH121" s="47">
        <v>2326</v>
      </c>
      <c r="BI121" s="48">
        <v>1134</v>
      </c>
      <c r="BJ121" s="47">
        <v>4</v>
      </c>
      <c r="BK121" s="47">
        <v>1138</v>
      </c>
      <c r="BL121" s="48">
        <v>326</v>
      </c>
      <c r="BM121" s="47">
        <v>0</v>
      </c>
      <c r="BN121" s="47">
        <v>326</v>
      </c>
      <c r="BO121" s="48">
        <v>52</v>
      </c>
      <c r="BP121" s="47">
        <v>0</v>
      </c>
      <c r="BQ121" s="49">
        <v>52</v>
      </c>
    </row>
    <row r="122" spans="1:69" x14ac:dyDescent="0.15">
      <c r="A122" s="24"/>
      <c r="B122" s="20" t="s">
        <v>29</v>
      </c>
      <c r="C122" s="77">
        <v>142107</v>
      </c>
      <c r="D122" s="36">
        <v>20141</v>
      </c>
      <c r="E122" s="37">
        <v>180</v>
      </c>
      <c r="F122" s="38">
        <v>20321</v>
      </c>
      <c r="G122" s="51">
        <v>475</v>
      </c>
      <c r="H122" s="51">
        <v>2</v>
      </c>
      <c r="I122" s="38">
        <v>477</v>
      </c>
      <c r="J122" s="51">
        <v>582</v>
      </c>
      <c r="K122" s="51">
        <v>2</v>
      </c>
      <c r="L122" s="38">
        <v>584</v>
      </c>
      <c r="M122" s="75">
        <v>697</v>
      </c>
      <c r="N122" s="75">
        <v>0</v>
      </c>
      <c r="O122" s="70">
        <v>697</v>
      </c>
      <c r="P122" s="51">
        <v>835</v>
      </c>
      <c r="Q122" s="51">
        <v>0</v>
      </c>
      <c r="R122" s="38">
        <v>835</v>
      </c>
      <c r="S122" s="51">
        <v>837</v>
      </c>
      <c r="T122" s="51">
        <v>35</v>
      </c>
      <c r="U122" s="38">
        <v>872</v>
      </c>
      <c r="V122" s="51">
        <v>729</v>
      </c>
      <c r="W122" s="51">
        <v>57</v>
      </c>
      <c r="X122" s="38">
        <v>786</v>
      </c>
      <c r="Y122" s="51">
        <v>784</v>
      </c>
      <c r="Z122" s="51">
        <v>20</v>
      </c>
      <c r="AA122" s="38">
        <v>804</v>
      </c>
      <c r="AB122" s="51">
        <v>913</v>
      </c>
      <c r="AC122" s="51">
        <v>4</v>
      </c>
      <c r="AD122" s="38">
        <v>917</v>
      </c>
      <c r="AE122" s="51">
        <v>1101</v>
      </c>
      <c r="AF122" s="51">
        <v>9</v>
      </c>
      <c r="AG122" s="38">
        <v>1110</v>
      </c>
      <c r="AH122" s="51">
        <v>1456</v>
      </c>
      <c r="AI122" s="51">
        <v>8</v>
      </c>
      <c r="AJ122" s="38">
        <v>1464</v>
      </c>
      <c r="AK122" s="51">
        <v>1609</v>
      </c>
      <c r="AL122" s="51">
        <v>9</v>
      </c>
      <c r="AM122" s="38">
        <v>1618</v>
      </c>
      <c r="AN122" s="51">
        <v>1421</v>
      </c>
      <c r="AO122" s="51">
        <v>9</v>
      </c>
      <c r="AP122" s="38">
        <v>1430</v>
      </c>
      <c r="AQ122" s="51">
        <v>1389</v>
      </c>
      <c r="AR122" s="51">
        <v>5</v>
      </c>
      <c r="AS122" s="38">
        <v>1394</v>
      </c>
      <c r="AT122" s="51">
        <v>1630</v>
      </c>
      <c r="AU122" s="51">
        <v>9</v>
      </c>
      <c r="AV122" s="38">
        <v>1639</v>
      </c>
      <c r="AW122" s="51">
        <v>2192</v>
      </c>
      <c r="AX122" s="51">
        <v>4</v>
      </c>
      <c r="AY122" s="38">
        <v>2196</v>
      </c>
      <c r="AZ122" s="51">
        <v>1468</v>
      </c>
      <c r="BA122" s="51">
        <v>5</v>
      </c>
      <c r="BB122" s="38">
        <v>1473</v>
      </c>
      <c r="BC122" s="51">
        <v>1090</v>
      </c>
      <c r="BD122" s="51">
        <v>1</v>
      </c>
      <c r="BE122" s="38">
        <v>1091</v>
      </c>
      <c r="BF122" s="51">
        <v>656</v>
      </c>
      <c r="BG122" s="51">
        <v>0</v>
      </c>
      <c r="BH122" s="38">
        <v>656</v>
      </c>
      <c r="BI122" s="51">
        <v>240</v>
      </c>
      <c r="BJ122" s="51">
        <v>0</v>
      </c>
      <c r="BK122" s="38">
        <v>240</v>
      </c>
      <c r="BL122" s="51">
        <v>35</v>
      </c>
      <c r="BM122" s="51">
        <v>1</v>
      </c>
      <c r="BN122" s="38">
        <v>36</v>
      </c>
      <c r="BO122" s="51">
        <v>2</v>
      </c>
      <c r="BP122" s="51">
        <v>0</v>
      </c>
      <c r="BQ122" s="38">
        <v>2</v>
      </c>
    </row>
    <row r="123" spans="1:69" x14ac:dyDescent="0.15">
      <c r="A123" s="24" t="s">
        <v>69</v>
      </c>
      <c r="B123" s="25" t="s">
        <v>31</v>
      </c>
      <c r="C123" s="78"/>
      <c r="D123" s="41">
        <v>21316</v>
      </c>
      <c r="E123" s="39">
        <v>180</v>
      </c>
      <c r="F123" s="42">
        <v>21496</v>
      </c>
      <c r="G123" s="51">
        <v>416</v>
      </c>
      <c r="H123" s="51">
        <v>0</v>
      </c>
      <c r="I123" s="42">
        <v>416</v>
      </c>
      <c r="J123" s="51">
        <v>532</v>
      </c>
      <c r="K123" s="51">
        <v>0</v>
      </c>
      <c r="L123" s="42">
        <v>532</v>
      </c>
      <c r="M123" s="75">
        <v>695</v>
      </c>
      <c r="N123" s="75">
        <v>3</v>
      </c>
      <c r="O123" s="72">
        <v>698</v>
      </c>
      <c r="P123" s="51">
        <v>796</v>
      </c>
      <c r="Q123" s="51">
        <v>5</v>
      </c>
      <c r="R123" s="42">
        <v>801</v>
      </c>
      <c r="S123" s="51">
        <v>774</v>
      </c>
      <c r="T123" s="51">
        <v>35</v>
      </c>
      <c r="U123" s="42">
        <v>809</v>
      </c>
      <c r="V123" s="51">
        <v>665</v>
      </c>
      <c r="W123" s="51">
        <v>20</v>
      </c>
      <c r="X123" s="42">
        <v>685</v>
      </c>
      <c r="Y123" s="51">
        <v>732</v>
      </c>
      <c r="Z123" s="51">
        <v>12</v>
      </c>
      <c r="AA123" s="42">
        <v>744</v>
      </c>
      <c r="AB123" s="51">
        <v>841</v>
      </c>
      <c r="AC123" s="51">
        <v>10</v>
      </c>
      <c r="AD123" s="42">
        <v>851</v>
      </c>
      <c r="AE123" s="51">
        <v>1026</v>
      </c>
      <c r="AF123" s="51">
        <v>16</v>
      </c>
      <c r="AG123" s="42">
        <v>1042</v>
      </c>
      <c r="AH123" s="51">
        <v>1336</v>
      </c>
      <c r="AI123" s="51">
        <v>18</v>
      </c>
      <c r="AJ123" s="42">
        <v>1354</v>
      </c>
      <c r="AK123" s="51">
        <v>1487</v>
      </c>
      <c r="AL123" s="51">
        <v>15</v>
      </c>
      <c r="AM123" s="42">
        <v>1502</v>
      </c>
      <c r="AN123" s="51">
        <v>1317</v>
      </c>
      <c r="AO123" s="51">
        <v>13</v>
      </c>
      <c r="AP123" s="42">
        <v>1330</v>
      </c>
      <c r="AQ123" s="51">
        <v>1362</v>
      </c>
      <c r="AR123" s="51">
        <v>15</v>
      </c>
      <c r="AS123" s="42">
        <v>1377</v>
      </c>
      <c r="AT123" s="51">
        <v>1717</v>
      </c>
      <c r="AU123" s="51">
        <v>4</v>
      </c>
      <c r="AV123" s="42">
        <v>1721</v>
      </c>
      <c r="AW123" s="51">
        <v>2286</v>
      </c>
      <c r="AX123" s="51">
        <v>8</v>
      </c>
      <c r="AY123" s="42">
        <v>2294</v>
      </c>
      <c r="AZ123" s="51">
        <v>1775</v>
      </c>
      <c r="BA123" s="51">
        <v>2</v>
      </c>
      <c r="BB123" s="42">
        <v>1777</v>
      </c>
      <c r="BC123" s="51">
        <v>1578</v>
      </c>
      <c r="BD123" s="51">
        <v>3</v>
      </c>
      <c r="BE123" s="42">
        <v>1581</v>
      </c>
      <c r="BF123" s="51">
        <v>1118</v>
      </c>
      <c r="BG123" s="51">
        <v>0</v>
      </c>
      <c r="BH123" s="42">
        <v>1118</v>
      </c>
      <c r="BI123" s="51">
        <v>644</v>
      </c>
      <c r="BJ123" s="51">
        <v>0</v>
      </c>
      <c r="BK123" s="42">
        <v>644</v>
      </c>
      <c r="BL123" s="51">
        <v>186</v>
      </c>
      <c r="BM123" s="51">
        <v>0</v>
      </c>
      <c r="BN123" s="42">
        <v>186</v>
      </c>
      <c r="BO123" s="51">
        <v>33</v>
      </c>
      <c r="BP123" s="51">
        <v>1</v>
      </c>
      <c r="BQ123" s="42">
        <v>34</v>
      </c>
    </row>
    <row r="124" spans="1:69" ht="15" thickBot="1" x14ac:dyDescent="0.2">
      <c r="A124" s="44"/>
      <c r="B124" s="31" t="s">
        <v>32</v>
      </c>
      <c r="C124" s="79"/>
      <c r="D124" s="45">
        <v>41457</v>
      </c>
      <c r="E124" s="46">
        <v>360</v>
      </c>
      <c r="F124" s="47">
        <v>41817</v>
      </c>
      <c r="G124" s="48">
        <v>891</v>
      </c>
      <c r="H124" s="47">
        <v>2</v>
      </c>
      <c r="I124" s="47">
        <v>893</v>
      </c>
      <c r="J124" s="48">
        <v>1114</v>
      </c>
      <c r="K124" s="47">
        <v>2</v>
      </c>
      <c r="L124" s="47">
        <v>1116</v>
      </c>
      <c r="M124" s="74">
        <v>1392</v>
      </c>
      <c r="N124" s="73">
        <v>3</v>
      </c>
      <c r="O124" s="73">
        <v>1395</v>
      </c>
      <c r="P124" s="48">
        <v>1631</v>
      </c>
      <c r="Q124" s="47">
        <v>5</v>
      </c>
      <c r="R124" s="47">
        <v>1636</v>
      </c>
      <c r="S124" s="48">
        <v>1611</v>
      </c>
      <c r="T124" s="47">
        <v>70</v>
      </c>
      <c r="U124" s="47">
        <v>1681</v>
      </c>
      <c r="V124" s="48">
        <v>1394</v>
      </c>
      <c r="W124" s="47">
        <v>77</v>
      </c>
      <c r="X124" s="47">
        <v>1471</v>
      </c>
      <c r="Y124" s="48">
        <v>1516</v>
      </c>
      <c r="Z124" s="47">
        <v>32</v>
      </c>
      <c r="AA124" s="47">
        <v>1548</v>
      </c>
      <c r="AB124" s="48">
        <v>1754</v>
      </c>
      <c r="AC124" s="47">
        <v>14</v>
      </c>
      <c r="AD124" s="47">
        <v>1768</v>
      </c>
      <c r="AE124" s="48">
        <v>2127</v>
      </c>
      <c r="AF124" s="47">
        <v>25</v>
      </c>
      <c r="AG124" s="47">
        <v>2152</v>
      </c>
      <c r="AH124" s="48">
        <v>2792</v>
      </c>
      <c r="AI124" s="47">
        <v>26</v>
      </c>
      <c r="AJ124" s="47">
        <v>2818</v>
      </c>
      <c r="AK124" s="48">
        <v>3096</v>
      </c>
      <c r="AL124" s="47">
        <v>24</v>
      </c>
      <c r="AM124" s="47">
        <v>3120</v>
      </c>
      <c r="AN124" s="48">
        <v>2738</v>
      </c>
      <c r="AO124" s="47">
        <v>22</v>
      </c>
      <c r="AP124" s="47">
        <v>2760</v>
      </c>
      <c r="AQ124" s="48">
        <v>2751</v>
      </c>
      <c r="AR124" s="47">
        <v>20</v>
      </c>
      <c r="AS124" s="47">
        <v>2771</v>
      </c>
      <c r="AT124" s="48">
        <v>3347</v>
      </c>
      <c r="AU124" s="47">
        <v>13</v>
      </c>
      <c r="AV124" s="47">
        <v>3360</v>
      </c>
      <c r="AW124" s="48">
        <v>4478</v>
      </c>
      <c r="AX124" s="47">
        <v>12</v>
      </c>
      <c r="AY124" s="47">
        <v>4490</v>
      </c>
      <c r="AZ124" s="48">
        <v>3243</v>
      </c>
      <c r="BA124" s="47">
        <v>7</v>
      </c>
      <c r="BB124" s="47">
        <v>3250</v>
      </c>
      <c r="BC124" s="48">
        <v>2668</v>
      </c>
      <c r="BD124" s="47">
        <v>4</v>
      </c>
      <c r="BE124" s="47">
        <v>2672</v>
      </c>
      <c r="BF124" s="48">
        <v>1774</v>
      </c>
      <c r="BG124" s="47">
        <v>0</v>
      </c>
      <c r="BH124" s="47">
        <v>1774</v>
      </c>
      <c r="BI124" s="48">
        <v>884</v>
      </c>
      <c r="BJ124" s="47">
        <v>0</v>
      </c>
      <c r="BK124" s="47">
        <v>884</v>
      </c>
      <c r="BL124" s="48">
        <v>221</v>
      </c>
      <c r="BM124" s="47">
        <v>1</v>
      </c>
      <c r="BN124" s="47">
        <v>222</v>
      </c>
      <c r="BO124" s="48">
        <v>35</v>
      </c>
      <c r="BP124" s="47">
        <v>1</v>
      </c>
      <c r="BQ124" s="47">
        <v>36</v>
      </c>
    </row>
    <row r="125" spans="1:69" x14ac:dyDescent="0.15">
      <c r="A125" s="24"/>
      <c r="B125" s="20" t="s">
        <v>29</v>
      </c>
      <c r="C125" s="77">
        <v>142115</v>
      </c>
      <c r="D125" s="36">
        <v>78316</v>
      </c>
      <c r="E125" s="37">
        <v>1995</v>
      </c>
      <c r="F125" s="38">
        <v>80311</v>
      </c>
      <c r="G125" s="51">
        <v>2280</v>
      </c>
      <c r="H125" s="51">
        <v>53</v>
      </c>
      <c r="I125" s="38">
        <v>2333</v>
      </c>
      <c r="J125" s="51">
        <v>3098</v>
      </c>
      <c r="K125" s="51">
        <v>70</v>
      </c>
      <c r="L125" s="38">
        <v>3168</v>
      </c>
      <c r="M125" s="75">
        <v>3523</v>
      </c>
      <c r="N125" s="75">
        <v>65</v>
      </c>
      <c r="O125" s="70">
        <v>3588</v>
      </c>
      <c r="P125" s="51">
        <v>3504</v>
      </c>
      <c r="Q125" s="51">
        <v>100</v>
      </c>
      <c r="R125" s="38">
        <v>3604</v>
      </c>
      <c r="S125" s="51">
        <v>4090</v>
      </c>
      <c r="T125" s="51">
        <v>479</v>
      </c>
      <c r="U125" s="38">
        <v>4569</v>
      </c>
      <c r="V125" s="51">
        <v>3467</v>
      </c>
      <c r="W125" s="51">
        <v>271</v>
      </c>
      <c r="X125" s="38">
        <v>3738</v>
      </c>
      <c r="Y125" s="51">
        <v>3608</v>
      </c>
      <c r="Z125" s="51">
        <v>195</v>
      </c>
      <c r="AA125" s="38">
        <v>3803</v>
      </c>
      <c r="AB125" s="51">
        <v>4379</v>
      </c>
      <c r="AC125" s="51">
        <v>124</v>
      </c>
      <c r="AD125" s="38">
        <v>4503</v>
      </c>
      <c r="AE125" s="51">
        <v>5375</v>
      </c>
      <c r="AF125" s="51">
        <v>119</v>
      </c>
      <c r="AG125" s="38">
        <v>5494</v>
      </c>
      <c r="AH125" s="51">
        <v>6385</v>
      </c>
      <c r="AI125" s="51">
        <v>135</v>
      </c>
      <c r="AJ125" s="38">
        <v>6520</v>
      </c>
      <c r="AK125" s="51">
        <v>6364</v>
      </c>
      <c r="AL125" s="51">
        <v>133</v>
      </c>
      <c r="AM125" s="38">
        <v>6497</v>
      </c>
      <c r="AN125" s="51">
        <v>5144</v>
      </c>
      <c r="AO125" s="51">
        <v>106</v>
      </c>
      <c r="AP125" s="38">
        <v>5250</v>
      </c>
      <c r="AQ125" s="51">
        <v>4608</v>
      </c>
      <c r="AR125" s="51">
        <v>63</v>
      </c>
      <c r="AS125" s="38">
        <v>4671</v>
      </c>
      <c r="AT125" s="51">
        <v>5107</v>
      </c>
      <c r="AU125" s="51">
        <v>40</v>
      </c>
      <c r="AV125" s="38">
        <v>5147</v>
      </c>
      <c r="AW125" s="51">
        <v>6954</v>
      </c>
      <c r="AX125" s="51">
        <v>20</v>
      </c>
      <c r="AY125" s="38">
        <v>6974</v>
      </c>
      <c r="AZ125" s="51">
        <v>4838</v>
      </c>
      <c r="BA125" s="51">
        <v>9</v>
      </c>
      <c r="BB125" s="38">
        <v>4847</v>
      </c>
      <c r="BC125" s="51">
        <v>3363</v>
      </c>
      <c r="BD125" s="51">
        <v>10</v>
      </c>
      <c r="BE125" s="38">
        <v>3373</v>
      </c>
      <c r="BF125" s="51">
        <v>1605</v>
      </c>
      <c r="BG125" s="51">
        <v>0</v>
      </c>
      <c r="BH125" s="38">
        <v>1605</v>
      </c>
      <c r="BI125" s="51">
        <v>505</v>
      </c>
      <c r="BJ125" s="51">
        <v>2</v>
      </c>
      <c r="BK125" s="38">
        <v>507</v>
      </c>
      <c r="BL125" s="51">
        <v>112</v>
      </c>
      <c r="BM125" s="51">
        <v>1</v>
      </c>
      <c r="BN125" s="38">
        <v>113</v>
      </c>
      <c r="BO125" s="51">
        <v>7</v>
      </c>
      <c r="BP125" s="51">
        <v>0</v>
      </c>
      <c r="BQ125" s="40">
        <v>7</v>
      </c>
    </row>
    <row r="126" spans="1:69" x14ac:dyDescent="0.15">
      <c r="A126" s="24" t="s">
        <v>70</v>
      </c>
      <c r="B126" s="25" t="s">
        <v>31</v>
      </c>
      <c r="C126" s="78"/>
      <c r="D126" s="41">
        <v>77961</v>
      </c>
      <c r="E126" s="39">
        <v>1713</v>
      </c>
      <c r="F126" s="42">
        <v>79674</v>
      </c>
      <c r="G126" s="51">
        <v>2098</v>
      </c>
      <c r="H126" s="51">
        <v>58</v>
      </c>
      <c r="I126" s="42">
        <v>2156</v>
      </c>
      <c r="J126" s="51">
        <v>2855</v>
      </c>
      <c r="K126" s="51">
        <v>57</v>
      </c>
      <c r="L126" s="42">
        <v>2912</v>
      </c>
      <c r="M126" s="75">
        <v>3284</v>
      </c>
      <c r="N126" s="75">
        <v>66</v>
      </c>
      <c r="O126" s="72">
        <v>3350</v>
      </c>
      <c r="P126" s="51">
        <v>3491</v>
      </c>
      <c r="Q126" s="51">
        <v>83</v>
      </c>
      <c r="R126" s="42">
        <v>3574</v>
      </c>
      <c r="S126" s="51">
        <v>3634</v>
      </c>
      <c r="T126" s="51">
        <v>248</v>
      </c>
      <c r="U126" s="42">
        <v>3882</v>
      </c>
      <c r="V126" s="51">
        <v>3196</v>
      </c>
      <c r="W126" s="51">
        <v>183</v>
      </c>
      <c r="X126" s="42">
        <v>3379</v>
      </c>
      <c r="Y126" s="51">
        <v>3206</v>
      </c>
      <c r="Z126" s="51">
        <v>131</v>
      </c>
      <c r="AA126" s="42">
        <v>3337</v>
      </c>
      <c r="AB126" s="51">
        <v>3885</v>
      </c>
      <c r="AC126" s="51">
        <v>143</v>
      </c>
      <c r="AD126" s="42">
        <v>4028</v>
      </c>
      <c r="AE126" s="51">
        <v>4778</v>
      </c>
      <c r="AF126" s="51">
        <v>159</v>
      </c>
      <c r="AG126" s="42">
        <v>4937</v>
      </c>
      <c r="AH126" s="51">
        <v>5843</v>
      </c>
      <c r="AI126" s="51">
        <v>158</v>
      </c>
      <c r="AJ126" s="42">
        <v>6001</v>
      </c>
      <c r="AK126" s="51">
        <v>5574</v>
      </c>
      <c r="AL126" s="51">
        <v>151</v>
      </c>
      <c r="AM126" s="42">
        <v>5725</v>
      </c>
      <c r="AN126" s="51">
        <v>4765</v>
      </c>
      <c r="AO126" s="51">
        <v>101</v>
      </c>
      <c r="AP126" s="42">
        <v>4866</v>
      </c>
      <c r="AQ126" s="51">
        <v>4604</v>
      </c>
      <c r="AR126" s="51">
        <v>85</v>
      </c>
      <c r="AS126" s="42">
        <v>4689</v>
      </c>
      <c r="AT126" s="51">
        <v>5453</v>
      </c>
      <c r="AU126" s="51">
        <v>40</v>
      </c>
      <c r="AV126" s="42">
        <v>5493</v>
      </c>
      <c r="AW126" s="51">
        <v>7588</v>
      </c>
      <c r="AX126" s="51">
        <v>26</v>
      </c>
      <c r="AY126" s="42">
        <v>7614</v>
      </c>
      <c r="AZ126" s="51">
        <v>5293</v>
      </c>
      <c r="BA126" s="51">
        <v>10</v>
      </c>
      <c r="BB126" s="42">
        <v>5303</v>
      </c>
      <c r="BC126" s="51">
        <v>3982</v>
      </c>
      <c r="BD126" s="51">
        <v>4</v>
      </c>
      <c r="BE126" s="42">
        <v>3986</v>
      </c>
      <c r="BF126" s="51">
        <v>2546</v>
      </c>
      <c r="BG126" s="51">
        <v>6</v>
      </c>
      <c r="BH126" s="42">
        <v>2552</v>
      </c>
      <c r="BI126" s="51">
        <v>1340</v>
      </c>
      <c r="BJ126" s="51">
        <v>4</v>
      </c>
      <c r="BK126" s="42">
        <v>1344</v>
      </c>
      <c r="BL126" s="51">
        <v>471</v>
      </c>
      <c r="BM126" s="51">
        <v>0</v>
      </c>
      <c r="BN126" s="42">
        <v>471</v>
      </c>
      <c r="BO126" s="51">
        <v>75</v>
      </c>
      <c r="BP126" s="51">
        <v>0</v>
      </c>
      <c r="BQ126" s="43">
        <v>75</v>
      </c>
    </row>
    <row r="127" spans="1:69" ht="15" thickBot="1" x14ac:dyDescent="0.2">
      <c r="A127" s="44"/>
      <c r="B127" s="31" t="s">
        <v>32</v>
      </c>
      <c r="C127" s="79"/>
      <c r="D127" s="45">
        <v>156277</v>
      </c>
      <c r="E127" s="46">
        <v>3708</v>
      </c>
      <c r="F127" s="47">
        <v>159985</v>
      </c>
      <c r="G127" s="48">
        <v>4378</v>
      </c>
      <c r="H127" s="47">
        <v>111</v>
      </c>
      <c r="I127" s="47">
        <v>4489</v>
      </c>
      <c r="J127" s="48">
        <v>5953</v>
      </c>
      <c r="K127" s="47">
        <v>127</v>
      </c>
      <c r="L127" s="47">
        <v>6080</v>
      </c>
      <c r="M127" s="74">
        <v>6807</v>
      </c>
      <c r="N127" s="73">
        <v>131</v>
      </c>
      <c r="O127" s="73">
        <v>6938</v>
      </c>
      <c r="P127" s="48">
        <v>6995</v>
      </c>
      <c r="Q127" s="47">
        <v>183</v>
      </c>
      <c r="R127" s="47">
        <v>7178</v>
      </c>
      <c r="S127" s="48">
        <v>7724</v>
      </c>
      <c r="T127" s="47">
        <v>727</v>
      </c>
      <c r="U127" s="47">
        <v>8451</v>
      </c>
      <c r="V127" s="48">
        <v>6663</v>
      </c>
      <c r="W127" s="47">
        <v>454</v>
      </c>
      <c r="X127" s="47">
        <v>7117</v>
      </c>
      <c r="Y127" s="48">
        <v>6814</v>
      </c>
      <c r="Z127" s="47">
        <v>326</v>
      </c>
      <c r="AA127" s="47">
        <v>7140</v>
      </c>
      <c r="AB127" s="48">
        <v>8264</v>
      </c>
      <c r="AC127" s="47">
        <v>267</v>
      </c>
      <c r="AD127" s="47">
        <v>8531</v>
      </c>
      <c r="AE127" s="48">
        <v>10153</v>
      </c>
      <c r="AF127" s="47">
        <v>278</v>
      </c>
      <c r="AG127" s="47">
        <v>10431</v>
      </c>
      <c r="AH127" s="48">
        <v>12228</v>
      </c>
      <c r="AI127" s="47">
        <v>293</v>
      </c>
      <c r="AJ127" s="47">
        <v>12521</v>
      </c>
      <c r="AK127" s="48">
        <v>11938</v>
      </c>
      <c r="AL127" s="47">
        <v>284</v>
      </c>
      <c r="AM127" s="47">
        <v>12222</v>
      </c>
      <c r="AN127" s="48">
        <v>9909</v>
      </c>
      <c r="AO127" s="47">
        <v>207</v>
      </c>
      <c r="AP127" s="47">
        <v>10116</v>
      </c>
      <c r="AQ127" s="48">
        <v>9212</v>
      </c>
      <c r="AR127" s="47">
        <v>148</v>
      </c>
      <c r="AS127" s="47">
        <v>9360</v>
      </c>
      <c r="AT127" s="48">
        <v>10560</v>
      </c>
      <c r="AU127" s="47">
        <v>80</v>
      </c>
      <c r="AV127" s="47">
        <v>10640</v>
      </c>
      <c r="AW127" s="48">
        <v>14542</v>
      </c>
      <c r="AX127" s="47">
        <v>46</v>
      </c>
      <c r="AY127" s="47">
        <v>14588</v>
      </c>
      <c r="AZ127" s="48">
        <v>10131</v>
      </c>
      <c r="BA127" s="47">
        <v>19</v>
      </c>
      <c r="BB127" s="47">
        <v>10150</v>
      </c>
      <c r="BC127" s="48">
        <v>7345</v>
      </c>
      <c r="BD127" s="47">
        <v>14</v>
      </c>
      <c r="BE127" s="47">
        <v>7359</v>
      </c>
      <c r="BF127" s="48">
        <v>4151</v>
      </c>
      <c r="BG127" s="47">
        <v>6</v>
      </c>
      <c r="BH127" s="47">
        <v>4157</v>
      </c>
      <c r="BI127" s="48">
        <v>1845</v>
      </c>
      <c r="BJ127" s="47">
        <v>6</v>
      </c>
      <c r="BK127" s="47">
        <v>1851</v>
      </c>
      <c r="BL127" s="48">
        <v>583</v>
      </c>
      <c r="BM127" s="47">
        <v>1</v>
      </c>
      <c r="BN127" s="47">
        <v>584</v>
      </c>
      <c r="BO127" s="48">
        <v>82</v>
      </c>
      <c r="BP127" s="47">
        <v>0</v>
      </c>
      <c r="BQ127" s="49">
        <v>82</v>
      </c>
    </row>
    <row r="128" spans="1:69" x14ac:dyDescent="0.15">
      <c r="A128" s="24"/>
      <c r="B128" s="20" t="s">
        <v>29</v>
      </c>
      <c r="C128" s="77">
        <v>142123</v>
      </c>
      <c r="D128" s="36">
        <v>111312</v>
      </c>
      <c r="E128" s="37">
        <v>4041</v>
      </c>
      <c r="F128" s="38">
        <v>115353</v>
      </c>
      <c r="G128" s="51">
        <v>3563</v>
      </c>
      <c r="H128" s="51">
        <v>178</v>
      </c>
      <c r="I128" s="38">
        <v>3741</v>
      </c>
      <c r="J128" s="51">
        <v>4221</v>
      </c>
      <c r="K128" s="51">
        <v>175</v>
      </c>
      <c r="L128" s="38">
        <v>4396</v>
      </c>
      <c r="M128" s="75">
        <v>5088</v>
      </c>
      <c r="N128" s="75">
        <v>149</v>
      </c>
      <c r="O128" s="70">
        <v>5237</v>
      </c>
      <c r="P128" s="51">
        <v>5215</v>
      </c>
      <c r="Q128" s="51">
        <v>129</v>
      </c>
      <c r="R128" s="38">
        <v>5344</v>
      </c>
      <c r="S128" s="51">
        <v>6163</v>
      </c>
      <c r="T128" s="51">
        <v>476</v>
      </c>
      <c r="U128" s="38">
        <v>6639</v>
      </c>
      <c r="V128" s="51">
        <v>6267</v>
      </c>
      <c r="W128" s="51">
        <v>725</v>
      </c>
      <c r="X128" s="38">
        <v>6992</v>
      </c>
      <c r="Y128" s="51">
        <v>5876</v>
      </c>
      <c r="Z128" s="51">
        <v>578</v>
      </c>
      <c r="AA128" s="38">
        <v>6454</v>
      </c>
      <c r="AB128" s="51">
        <v>6683</v>
      </c>
      <c r="AC128" s="51">
        <v>412</v>
      </c>
      <c r="AD128" s="38">
        <v>7095</v>
      </c>
      <c r="AE128" s="51">
        <v>7911</v>
      </c>
      <c r="AF128" s="51">
        <v>356</v>
      </c>
      <c r="AG128" s="38">
        <v>8267</v>
      </c>
      <c r="AH128" s="51">
        <v>10024</v>
      </c>
      <c r="AI128" s="51">
        <v>231</v>
      </c>
      <c r="AJ128" s="38">
        <v>10255</v>
      </c>
      <c r="AK128" s="51">
        <v>9900</v>
      </c>
      <c r="AL128" s="51">
        <v>228</v>
      </c>
      <c r="AM128" s="38">
        <v>10128</v>
      </c>
      <c r="AN128" s="51">
        <v>7508</v>
      </c>
      <c r="AO128" s="51">
        <v>173</v>
      </c>
      <c r="AP128" s="38">
        <v>7681</v>
      </c>
      <c r="AQ128" s="51">
        <v>6137</v>
      </c>
      <c r="AR128" s="51">
        <v>85</v>
      </c>
      <c r="AS128" s="38">
        <v>6222</v>
      </c>
      <c r="AT128" s="51">
        <v>6209</v>
      </c>
      <c r="AU128" s="51">
        <v>68</v>
      </c>
      <c r="AV128" s="38">
        <v>6277</v>
      </c>
      <c r="AW128" s="51">
        <v>7990</v>
      </c>
      <c r="AX128" s="51">
        <v>39</v>
      </c>
      <c r="AY128" s="38">
        <v>8029</v>
      </c>
      <c r="AZ128" s="51">
        <v>5759</v>
      </c>
      <c r="BA128" s="51">
        <v>27</v>
      </c>
      <c r="BB128" s="38">
        <v>5786</v>
      </c>
      <c r="BC128" s="51">
        <v>4113</v>
      </c>
      <c r="BD128" s="51">
        <v>11</v>
      </c>
      <c r="BE128" s="38">
        <v>4124</v>
      </c>
      <c r="BF128" s="51">
        <v>1974</v>
      </c>
      <c r="BG128" s="51">
        <v>0</v>
      </c>
      <c r="BH128" s="38">
        <v>1974</v>
      </c>
      <c r="BI128" s="51">
        <v>581</v>
      </c>
      <c r="BJ128" s="51">
        <v>1</v>
      </c>
      <c r="BK128" s="38">
        <v>582</v>
      </c>
      <c r="BL128" s="51">
        <v>119</v>
      </c>
      <c r="BM128" s="51">
        <v>0</v>
      </c>
      <c r="BN128" s="38">
        <v>119</v>
      </c>
      <c r="BO128" s="51">
        <v>11</v>
      </c>
      <c r="BP128" s="51">
        <v>0</v>
      </c>
      <c r="BQ128" s="40">
        <v>11</v>
      </c>
    </row>
    <row r="129" spans="1:69" x14ac:dyDescent="0.15">
      <c r="A129" s="24" t="s">
        <v>71</v>
      </c>
      <c r="B129" s="25" t="s">
        <v>31</v>
      </c>
      <c r="C129" s="78"/>
      <c r="D129" s="41">
        <v>104483</v>
      </c>
      <c r="E129" s="39">
        <v>3615</v>
      </c>
      <c r="F129" s="42">
        <v>108098</v>
      </c>
      <c r="G129" s="51">
        <v>3369</v>
      </c>
      <c r="H129" s="51">
        <v>197</v>
      </c>
      <c r="I129" s="42">
        <v>3566</v>
      </c>
      <c r="J129" s="51">
        <v>4173</v>
      </c>
      <c r="K129" s="51">
        <v>190</v>
      </c>
      <c r="L129" s="42">
        <v>4363</v>
      </c>
      <c r="M129" s="75">
        <v>4593</v>
      </c>
      <c r="N129" s="75">
        <v>128</v>
      </c>
      <c r="O129" s="72">
        <v>4721</v>
      </c>
      <c r="P129" s="51">
        <v>5014</v>
      </c>
      <c r="Q129" s="51">
        <v>137</v>
      </c>
      <c r="R129" s="42">
        <v>5151</v>
      </c>
      <c r="S129" s="51">
        <v>5460</v>
      </c>
      <c r="T129" s="51">
        <v>326</v>
      </c>
      <c r="U129" s="42">
        <v>5786</v>
      </c>
      <c r="V129" s="51">
        <v>4897</v>
      </c>
      <c r="W129" s="51">
        <v>424</v>
      </c>
      <c r="X129" s="42">
        <v>5321</v>
      </c>
      <c r="Y129" s="51">
        <v>4728</v>
      </c>
      <c r="Z129" s="51">
        <v>368</v>
      </c>
      <c r="AA129" s="42">
        <v>5096</v>
      </c>
      <c r="AB129" s="51">
        <v>5581</v>
      </c>
      <c r="AC129" s="51">
        <v>347</v>
      </c>
      <c r="AD129" s="42">
        <v>5928</v>
      </c>
      <c r="AE129" s="51">
        <v>6735</v>
      </c>
      <c r="AF129" s="51">
        <v>350</v>
      </c>
      <c r="AG129" s="42">
        <v>7085</v>
      </c>
      <c r="AH129" s="51">
        <v>8509</v>
      </c>
      <c r="AI129" s="51">
        <v>308</v>
      </c>
      <c r="AJ129" s="42">
        <v>8817</v>
      </c>
      <c r="AK129" s="51">
        <v>8268</v>
      </c>
      <c r="AL129" s="51">
        <v>312</v>
      </c>
      <c r="AM129" s="42">
        <v>8580</v>
      </c>
      <c r="AN129" s="51">
        <v>6259</v>
      </c>
      <c r="AO129" s="51">
        <v>203</v>
      </c>
      <c r="AP129" s="42">
        <v>6462</v>
      </c>
      <c r="AQ129" s="51">
        <v>5571</v>
      </c>
      <c r="AR129" s="51">
        <v>134</v>
      </c>
      <c r="AS129" s="42">
        <v>5705</v>
      </c>
      <c r="AT129" s="51">
        <v>6474</v>
      </c>
      <c r="AU129" s="51">
        <v>98</v>
      </c>
      <c r="AV129" s="42">
        <v>6572</v>
      </c>
      <c r="AW129" s="51">
        <v>8812</v>
      </c>
      <c r="AX129" s="51">
        <v>40</v>
      </c>
      <c r="AY129" s="42">
        <v>8852</v>
      </c>
      <c r="AZ129" s="51">
        <v>6451</v>
      </c>
      <c r="BA129" s="51">
        <v>30</v>
      </c>
      <c r="BB129" s="42">
        <v>6481</v>
      </c>
      <c r="BC129" s="51">
        <v>4832</v>
      </c>
      <c r="BD129" s="51">
        <v>16</v>
      </c>
      <c r="BE129" s="42">
        <v>4848</v>
      </c>
      <c r="BF129" s="51">
        <v>2915</v>
      </c>
      <c r="BG129" s="51">
        <v>4</v>
      </c>
      <c r="BH129" s="42">
        <v>2919</v>
      </c>
      <c r="BI129" s="51">
        <v>1347</v>
      </c>
      <c r="BJ129" s="51">
        <v>3</v>
      </c>
      <c r="BK129" s="42">
        <v>1350</v>
      </c>
      <c r="BL129" s="51">
        <v>430</v>
      </c>
      <c r="BM129" s="51">
        <v>0</v>
      </c>
      <c r="BN129" s="42">
        <v>430</v>
      </c>
      <c r="BO129" s="51">
        <v>65</v>
      </c>
      <c r="BP129" s="51">
        <v>0</v>
      </c>
      <c r="BQ129" s="43">
        <v>65</v>
      </c>
    </row>
    <row r="130" spans="1:69" ht="15" thickBot="1" x14ac:dyDescent="0.2">
      <c r="A130" s="44"/>
      <c r="B130" s="31" t="s">
        <v>32</v>
      </c>
      <c r="C130" s="79"/>
      <c r="D130" s="45">
        <v>215795</v>
      </c>
      <c r="E130" s="46">
        <v>7656</v>
      </c>
      <c r="F130" s="47">
        <v>223451</v>
      </c>
      <c r="G130" s="48">
        <v>6932</v>
      </c>
      <c r="H130" s="47">
        <v>375</v>
      </c>
      <c r="I130" s="47">
        <v>7307</v>
      </c>
      <c r="J130" s="48">
        <v>8394</v>
      </c>
      <c r="K130" s="47">
        <v>365</v>
      </c>
      <c r="L130" s="47">
        <v>8759</v>
      </c>
      <c r="M130" s="74">
        <v>9681</v>
      </c>
      <c r="N130" s="73">
        <v>277</v>
      </c>
      <c r="O130" s="73">
        <v>9958</v>
      </c>
      <c r="P130" s="48">
        <v>10229</v>
      </c>
      <c r="Q130" s="47">
        <v>266</v>
      </c>
      <c r="R130" s="47">
        <v>10495</v>
      </c>
      <c r="S130" s="48">
        <v>11623</v>
      </c>
      <c r="T130" s="47">
        <v>802</v>
      </c>
      <c r="U130" s="47">
        <v>12425</v>
      </c>
      <c r="V130" s="48">
        <v>11164</v>
      </c>
      <c r="W130" s="47">
        <v>1149</v>
      </c>
      <c r="X130" s="47">
        <v>12313</v>
      </c>
      <c r="Y130" s="48">
        <v>10604</v>
      </c>
      <c r="Z130" s="47">
        <v>946</v>
      </c>
      <c r="AA130" s="47">
        <v>11550</v>
      </c>
      <c r="AB130" s="48">
        <v>12264</v>
      </c>
      <c r="AC130" s="47">
        <v>759</v>
      </c>
      <c r="AD130" s="47">
        <v>13023</v>
      </c>
      <c r="AE130" s="48">
        <v>14646</v>
      </c>
      <c r="AF130" s="47">
        <v>706</v>
      </c>
      <c r="AG130" s="47">
        <v>15352</v>
      </c>
      <c r="AH130" s="48">
        <v>18533</v>
      </c>
      <c r="AI130" s="47">
        <v>539</v>
      </c>
      <c r="AJ130" s="47">
        <v>19072</v>
      </c>
      <c r="AK130" s="48">
        <v>18168</v>
      </c>
      <c r="AL130" s="47">
        <v>540</v>
      </c>
      <c r="AM130" s="47">
        <v>18708</v>
      </c>
      <c r="AN130" s="48">
        <v>13767</v>
      </c>
      <c r="AO130" s="47">
        <v>376</v>
      </c>
      <c r="AP130" s="47">
        <v>14143</v>
      </c>
      <c r="AQ130" s="48">
        <v>11708</v>
      </c>
      <c r="AR130" s="47">
        <v>219</v>
      </c>
      <c r="AS130" s="47">
        <v>11927</v>
      </c>
      <c r="AT130" s="48">
        <v>12683</v>
      </c>
      <c r="AU130" s="47">
        <v>166</v>
      </c>
      <c r="AV130" s="47">
        <v>12849</v>
      </c>
      <c r="AW130" s="48">
        <v>16802</v>
      </c>
      <c r="AX130" s="47">
        <v>79</v>
      </c>
      <c r="AY130" s="47">
        <v>16881</v>
      </c>
      <c r="AZ130" s="48">
        <v>12210</v>
      </c>
      <c r="BA130" s="47">
        <v>57</v>
      </c>
      <c r="BB130" s="47">
        <v>12267</v>
      </c>
      <c r="BC130" s="48">
        <v>8945</v>
      </c>
      <c r="BD130" s="47">
        <v>27</v>
      </c>
      <c r="BE130" s="47">
        <v>8972</v>
      </c>
      <c r="BF130" s="48">
        <v>4889</v>
      </c>
      <c r="BG130" s="47">
        <v>4</v>
      </c>
      <c r="BH130" s="47">
        <v>4893</v>
      </c>
      <c r="BI130" s="48">
        <v>1928</v>
      </c>
      <c r="BJ130" s="47">
        <v>4</v>
      </c>
      <c r="BK130" s="47">
        <v>1932</v>
      </c>
      <c r="BL130" s="48">
        <v>549</v>
      </c>
      <c r="BM130" s="47">
        <v>0</v>
      </c>
      <c r="BN130" s="47">
        <v>549</v>
      </c>
      <c r="BO130" s="48">
        <v>76</v>
      </c>
      <c r="BP130" s="47">
        <v>0</v>
      </c>
      <c r="BQ130" s="49">
        <v>76</v>
      </c>
    </row>
    <row r="131" spans="1:69" x14ac:dyDescent="0.15">
      <c r="A131" s="24"/>
      <c r="B131" s="20" t="s">
        <v>29</v>
      </c>
      <c r="C131" s="77">
        <v>142131</v>
      </c>
      <c r="D131" s="36">
        <v>117853</v>
      </c>
      <c r="E131" s="37">
        <v>3483</v>
      </c>
      <c r="F131" s="38">
        <v>121336</v>
      </c>
      <c r="G131" s="51">
        <v>4629</v>
      </c>
      <c r="H131" s="51">
        <v>135</v>
      </c>
      <c r="I131" s="38">
        <v>4764</v>
      </c>
      <c r="J131" s="51">
        <v>4976</v>
      </c>
      <c r="K131" s="51">
        <v>142</v>
      </c>
      <c r="L131" s="38">
        <v>5118</v>
      </c>
      <c r="M131" s="75">
        <v>5063</v>
      </c>
      <c r="N131" s="75">
        <v>132</v>
      </c>
      <c r="O131" s="70">
        <v>5195</v>
      </c>
      <c r="P131" s="51">
        <v>5120</v>
      </c>
      <c r="Q131" s="51">
        <v>120</v>
      </c>
      <c r="R131" s="38">
        <v>5240</v>
      </c>
      <c r="S131" s="51">
        <v>6008</v>
      </c>
      <c r="T131" s="51">
        <v>342</v>
      </c>
      <c r="U131" s="38">
        <v>6350</v>
      </c>
      <c r="V131" s="51">
        <v>6970</v>
      </c>
      <c r="W131" s="51">
        <v>542</v>
      </c>
      <c r="X131" s="38">
        <v>7512</v>
      </c>
      <c r="Y131" s="51">
        <v>7262</v>
      </c>
      <c r="Z131" s="51">
        <v>456</v>
      </c>
      <c r="AA131" s="38">
        <v>7718</v>
      </c>
      <c r="AB131" s="51">
        <v>7726</v>
      </c>
      <c r="AC131" s="51">
        <v>339</v>
      </c>
      <c r="AD131" s="38">
        <v>8065</v>
      </c>
      <c r="AE131" s="51">
        <v>8614</v>
      </c>
      <c r="AF131" s="51">
        <v>264</v>
      </c>
      <c r="AG131" s="38">
        <v>8878</v>
      </c>
      <c r="AH131" s="51">
        <v>10503</v>
      </c>
      <c r="AI131" s="51">
        <v>220</v>
      </c>
      <c r="AJ131" s="38">
        <v>10723</v>
      </c>
      <c r="AK131" s="51">
        <v>10518</v>
      </c>
      <c r="AL131" s="51">
        <v>251</v>
      </c>
      <c r="AM131" s="38">
        <v>10769</v>
      </c>
      <c r="AN131" s="51">
        <v>8208</v>
      </c>
      <c r="AO131" s="51">
        <v>219</v>
      </c>
      <c r="AP131" s="38">
        <v>8427</v>
      </c>
      <c r="AQ131" s="51">
        <v>6555</v>
      </c>
      <c r="AR131" s="51">
        <v>127</v>
      </c>
      <c r="AS131" s="38">
        <v>6682</v>
      </c>
      <c r="AT131" s="51">
        <v>5995</v>
      </c>
      <c r="AU131" s="51">
        <v>93</v>
      </c>
      <c r="AV131" s="38">
        <v>6088</v>
      </c>
      <c r="AW131" s="51">
        <v>7200</v>
      </c>
      <c r="AX131" s="51">
        <v>42</v>
      </c>
      <c r="AY131" s="38">
        <v>7242</v>
      </c>
      <c r="AZ131" s="51">
        <v>5348</v>
      </c>
      <c r="BA131" s="51">
        <v>33</v>
      </c>
      <c r="BB131" s="38">
        <v>5381</v>
      </c>
      <c r="BC131" s="51">
        <v>4274</v>
      </c>
      <c r="BD131" s="51">
        <v>17</v>
      </c>
      <c r="BE131" s="38">
        <v>4291</v>
      </c>
      <c r="BF131" s="51">
        <v>2065</v>
      </c>
      <c r="BG131" s="51">
        <v>5</v>
      </c>
      <c r="BH131" s="38">
        <v>2070</v>
      </c>
      <c r="BI131" s="51">
        <v>662</v>
      </c>
      <c r="BJ131" s="51">
        <v>1</v>
      </c>
      <c r="BK131" s="38">
        <v>663</v>
      </c>
      <c r="BL131" s="51">
        <v>149</v>
      </c>
      <c r="BM131" s="51">
        <v>3</v>
      </c>
      <c r="BN131" s="38">
        <v>152</v>
      </c>
      <c r="BO131" s="51">
        <v>8</v>
      </c>
      <c r="BP131" s="51">
        <v>0</v>
      </c>
      <c r="BQ131" s="38">
        <v>8</v>
      </c>
    </row>
    <row r="132" spans="1:69" x14ac:dyDescent="0.15">
      <c r="A132" s="24" t="s">
        <v>72</v>
      </c>
      <c r="B132" s="25" t="s">
        <v>31</v>
      </c>
      <c r="C132" s="78"/>
      <c r="D132" s="41">
        <v>117851</v>
      </c>
      <c r="E132" s="39">
        <v>3750</v>
      </c>
      <c r="F132" s="42">
        <v>121601</v>
      </c>
      <c r="G132" s="51">
        <v>4643</v>
      </c>
      <c r="H132" s="51">
        <v>148</v>
      </c>
      <c r="I132" s="42">
        <v>4791</v>
      </c>
      <c r="J132" s="51">
        <v>4811</v>
      </c>
      <c r="K132" s="51">
        <v>136</v>
      </c>
      <c r="L132" s="42">
        <v>4947</v>
      </c>
      <c r="M132" s="75">
        <v>4869</v>
      </c>
      <c r="N132" s="75">
        <v>101</v>
      </c>
      <c r="O132" s="72">
        <v>4970</v>
      </c>
      <c r="P132" s="51">
        <v>4843</v>
      </c>
      <c r="Q132" s="51">
        <v>134</v>
      </c>
      <c r="R132" s="42">
        <v>4977</v>
      </c>
      <c r="S132" s="51">
        <v>6005</v>
      </c>
      <c r="T132" s="51">
        <v>297</v>
      </c>
      <c r="U132" s="42">
        <v>6302</v>
      </c>
      <c r="V132" s="51">
        <v>6797</v>
      </c>
      <c r="W132" s="51">
        <v>416</v>
      </c>
      <c r="X132" s="42">
        <v>7213</v>
      </c>
      <c r="Y132" s="51">
        <v>6738</v>
      </c>
      <c r="Z132" s="51">
        <v>338</v>
      </c>
      <c r="AA132" s="42">
        <v>7076</v>
      </c>
      <c r="AB132" s="51">
        <v>7114</v>
      </c>
      <c r="AC132" s="51">
        <v>368</v>
      </c>
      <c r="AD132" s="42">
        <v>7482</v>
      </c>
      <c r="AE132" s="51">
        <v>7875</v>
      </c>
      <c r="AF132" s="51">
        <v>335</v>
      </c>
      <c r="AG132" s="42">
        <v>8210</v>
      </c>
      <c r="AH132" s="51">
        <v>9494</v>
      </c>
      <c r="AI132" s="51">
        <v>355</v>
      </c>
      <c r="AJ132" s="42">
        <v>9849</v>
      </c>
      <c r="AK132" s="51">
        <v>9454</v>
      </c>
      <c r="AL132" s="51">
        <v>368</v>
      </c>
      <c r="AM132" s="42">
        <v>9822</v>
      </c>
      <c r="AN132" s="51">
        <v>7416</v>
      </c>
      <c r="AO132" s="51">
        <v>293</v>
      </c>
      <c r="AP132" s="42">
        <v>7709</v>
      </c>
      <c r="AQ132" s="51">
        <v>5978</v>
      </c>
      <c r="AR132" s="51">
        <v>201</v>
      </c>
      <c r="AS132" s="42">
        <v>6179</v>
      </c>
      <c r="AT132" s="51">
        <v>5854</v>
      </c>
      <c r="AU132" s="51">
        <v>106</v>
      </c>
      <c r="AV132" s="42">
        <v>5960</v>
      </c>
      <c r="AW132" s="51">
        <v>8384</v>
      </c>
      <c r="AX132" s="51">
        <v>63</v>
      </c>
      <c r="AY132" s="42">
        <v>8447</v>
      </c>
      <c r="AZ132" s="51">
        <v>6782</v>
      </c>
      <c r="BA132" s="51">
        <v>42</v>
      </c>
      <c r="BB132" s="42">
        <v>6824</v>
      </c>
      <c r="BC132" s="51">
        <v>5414</v>
      </c>
      <c r="BD132" s="51">
        <v>26</v>
      </c>
      <c r="BE132" s="42">
        <v>5440</v>
      </c>
      <c r="BF132" s="51">
        <v>3357</v>
      </c>
      <c r="BG132" s="51">
        <v>16</v>
      </c>
      <c r="BH132" s="42">
        <v>3373</v>
      </c>
      <c r="BI132" s="51">
        <v>1472</v>
      </c>
      <c r="BJ132" s="51">
        <v>7</v>
      </c>
      <c r="BK132" s="42">
        <v>1479</v>
      </c>
      <c r="BL132" s="51">
        <v>465</v>
      </c>
      <c r="BM132" s="51">
        <v>0</v>
      </c>
      <c r="BN132" s="42">
        <v>465</v>
      </c>
      <c r="BO132" s="51">
        <v>86</v>
      </c>
      <c r="BP132" s="51">
        <v>0</v>
      </c>
      <c r="BQ132" s="42">
        <v>86</v>
      </c>
    </row>
    <row r="133" spans="1:69" ht="15" thickBot="1" x14ac:dyDescent="0.2">
      <c r="A133" s="44"/>
      <c r="B133" s="31" t="s">
        <v>32</v>
      </c>
      <c r="C133" s="79"/>
      <c r="D133" s="45">
        <v>235704</v>
      </c>
      <c r="E133" s="46">
        <v>7233</v>
      </c>
      <c r="F133" s="47">
        <v>242937</v>
      </c>
      <c r="G133" s="48">
        <v>9272</v>
      </c>
      <c r="H133" s="47">
        <v>283</v>
      </c>
      <c r="I133" s="47">
        <v>9555</v>
      </c>
      <c r="J133" s="48">
        <v>9787</v>
      </c>
      <c r="K133" s="47">
        <v>278</v>
      </c>
      <c r="L133" s="47">
        <v>10065</v>
      </c>
      <c r="M133" s="74">
        <v>9932</v>
      </c>
      <c r="N133" s="73">
        <v>233</v>
      </c>
      <c r="O133" s="73">
        <v>10165</v>
      </c>
      <c r="P133" s="48">
        <v>9963</v>
      </c>
      <c r="Q133" s="47">
        <v>254</v>
      </c>
      <c r="R133" s="47">
        <v>10217</v>
      </c>
      <c r="S133" s="48">
        <v>12013</v>
      </c>
      <c r="T133" s="47">
        <v>639</v>
      </c>
      <c r="U133" s="47">
        <v>12652</v>
      </c>
      <c r="V133" s="48">
        <v>13767</v>
      </c>
      <c r="W133" s="47">
        <v>958</v>
      </c>
      <c r="X133" s="47">
        <v>14725</v>
      </c>
      <c r="Y133" s="48">
        <v>14000</v>
      </c>
      <c r="Z133" s="47">
        <v>794</v>
      </c>
      <c r="AA133" s="47">
        <v>14794</v>
      </c>
      <c r="AB133" s="48">
        <v>14840</v>
      </c>
      <c r="AC133" s="47">
        <v>707</v>
      </c>
      <c r="AD133" s="47">
        <v>15547</v>
      </c>
      <c r="AE133" s="48">
        <v>16489</v>
      </c>
      <c r="AF133" s="47">
        <v>599</v>
      </c>
      <c r="AG133" s="47">
        <v>17088</v>
      </c>
      <c r="AH133" s="48">
        <v>19997</v>
      </c>
      <c r="AI133" s="47">
        <v>575</v>
      </c>
      <c r="AJ133" s="47">
        <v>20572</v>
      </c>
      <c r="AK133" s="48">
        <v>19972</v>
      </c>
      <c r="AL133" s="47">
        <v>619</v>
      </c>
      <c r="AM133" s="47">
        <v>20591</v>
      </c>
      <c r="AN133" s="48">
        <v>15624</v>
      </c>
      <c r="AO133" s="47">
        <v>512</v>
      </c>
      <c r="AP133" s="47">
        <v>16136</v>
      </c>
      <c r="AQ133" s="48">
        <v>12533</v>
      </c>
      <c r="AR133" s="47">
        <v>328</v>
      </c>
      <c r="AS133" s="47">
        <v>12861</v>
      </c>
      <c r="AT133" s="48">
        <v>11849</v>
      </c>
      <c r="AU133" s="47">
        <v>199</v>
      </c>
      <c r="AV133" s="47">
        <v>12048</v>
      </c>
      <c r="AW133" s="48">
        <v>15584</v>
      </c>
      <c r="AX133" s="47">
        <v>105</v>
      </c>
      <c r="AY133" s="47">
        <v>15689</v>
      </c>
      <c r="AZ133" s="48">
        <v>12130</v>
      </c>
      <c r="BA133" s="47">
        <v>75</v>
      </c>
      <c r="BB133" s="47">
        <v>12205</v>
      </c>
      <c r="BC133" s="48">
        <v>9688</v>
      </c>
      <c r="BD133" s="47">
        <v>43</v>
      </c>
      <c r="BE133" s="47">
        <v>9731</v>
      </c>
      <c r="BF133" s="48">
        <v>5422</v>
      </c>
      <c r="BG133" s="47">
        <v>21</v>
      </c>
      <c r="BH133" s="47">
        <v>5443</v>
      </c>
      <c r="BI133" s="48">
        <v>2134</v>
      </c>
      <c r="BJ133" s="47">
        <v>8</v>
      </c>
      <c r="BK133" s="47">
        <v>2142</v>
      </c>
      <c r="BL133" s="48">
        <v>614</v>
      </c>
      <c r="BM133" s="47">
        <v>3</v>
      </c>
      <c r="BN133" s="47">
        <v>617</v>
      </c>
      <c r="BO133" s="48">
        <v>94</v>
      </c>
      <c r="BP133" s="47">
        <v>0</v>
      </c>
      <c r="BQ133" s="47">
        <v>94</v>
      </c>
    </row>
    <row r="134" spans="1:69" x14ac:dyDescent="0.15">
      <c r="A134" s="24"/>
      <c r="B134" s="20" t="s">
        <v>29</v>
      </c>
      <c r="C134" s="77">
        <v>142140</v>
      </c>
      <c r="D134" s="36">
        <v>49432</v>
      </c>
      <c r="E134" s="37">
        <v>1238</v>
      </c>
      <c r="F134" s="38">
        <v>50670</v>
      </c>
      <c r="G134" s="51">
        <v>1683</v>
      </c>
      <c r="H134" s="51">
        <v>81</v>
      </c>
      <c r="I134" s="38">
        <v>1764</v>
      </c>
      <c r="J134" s="51">
        <v>1961</v>
      </c>
      <c r="K134" s="51">
        <v>53</v>
      </c>
      <c r="L134" s="38">
        <v>2014</v>
      </c>
      <c r="M134" s="75">
        <v>2007</v>
      </c>
      <c r="N134" s="75">
        <v>28</v>
      </c>
      <c r="O134" s="70">
        <v>2035</v>
      </c>
      <c r="P134" s="51">
        <v>2346</v>
      </c>
      <c r="Q134" s="51">
        <v>34</v>
      </c>
      <c r="R134" s="38">
        <v>2380</v>
      </c>
      <c r="S134" s="51">
        <v>2707</v>
      </c>
      <c r="T134" s="51">
        <v>142</v>
      </c>
      <c r="U134" s="38">
        <v>2849</v>
      </c>
      <c r="V134" s="51">
        <v>2912</v>
      </c>
      <c r="W134" s="51">
        <v>224</v>
      </c>
      <c r="X134" s="38">
        <v>3136</v>
      </c>
      <c r="Y134" s="51">
        <v>2734</v>
      </c>
      <c r="Z134" s="51">
        <v>248</v>
      </c>
      <c r="AA134" s="38">
        <v>2982</v>
      </c>
      <c r="AB134" s="51">
        <v>3007</v>
      </c>
      <c r="AC134" s="51">
        <v>167</v>
      </c>
      <c r="AD134" s="38">
        <v>3174</v>
      </c>
      <c r="AE134" s="51">
        <v>3373</v>
      </c>
      <c r="AF134" s="51">
        <v>76</v>
      </c>
      <c r="AG134" s="38">
        <v>3449</v>
      </c>
      <c r="AH134" s="51">
        <v>4152</v>
      </c>
      <c r="AI134" s="51">
        <v>51</v>
      </c>
      <c r="AJ134" s="38">
        <v>4203</v>
      </c>
      <c r="AK134" s="51">
        <v>4235</v>
      </c>
      <c r="AL134" s="51">
        <v>48</v>
      </c>
      <c r="AM134" s="38">
        <v>4283</v>
      </c>
      <c r="AN134" s="51">
        <v>3312</v>
      </c>
      <c r="AO134" s="51">
        <v>34</v>
      </c>
      <c r="AP134" s="38">
        <v>3346</v>
      </c>
      <c r="AQ134" s="51">
        <v>2770</v>
      </c>
      <c r="AR134" s="51">
        <v>27</v>
      </c>
      <c r="AS134" s="38">
        <v>2797</v>
      </c>
      <c r="AT134" s="51">
        <v>2804</v>
      </c>
      <c r="AU134" s="51">
        <v>14</v>
      </c>
      <c r="AV134" s="38">
        <v>2818</v>
      </c>
      <c r="AW134" s="51">
        <v>3507</v>
      </c>
      <c r="AX134" s="51">
        <v>5</v>
      </c>
      <c r="AY134" s="38">
        <v>3512</v>
      </c>
      <c r="AZ134" s="51">
        <v>2564</v>
      </c>
      <c r="BA134" s="51">
        <v>4</v>
      </c>
      <c r="BB134" s="38">
        <v>2568</v>
      </c>
      <c r="BC134" s="51">
        <v>1948</v>
      </c>
      <c r="BD134" s="51">
        <v>0</v>
      </c>
      <c r="BE134" s="38">
        <v>1948</v>
      </c>
      <c r="BF134" s="51">
        <v>1016</v>
      </c>
      <c r="BG134" s="51">
        <v>0</v>
      </c>
      <c r="BH134" s="38">
        <v>1016</v>
      </c>
      <c r="BI134" s="51">
        <v>318</v>
      </c>
      <c r="BJ134" s="51">
        <v>2</v>
      </c>
      <c r="BK134" s="38">
        <v>320</v>
      </c>
      <c r="BL134" s="51">
        <v>71</v>
      </c>
      <c r="BM134" s="51">
        <v>0</v>
      </c>
      <c r="BN134" s="38">
        <v>71</v>
      </c>
      <c r="BO134" s="51">
        <v>5</v>
      </c>
      <c r="BP134" s="51">
        <v>0</v>
      </c>
      <c r="BQ134" s="40">
        <v>5</v>
      </c>
    </row>
    <row r="135" spans="1:69" x14ac:dyDescent="0.15">
      <c r="A135" s="24" t="s">
        <v>73</v>
      </c>
      <c r="B135" s="25" t="s">
        <v>31</v>
      </c>
      <c r="C135" s="78"/>
      <c r="D135" s="41">
        <v>47866</v>
      </c>
      <c r="E135" s="39">
        <v>1259</v>
      </c>
      <c r="F135" s="42">
        <v>49125</v>
      </c>
      <c r="G135" s="51">
        <v>1599</v>
      </c>
      <c r="H135" s="51">
        <v>56</v>
      </c>
      <c r="I135" s="42">
        <v>1655</v>
      </c>
      <c r="J135" s="51">
        <v>1841</v>
      </c>
      <c r="K135" s="51">
        <v>57</v>
      </c>
      <c r="L135" s="42">
        <v>1898</v>
      </c>
      <c r="M135" s="75">
        <v>2024</v>
      </c>
      <c r="N135" s="75">
        <v>44</v>
      </c>
      <c r="O135" s="72">
        <v>2068</v>
      </c>
      <c r="P135" s="51">
        <v>2120</v>
      </c>
      <c r="Q135" s="51">
        <v>33</v>
      </c>
      <c r="R135" s="42">
        <v>2153</v>
      </c>
      <c r="S135" s="51">
        <v>2473</v>
      </c>
      <c r="T135" s="51">
        <v>159</v>
      </c>
      <c r="U135" s="42">
        <v>2632</v>
      </c>
      <c r="V135" s="51">
        <v>2327</v>
      </c>
      <c r="W135" s="51">
        <v>203</v>
      </c>
      <c r="X135" s="42">
        <v>2530</v>
      </c>
      <c r="Y135" s="51">
        <v>2367</v>
      </c>
      <c r="Z135" s="51">
        <v>184</v>
      </c>
      <c r="AA135" s="42">
        <v>2551</v>
      </c>
      <c r="AB135" s="51">
        <v>2537</v>
      </c>
      <c r="AC135" s="51">
        <v>129</v>
      </c>
      <c r="AD135" s="42">
        <v>2666</v>
      </c>
      <c r="AE135" s="51">
        <v>3008</v>
      </c>
      <c r="AF135" s="51">
        <v>104</v>
      </c>
      <c r="AG135" s="42">
        <v>3112</v>
      </c>
      <c r="AH135" s="51">
        <v>3782</v>
      </c>
      <c r="AI135" s="51">
        <v>88</v>
      </c>
      <c r="AJ135" s="42">
        <v>3870</v>
      </c>
      <c r="AK135" s="51">
        <v>3763</v>
      </c>
      <c r="AL135" s="51">
        <v>78</v>
      </c>
      <c r="AM135" s="42">
        <v>3841</v>
      </c>
      <c r="AN135" s="51">
        <v>2948</v>
      </c>
      <c r="AO135" s="51">
        <v>65</v>
      </c>
      <c r="AP135" s="42">
        <v>3013</v>
      </c>
      <c r="AQ135" s="51">
        <v>2614</v>
      </c>
      <c r="AR135" s="51">
        <v>30</v>
      </c>
      <c r="AS135" s="42">
        <v>2644</v>
      </c>
      <c r="AT135" s="51">
        <v>2766</v>
      </c>
      <c r="AU135" s="51">
        <v>14</v>
      </c>
      <c r="AV135" s="42">
        <v>2780</v>
      </c>
      <c r="AW135" s="51">
        <v>3820</v>
      </c>
      <c r="AX135" s="51">
        <v>4</v>
      </c>
      <c r="AY135" s="42">
        <v>3824</v>
      </c>
      <c r="AZ135" s="51">
        <v>3033</v>
      </c>
      <c r="BA135" s="51">
        <v>4</v>
      </c>
      <c r="BB135" s="42">
        <v>3037</v>
      </c>
      <c r="BC135" s="51">
        <v>2359</v>
      </c>
      <c r="BD135" s="51">
        <v>6</v>
      </c>
      <c r="BE135" s="42">
        <v>2365</v>
      </c>
      <c r="BF135" s="51">
        <v>1432</v>
      </c>
      <c r="BG135" s="51">
        <v>0</v>
      </c>
      <c r="BH135" s="42">
        <v>1432</v>
      </c>
      <c r="BI135" s="51">
        <v>739</v>
      </c>
      <c r="BJ135" s="51">
        <v>1</v>
      </c>
      <c r="BK135" s="42">
        <v>740</v>
      </c>
      <c r="BL135" s="51">
        <v>276</v>
      </c>
      <c r="BM135" s="51">
        <v>0</v>
      </c>
      <c r="BN135" s="42">
        <v>276</v>
      </c>
      <c r="BO135" s="51">
        <v>38</v>
      </c>
      <c r="BP135" s="51">
        <v>0</v>
      </c>
      <c r="BQ135" s="43">
        <v>38</v>
      </c>
    </row>
    <row r="136" spans="1:69" ht="15" thickBot="1" x14ac:dyDescent="0.2">
      <c r="A136" s="44"/>
      <c r="B136" s="31" t="s">
        <v>32</v>
      </c>
      <c r="C136" s="79"/>
      <c r="D136" s="45">
        <v>97298</v>
      </c>
      <c r="E136" s="46">
        <v>2497</v>
      </c>
      <c r="F136" s="47">
        <v>99795</v>
      </c>
      <c r="G136" s="48">
        <v>3282</v>
      </c>
      <c r="H136" s="47">
        <v>137</v>
      </c>
      <c r="I136" s="47">
        <v>3419</v>
      </c>
      <c r="J136" s="48">
        <v>3802</v>
      </c>
      <c r="K136" s="47">
        <v>110</v>
      </c>
      <c r="L136" s="47">
        <v>3912</v>
      </c>
      <c r="M136" s="74">
        <v>4031</v>
      </c>
      <c r="N136" s="73">
        <v>72</v>
      </c>
      <c r="O136" s="73">
        <v>4103</v>
      </c>
      <c r="P136" s="48">
        <v>4466</v>
      </c>
      <c r="Q136" s="47">
        <v>67</v>
      </c>
      <c r="R136" s="47">
        <v>4533</v>
      </c>
      <c r="S136" s="48">
        <v>5180</v>
      </c>
      <c r="T136" s="47">
        <v>301</v>
      </c>
      <c r="U136" s="47">
        <v>5481</v>
      </c>
      <c r="V136" s="48">
        <v>5239</v>
      </c>
      <c r="W136" s="47">
        <v>427</v>
      </c>
      <c r="X136" s="47">
        <v>5666</v>
      </c>
      <c r="Y136" s="48">
        <v>5101</v>
      </c>
      <c r="Z136" s="47">
        <v>432</v>
      </c>
      <c r="AA136" s="47">
        <v>5533</v>
      </c>
      <c r="AB136" s="48">
        <v>5544</v>
      </c>
      <c r="AC136" s="47">
        <v>296</v>
      </c>
      <c r="AD136" s="47">
        <v>5840</v>
      </c>
      <c r="AE136" s="48">
        <v>6381</v>
      </c>
      <c r="AF136" s="47">
        <v>180</v>
      </c>
      <c r="AG136" s="47">
        <v>6561</v>
      </c>
      <c r="AH136" s="48">
        <v>7934</v>
      </c>
      <c r="AI136" s="47">
        <v>139</v>
      </c>
      <c r="AJ136" s="47">
        <v>8073</v>
      </c>
      <c r="AK136" s="48">
        <v>7998</v>
      </c>
      <c r="AL136" s="47">
        <v>126</v>
      </c>
      <c r="AM136" s="47">
        <v>8124</v>
      </c>
      <c r="AN136" s="48">
        <v>6260</v>
      </c>
      <c r="AO136" s="47">
        <v>99</v>
      </c>
      <c r="AP136" s="47">
        <v>6359</v>
      </c>
      <c r="AQ136" s="48">
        <v>5384</v>
      </c>
      <c r="AR136" s="47">
        <v>57</v>
      </c>
      <c r="AS136" s="47">
        <v>5441</v>
      </c>
      <c r="AT136" s="48">
        <v>5570</v>
      </c>
      <c r="AU136" s="47">
        <v>28</v>
      </c>
      <c r="AV136" s="47">
        <v>5598</v>
      </c>
      <c r="AW136" s="48">
        <v>7327</v>
      </c>
      <c r="AX136" s="47">
        <v>9</v>
      </c>
      <c r="AY136" s="47">
        <v>7336</v>
      </c>
      <c r="AZ136" s="48">
        <v>5597</v>
      </c>
      <c r="BA136" s="47">
        <v>8</v>
      </c>
      <c r="BB136" s="47">
        <v>5605</v>
      </c>
      <c r="BC136" s="48">
        <v>4307</v>
      </c>
      <c r="BD136" s="47">
        <v>6</v>
      </c>
      <c r="BE136" s="47">
        <v>4313</v>
      </c>
      <c r="BF136" s="48">
        <v>2448</v>
      </c>
      <c r="BG136" s="47">
        <v>0</v>
      </c>
      <c r="BH136" s="47">
        <v>2448</v>
      </c>
      <c r="BI136" s="48">
        <v>1057</v>
      </c>
      <c r="BJ136" s="47">
        <v>3</v>
      </c>
      <c r="BK136" s="47">
        <v>1060</v>
      </c>
      <c r="BL136" s="48">
        <v>347</v>
      </c>
      <c r="BM136" s="47">
        <v>0</v>
      </c>
      <c r="BN136" s="47">
        <v>347</v>
      </c>
      <c r="BO136" s="48">
        <v>43</v>
      </c>
      <c r="BP136" s="47">
        <v>0</v>
      </c>
      <c r="BQ136" s="49">
        <v>43</v>
      </c>
    </row>
    <row r="137" spans="1:69" x14ac:dyDescent="0.15">
      <c r="A137" s="24"/>
      <c r="B137" s="20" t="s">
        <v>29</v>
      </c>
      <c r="C137" s="77">
        <v>142158</v>
      </c>
      <c r="D137" s="36">
        <v>67585</v>
      </c>
      <c r="E137" s="37">
        <v>1375</v>
      </c>
      <c r="F137" s="38">
        <v>68960</v>
      </c>
      <c r="G137" s="51">
        <v>2796</v>
      </c>
      <c r="H137" s="51">
        <v>82</v>
      </c>
      <c r="I137" s="38">
        <v>2878</v>
      </c>
      <c r="J137" s="51">
        <v>2966</v>
      </c>
      <c r="K137" s="51">
        <v>60</v>
      </c>
      <c r="L137" s="38">
        <v>3026</v>
      </c>
      <c r="M137" s="75">
        <v>3083</v>
      </c>
      <c r="N137" s="75">
        <v>45</v>
      </c>
      <c r="O137" s="70">
        <v>3128</v>
      </c>
      <c r="P137" s="51">
        <v>3277</v>
      </c>
      <c r="Q137" s="51">
        <v>46</v>
      </c>
      <c r="R137" s="38">
        <v>3323</v>
      </c>
      <c r="S137" s="51">
        <v>3372</v>
      </c>
      <c r="T137" s="51">
        <v>92</v>
      </c>
      <c r="U137" s="38">
        <v>3464</v>
      </c>
      <c r="V137" s="51">
        <v>3735</v>
      </c>
      <c r="W137" s="51">
        <v>202</v>
      </c>
      <c r="X137" s="38">
        <v>3937</v>
      </c>
      <c r="Y137" s="51">
        <v>3962</v>
      </c>
      <c r="Z137" s="51">
        <v>214</v>
      </c>
      <c r="AA137" s="38">
        <v>4176</v>
      </c>
      <c r="AB137" s="51">
        <v>4537</v>
      </c>
      <c r="AC137" s="51">
        <v>168</v>
      </c>
      <c r="AD137" s="38">
        <v>4705</v>
      </c>
      <c r="AE137" s="51">
        <v>4976</v>
      </c>
      <c r="AF137" s="51">
        <v>103</v>
      </c>
      <c r="AG137" s="38">
        <v>5079</v>
      </c>
      <c r="AH137" s="51">
        <v>5897</v>
      </c>
      <c r="AI137" s="51">
        <v>107</v>
      </c>
      <c r="AJ137" s="38">
        <v>6004</v>
      </c>
      <c r="AK137" s="51">
        <v>5742</v>
      </c>
      <c r="AL137" s="51">
        <v>86</v>
      </c>
      <c r="AM137" s="38">
        <v>5828</v>
      </c>
      <c r="AN137" s="51">
        <v>4346</v>
      </c>
      <c r="AO137" s="51">
        <v>68</v>
      </c>
      <c r="AP137" s="38">
        <v>4414</v>
      </c>
      <c r="AQ137" s="51">
        <v>3470</v>
      </c>
      <c r="AR137" s="51">
        <v>36</v>
      </c>
      <c r="AS137" s="38">
        <v>3506</v>
      </c>
      <c r="AT137" s="51">
        <v>3478</v>
      </c>
      <c r="AU137" s="51">
        <v>27</v>
      </c>
      <c r="AV137" s="38">
        <v>3505</v>
      </c>
      <c r="AW137" s="51">
        <v>4458</v>
      </c>
      <c r="AX137" s="51">
        <v>20</v>
      </c>
      <c r="AY137" s="38">
        <v>4478</v>
      </c>
      <c r="AZ137" s="51">
        <v>3322</v>
      </c>
      <c r="BA137" s="51">
        <v>5</v>
      </c>
      <c r="BB137" s="38">
        <v>3327</v>
      </c>
      <c r="BC137" s="51">
        <v>2541</v>
      </c>
      <c r="BD137" s="51">
        <v>4</v>
      </c>
      <c r="BE137" s="38">
        <v>2545</v>
      </c>
      <c r="BF137" s="51">
        <v>1218</v>
      </c>
      <c r="BG137" s="51">
        <v>7</v>
      </c>
      <c r="BH137" s="38">
        <v>1225</v>
      </c>
      <c r="BI137" s="51">
        <v>351</v>
      </c>
      <c r="BJ137" s="51">
        <v>0</v>
      </c>
      <c r="BK137" s="38">
        <v>351</v>
      </c>
      <c r="BL137" s="51">
        <v>55</v>
      </c>
      <c r="BM137" s="51">
        <v>1</v>
      </c>
      <c r="BN137" s="38">
        <v>56</v>
      </c>
      <c r="BO137" s="51">
        <v>3</v>
      </c>
      <c r="BP137" s="51">
        <v>0</v>
      </c>
      <c r="BQ137" s="40">
        <v>3</v>
      </c>
    </row>
    <row r="138" spans="1:69" x14ac:dyDescent="0.15">
      <c r="A138" s="24" t="s">
        <v>74</v>
      </c>
      <c r="B138" s="25" t="s">
        <v>31</v>
      </c>
      <c r="C138" s="78"/>
      <c r="D138" s="41">
        <v>66690</v>
      </c>
      <c r="E138" s="39">
        <v>1315</v>
      </c>
      <c r="F138" s="42">
        <v>68005</v>
      </c>
      <c r="G138" s="51">
        <v>2605</v>
      </c>
      <c r="H138" s="51">
        <v>71</v>
      </c>
      <c r="I138" s="42">
        <v>2676</v>
      </c>
      <c r="J138" s="51">
        <v>2803</v>
      </c>
      <c r="K138" s="51">
        <v>59</v>
      </c>
      <c r="L138" s="42">
        <v>2862</v>
      </c>
      <c r="M138" s="75">
        <v>2948</v>
      </c>
      <c r="N138" s="75">
        <v>49</v>
      </c>
      <c r="O138" s="72">
        <v>2997</v>
      </c>
      <c r="P138" s="51">
        <v>3095</v>
      </c>
      <c r="Q138" s="51">
        <v>32</v>
      </c>
      <c r="R138" s="42">
        <v>3127</v>
      </c>
      <c r="S138" s="51">
        <v>3139</v>
      </c>
      <c r="T138" s="51">
        <v>67</v>
      </c>
      <c r="U138" s="42">
        <v>3206</v>
      </c>
      <c r="V138" s="51">
        <v>3397</v>
      </c>
      <c r="W138" s="51">
        <v>135</v>
      </c>
      <c r="X138" s="42">
        <v>3532</v>
      </c>
      <c r="Y138" s="51">
        <v>3651</v>
      </c>
      <c r="Z138" s="51">
        <v>168</v>
      </c>
      <c r="AA138" s="42">
        <v>3819</v>
      </c>
      <c r="AB138" s="51">
        <v>4120</v>
      </c>
      <c r="AC138" s="51">
        <v>162</v>
      </c>
      <c r="AD138" s="42">
        <v>4282</v>
      </c>
      <c r="AE138" s="51">
        <v>4510</v>
      </c>
      <c r="AF138" s="51">
        <v>133</v>
      </c>
      <c r="AG138" s="42">
        <v>4643</v>
      </c>
      <c r="AH138" s="51">
        <v>5475</v>
      </c>
      <c r="AI138" s="51">
        <v>97</v>
      </c>
      <c r="AJ138" s="42">
        <v>5572</v>
      </c>
      <c r="AK138" s="51">
        <v>5262</v>
      </c>
      <c r="AL138" s="51">
        <v>129</v>
      </c>
      <c r="AM138" s="42">
        <v>5391</v>
      </c>
      <c r="AN138" s="51">
        <v>3918</v>
      </c>
      <c r="AO138" s="51">
        <v>73</v>
      </c>
      <c r="AP138" s="42">
        <v>3991</v>
      </c>
      <c r="AQ138" s="51">
        <v>3360</v>
      </c>
      <c r="AR138" s="51">
        <v>54</v>
      </c>
      <c r="AS138" s="42">
        <v>3414</v>
      </c>
      <c r="AT138" s="51">
        <v>3662</v>
      </c>
      <c r="AU138" s="51">
        <v>34</v>
      </c>
      <c r="AV138" s="42">
        <v>3696</v>
      </c>
      <c r="AW138" s="51">
        <v>5130</v>
      </c>
      <c r="AX138" s="51">
        <v>18</v>
      </c>
      <c r="AY138" s="42">
        <v>5148</v>
      </c>
      <c r="AZ138" s="51">
        <v>3753</v>
      </c>
      <c r="BA138" s="51">
        <v>16</v>
      </c>
      <c r="BB138" s="42">
        <v>3769</v>
      </c>
      <c r="BC138" s="51">
        <v>3038</v>
      </c>
      <c r="BD138" s="51">
        <v>6</v>
      </c>
      <c r="BE138" s="42">
        <v>3044</v>
      </c>
      <c r="BF138" s="51">
        <v>1708</v>
      </c>
      <c r="BG138" s="51">
        <v>6</v>
      </c>
      <c r="BH138" s="42">
        <v>1714</v>
      </c>
      <c r="BI138" s="51">
        <v>830</v>
      </c>
      <c r="BJ138" s="51">
        <v>5</v>
      </c>
      <c r="BK138" s="42">
        <v>835</v>
      </c>
      <c r="BL138" s="51">
        <v>247</v>
      </c>
      <c r="BM138" s="51">
        <v>1</v>
      </c>
      <c r="BN138" s="42">
        <v>248</v>
      </c>
      <c r="BO138" s="51">
        <v>39</v>
      </c>
      <c r="BP138" s="51">
        <v>0</v>
      </c>
      <c r="BQ138" s="43">
        <v>39</v>
      </c>
    </row>
    <row r="139" spans="1:69" ht="15" thickBot="1" x14ac:dyDescent="0.2">
      <c r="A139" s="44"/>
      <c r="B139" s="31" t="s">
        <v>32</v>
      </c>
      <c r="C139" s="79"/>
      <c r="D139" s="45">
        <v>134275</v>
      </c>
      <c r="E139" s="46">
        <v>2690</v>
      </c>
      <c r="F139" s="47">
        <v>136965</v>
      </c>
      <c r="G139" s="48">
        <v>5401</v>
      </c>
      <c r="H139" s="47">
        <v>153</v>
      </c>
      <c r="I139" s="47">
        <v>5554</v>
      </c>
      <c r="J139" s="48">
        <v>5769</v>
      </c>
      <c r="K139" s="47">
        <v>119</v>
      </c>
      <c r="L139" s="47">
        <v>5888</v>
      </c>
      <c r="M139" s="74">
        <v>6031</v>
      </c>
      <c r="N139" s="73">
        <v>94</v>
      </c>
      <c r="O139" s="73">
        <v>6125</v>
      </c>
      <c r="P139" s="48">
        <v>6372</v>
      </c>
      <c r="Q139" s="47">
        <v>78</v>
      </c>
      <c r="R139" s="47">
        <v>6450</v>
      </c>
      <c r="S139" s="48">
        <v>6511</v>
      </c>
      <c r="T139" s="47">
        <v>159</v>
      </c>
      <c r="U139" s="47">
        <v>6670</v>
      </c>
      <c r="V139" s="48">
        <v>7132</v>
      </c>
      <c r="W139" s="47">
        <v>337</v>
      </c>
      <c r="X139" s="47">
        <v>7469</v>
      </c>
      <c r="Y139" s="48">
        <v>7613</v>
      </c>
      <c r="Z139" s="47">
        <v>382</v>
      </c>
      <c r="AA139" s="47">
        <v>7995</v>
      </c>
      <c r="AB139" s="48">
        <v>8657</v>
      </c>
      <c r="AC139" s="47">
        <v>330</v>
      </c>
      <c r="AD139" s="47">
        <v>8987</v>
      </c>
      <c r="AE139" s="48">
        <v>9486</v>
      </c>
      <c r="AF139" s="47">
        <v>236</v>
      </c>
      <c r="AG139" s="47">
        <v>9722</v>
      </c>
      <c r="AH139" s="48">
        <v>11372</v>
      </c>
      <c r="AI139" s="47">
        <v>204</v>
      </c>
      <c r="AJ139" s="47">
        <v>11576</v>
      </c>
      <c r="AK139" s="48">
        <v>11004</v>
      </c>
      <c r="AL139" s="47">
        <v>215</v>
      </c>
      <c r="AM139" s="47">
        <v>11219</v>
      </c>
      <c r="AN139" s="48">
        <v>8264</v>
      </c>
      <c r="AO139" s="47">
        <v>141</v>
      </c>
      <c r="AP139" s="47">
        <v>8405</v>
      </c>
      <c r="AQ139" s="48">
        <v>6830</v>
      </c>
      <c r="AR139" s="47">
        <v>90</v>
      </c>
      <c r="AS139" s="47">
        <v>6920</v>
      </c>
      <c r="AT139" s="48">
        <v>7140</v>
      </c>
      <c r="AU139" s="47">
        <v>61</v>
      </c>
      <c r="AV139" s="47">
        <v>7201</v>
      </c>
      <c r="AW139" s="48">
        <v>9588</v>
      </c>
      <c r="AX139" s="47">
        <v>38</v>
      </c>
      <c r="AY139" s="47">
        <v>9626</v>
      </c>
      <c r="AZ139" s="48">
        <v>7075</v>
      </c>
      <c r="BA139" s="47">
        <v>21</v>
      </c>
      <c r="BB139" s="47">
        <v>7096</v>
      </c>
      <c r="BC139" s="48">
        <v>5579</v>
      </c>
      <c r="BD139" s="47">
        <v>10</v>
      </c>
      <c r="BE139" s="47">
        <v>5589</v>
      </c>
      <c r="BF139" s="48">
        <v>2926</v>
      </c>
      <c r="BG139" s="47">
        <v>13</v>
      </c>
      <c r="BH139" s="47">
        <v>2939</v>
      </c>
      <c r="BI139" s="48">
        <v>1181</v>
      </c>
      <c r="BJ139" s="47">
        <v>5</v>
      </c>
      <c r="BK139" s="47">
        <v>1186</v>
      </c>
      <c r="BL139" s="48">
        <v>302</v>
      </c>
      <c r="BM139" s="47">
        <v>2</v>
      </c>
      <c r="BN139" s="47">
        <v>304</v>
      </c>
      <c r="BO139" s="48">
        <v>42</v>
      </c>
      <c r="BP139" s="47">
        <v>0</v>
      </c>
      <c r="BQ139" s="49">
        <v>42</v>
      </c>
    </row>
    <row r="140" spans="1:69" x14ac:dyDescent="0.15">
      <c r="A140" s="24"/>
      <c r="B140" s="20" t="s">
        <v>29</v>
      </c>
      <c r="C140" s="77">
        <v>142166</v>
      </c>
      <c r="D140" s="36">
        <v>64534</v>
      </c>
      <c r="E140" s="37">
        <v>1587</v>
      </c>
      <c r="F140" s="38">
        <v>66121</v>
      </c>
      <c r="G140" s="51">
        <v>2259</v>
      </c>
      <c r="H140" s="51">
        <v>81</v>
      </c>
      <c r="I140" s="38">
        <v>2340</v>
      </c>
      <c r="J140" s="51">
        <v>2487</v>
      </c>
      <c r="K140" s="51">
        <v>68</v>
      </c>
      <c r="L140" s="38">
        <v>2555</v>
      </c>
      <c r="M140" s="75">
        <v>2735</v>
      </c>
      <c r="N140" s="75">
        <v>59</v>
      </c>
      <c r="O140" s="70">
        <v>2794</v>
      </c>
      <c r="P140" s="51">
        <v>2896</v>
      </c>
      <c r="Q140" s="51">
        <v>44</v>
      </c>
      <c r="R140" s="38">
        <v>2940</v>
      </c>
      <c r="S140" s="51">
        <v>3424</v>
      </c>
      <c r="T140" s="51">
        <v>132</v>
      </c>
      <c r="U140" s="38">
        <v>3556</v>
      </c>
      <c r="V140" s="51">
        <v>3315</v>
      </c>
      <c r="W140" s="51">
        <v>212</v>
      </c>
      <c r="X140" s="38">
        <v>3527</v>
      </c>
      <c r="Y140" s="51">
        <v>3557</v>
      </c>
      <c r="Z140" s="51">
        <v>210</v>
      </c>
      <c r="AA140" s="38">
        <v>3767</v>
      </c>
      <c r="AB140" s="51">
        <v>3966</v>
      </c>
      <c r="AC140" s="51">
        <v>181</v>
      </c>
      <c r="AD140" s="38">
        <v>4147</v>
      </c>
      <c r="AE140" s="51">
        <v>4478</v>
      </c>
      <c r="AF140" s="51">
        <v>149</v>
      </c>
      <c r="AG140" s="38">
        <v>4627</v>
      </c>
      <c r="AH140" s="51">
        <v>5744</v>
      </c>
      <c r="AI140" s="51">
        <v>105</v>
      </c>
      <c r="AJ140" s="38">
        <v>5849</v>
      </c>
      <c r="AK140" s="51">
        <v>5887</v>
      </c>
      <c r="AL140" s="51">
        <v>120</v>
      </c>
      <c r="AM140" s="38">
        <v>6007</v>
      </c>
      <c r="AN140" s="51">
        <v>4651</v>
      </c>
      <c r="AO140" s="51">
        <v>98</v>
      </c>
      <c r="AP140" s="38">
        <v>4749</v>
      </c>
      <c r="AQ140" s="51">
        <v>3876</v>
      </c>
      <c r="AR140" s="51">
        <v>52</v>
      </c>
      <c r="AS140" s="38">
        <v>3928</v>
      </c>
      <c r="AT140" s="51">
        <v>3597</v>
      </c>
      <c r="AU140" s="51">
        <v>38</v>
      </c>
      <c r="AV140" s="38">
        <v>3635</v>
      </c>
      <c r="AW140" s="51">
        <v>4373</v>
      </c>
      <c r="AX140" s="51">
        <v>18</v>
      </c>
      <c r="AY140" s="38">
        <v>4391</v>
      </c>
      <c r="AZ140" s="51">
        <v>3174</v>
      </c>
      <c r="BA140" s="51">
        <v>11</v>
      </c>
      <c r="BB140" s="38">
        <v>3185</v>
      </c>
      <c r="BC140" s="51">
        <v>2464</v>
      </c>
      <c r="BD140" s="51">
        <v>4</v>
      </c>
      <c r="BE140" s="38">
        <v>2468</v>
      </c>
      <c r="BF140" s="51">
        <v>1260</v>
      </c>
      <c r="BG140" s="51">
        <v>4</v>
      </c>
      <c r="BH140" s="38">
        <v>1264</v>
      </c>
      <c r="BI140" s="51">
        <v>326</v>
      </c>
      <c r="BJ140" s="51">
        <v>0</v>
      </c>
      <c r="BK140" s="38">
        <v>326</v>
      </c>
      <c r="BL140" s="51">
        <v>59</v>
      </c>
      <c r="BM140" s="51">
        <v>0</v>
      </c>
      <c r="BN140" s="38">
        <v>59</v>
      </c>
      <c r="BO140" s="51">
        <v>6</v>
      </c>
      <c r="BP140" s="51">
        <v>0</v>
      </c>
      <c r="BQ140" s="40">
        <v>6</v>
      </c>
    </row>
    <row r="141" spans="1:69" x14ac:dyDescent="0.15">
      <c r="A141" s="24" t="s">
        <v>75</v>
      </c>
      <c r="B141" s="25" t="s">
        <v>31</v>
      </c>
      <c r="C141" s="78"/>
      <c r="D141" s="41">
        <v>63900</v>
      </c>
      <c r="E141" s="39">
        <v>1688</v>
      </c>
      <c r="F141" s="42">
        <v>65588</v>
      </c>
      <c r="G141" s="51">
        <v>2179</v>
      </c>
      <c r="H141" s="51">
        <v>73</v>
      </c>
      <c r="I141" s="42">
        <v>2252</v>
      </c>
      <c r="J141" s="51">
        <v>2417</v>
      </c>
      <c r="K141" s="51">
        <v>75</v>
      </c>
      <c r="L141" s="42">
        <v>2492</v>
      </c>
      <c r="M141" s="75">
        <v>2634</v>
      </c>
      <c r="N141" s="75">
        <v>48</v>
      </c>
      <c r="O141" s="72">
        <v>2682</v>
      </c>
      <c r="P141" s="51">
        <v>2631</v>
      </c>
      <c r="Q141" s="51">
        <v>36</v>
      </c>
      <c r="R141" s="42">
        <v>2667</v>
      </c>
      <c r="S141" s="51">
        <v>3122</v>
      </c>
      <c r="T141" s="51">
        <v>109</v>
      </c>
      <c r="U141" s="42">
        <v>3231</v>
      </c>
      <c r="V141" s="51">
        <v>3127</v>
      </c>
      <c r="W141" s="51">
        <v>172</v>
      </c>
      <c r="X141" s="42">
        <v>3299</v>
      </c>
      <c r="Y141" s="51">
        <v>3204</v>
      </c>
      <c r="Z141" s="51">
        <v>183</v>
      </c>
      <c r="AA141" s="42">
        <v>3387</v>
      </c>
      <c r="AB141" s="51">
        <v>3507</v>
      </c>
      <c r="AC141" s="51">
        <v>183</v>
      </c>
      <c r="AD141" s="42">
        <v>3690</v>
      </c>
      <c r="AE141" s="51">
        <v>4075</v>
      </c>
      <c r="AF141" s="51">
        <v>181</v>
      </c>
      <c r="AG141" s="42">
        <v>4256</v>
      </c>
      <c r="AH141" s="51">
        <v>5206</v>
      </c>
      <c r="AI141" s="51">
        <v>140</v>
      </c>
      <c r="AJ141" s="42">
        <v>5346</v>
      </c>
      <c r="AK141" s="51">
        <v>5220</v>
      </c>
      <c r="AL141" s="51">
        <v>166</v>
      </c>
      <c r="AM141" s="42">
        <v>5386</v>
      </c>
      <c r="AN141" s="51">
        <v>4262</v>
      </c>
      <c r="AO141" s="51">
        <v>121</v>
      </c>
      <c r="AP141" s="42">
        <v>4383</v>
      </c>
      <c r="AQ141" s="51">
        <v>3595</v>
      </c>
      <c r="AR141" s="51">
        <v>96</v>
      </c>
      <c r="AS141" s="42">
        <v>3691</v>
      </c>
      <c r="AT141" s="51">
        <v>3620</v>
      </c>
      <c r="AU141" s="51">
        <v>48</v>
      </c>
      <c r="AV141" s="42">
        <v>3668</v>
      </c>
      <c r="AW141" s="51">
        <v>5018</v>
      </c>
      <c r="AX141" s="51">
        <v>21</v>
      </c>
      <c r="AY141" s="42">
        <v>5039</v>
      </c>
      <c r="AZ141" s="51">
        <v>3899</v>
      </c>
      <c r="BA141" s="51">
        <v>13</v>
      </c>
      <c r="BB141" s="42">
        <v>3912</v>
      </c>
      <c r="BC141" s="51">
        <v>3206</v>
      </c>
      <c r="BD141" s="51">
        <v>4</v>
      </c>
      <c r="BE141" s="42">
        <v>3210</v>
      </c>
      <c r="BF141" s="51">
        <v>1847</v>
      </c>
      <c r="BG141" s="51">
        <v>10</v>
      </c>
      <c r="BH141" s="42">
        <v>1857</v>
      </c>
      <c r="BI141" s="51">
        <v>841</v>
      </c>
      <c r="BJ141" s="51">
        <v>6</v>
      </c>
      <c r="BK141" s="42">
        <v>847</v>
      </c>
      <c r="BL141" s="51">
        <v>255</v>
      </c>
      <c r="BM141" s="51">
        <v>2</v>
      </c>
      <c r="BN141" s="42">
        <v>257</v>
      </c>
      <c r="BO141" s="51">
        <v>35</v>
      </c>
      <c r="BP141" s="51">
        <v>0</v>
      </c>
      <c r="BQ141" s="43">
        <v>35</v>
      </c>
    </row>
    <row r="142" spans="1:69" ht="15" thickBot="1" x14ac:dyDescent="0.2">
      <c r="A142" s="44"/>
      <c r="B142" s="31" t="s">
        <v>32</v>
      </c>
      <c r="C142" s="79"/>
      <c r="D142" s="45">
        <v>128434</v>
      </c>
      <c r="E142" s="46">
        <v>3275</v>
      </c>
      <c r="F142" s="47">
        <v>131709</v>
      </c>
      <c r="G142" s="48">
        <v>4438</v>
      </c>
      <c r="H142" s="47">
        <v>154</v>
      </c>
      <c r="I142" s="47">
        <v>4592</v>
      </c>
      <c r="J142" s="48">
        <v>4904</v>
      </c>
      <c r="K142" s="47">
        <v>143</v>
      </c>
      <c r="L142" s="47">
        <v>5047</v>
      </c>
      <c r="M142" s="74">
        <v>5369</v>
      </c>
      <c r="N142" s="73">
        <v>107</v>
      </c>
      <c r="O142" s="73">
        <v>5476</v>
      </c>
      <c r="P142" s="48">
        <v>5527</v>
      </c>
      <c r="Q142" s="47">
        <v>80</v>
      </c>
      <c r="R142" s="47">
        <v>5607</v>
      </c>
      <c r="S142" s="48">
        <v>6546</v>
      </c>
      <c r="T142" s="47">
        <v>241</v>
      </c>
      <c r="U142" s="47">
        <v>6787</v>
      </c>
      <c r="V142" s="48">
        <v>6442</v>
      </c>
      <c r="W142" s="47">
        <v>384</v>
      </c>
      <c r="X142" s="47">
        <v>6826</v>
      </c>
      <c r="Y142" s="48">
        <v>6761</v>
      </c>
      <c r="Z142" s="47">
        <v>393</v>
      </c>
      <c r="AA142" s="47">
        <v>7154</v>
      </c>
      <c r="AB142" s="48">
        <v>7473</v>
      </c>
      <c r="AC142" s="47">
        <v>364</v>
      </c>
      <c r="AD142" s="47">
        <v>7837</v>
      </c>
      <c r="AE142" s="48">
        <v>8553</v>
      </c>
      <c r="AF142" s="47">
        <v>330</v>
      </c>
      <c r="AG142" s="47">
        <v>8883</v>
      </c>
      <c r="AH142" s="48">
        <v>10950</v>
      </c>
      <c r="AI142" s="47">
        <v>245</v>
      </c>
      <c r="AJ142" s="47">
        <v>11195</v>
      </c>
      <c r="AK142" s="48">
        <v>11107</v>
      </c>
      <c r="AL142" s="47">
        <v>286</v>
      </c>
      <c r="AM142" s="47">
        <v>11393</v>
      </c>
      <c r="AN142" s="48">
        <v>8913</v>
      </c>
      <c r="AO142" s="47">
        <v>219</v>
      </c>
      <c r="AP142" s="47">
        <v>9132</v>
      </c>
      <c r="AQ142" s="48">
        <v>7471</v>
      </c>
      <c r="AR142" s="47">
        <v>148</v>
      </c>
      <c r="AS142" s="47">
        <v>7619</v>
      </c>
      <c r="AT142" s="48">
        <v>7217</v>
      </c>
      <c r="AU142" s="47">
        <v>86</v>
      </c>
      <c r="AV142" s="47">
        <v>7303</v>
      </c>
      <c r="AW142" s="48">
        <v>9391</v>
      </c>
      <c r="AX142" s="47">
        <v>39</v>
      </c>
      <c r="AY142" s="47">
        <v>9430</v>
      </c>
      <c r="AZ142" s="48">
        <v>7073</v>
      </c>
      <c r="BA142" s="47">
        <v>24</v>
      </c>
      <c r="BB142" s="47">
        <v>7097</v>
      </c>
      <c r="BC142" s="48">
        <v>5670</v>
      </c>
      <c r="BD142" s="47">
        <v>8</v>
      </c>
      <c r="BE142" s="47">
        <v>5678</v>
      </c>
      <c r="BF142" s="48">
        <v>3107</v>
      </c>
      <c r="BG142" s="47">
        <v>14</v>
      </c>
      <c r="BH142" s="47">
        <v>3121</v>
      </c>
      <c r="BI142" s="48">
        <v>1167</v>
      </c>
      <c r="BJ142" s="47">
        <v>6</v>
      </c>
      <c r="BK142" s="47">
        <v>1173</v>
      </c>
      <c r="BL142" s="48">
        <v>314</v>
      </c>
      <c r="BM142" s="47">
        <v>2</v>
      </c>
      <c r="BN142" s="47">
        <v>316</v>
      </c>
      <c r="BO142" s="48">
        <v>41</v>
      </c>
      <c r="BP142" s="47">
        <v>0</v>
      </c>
      <c r="BQ142" s="49">
        <v>41</v>
      </c>
    </row>
    <row r="143" spans="1:69" x14ac:dyDescent="0.15">
      <c r="A143" s="24"/>
      <c r="B143" s="20" t="s">
        <v>29</v>
      </c>
      <c r="C143" s="77">
        <v>142174</v>
      </c>
      <c r="D143" s="36">
        <v>20065</v>
      </c>
      <c r="E143" s="37">
        <v>234</v>
      </c>
      <c r="F143" s="38">
        <v>20299</v>
      </c>
      <c r="G143" s="51">
        <v>522</v>
      </c>
      <c r="H143" s="51">
        <v>6</v>
      </c>
      <c r="I143" s="38">
        <v>528</v>
      </c>
      <c r="J143" s="51">
        <v>793</v>
      </c>
      <c r="K143" s="51">
        <v>8</v>
      </c>
      <c r="L143" s="38">
        <v>801</v>
      </c>
      <c r="M143" s="75">
        <v>906</v>
      </c>
      <c r="N143" s="75">
        <v>6</v>
      </c>
      <c r="O143" s="70">
        <v>912</v>
      </c>
      <c r="P143" s="51">
        <v>988</v>
      </c>
      <c r="Q143" s="51">
        <v>4</v>
      </c>
      <c r="R143" s="38">
        <v>992</v>
      </c>
      <c r="S143" s="51">
        <v>986</v>
      </c>
      <c r="T143" s="51">
        <v>17</v>
      </c>
      <c r="U143" s="38">
        <v>1003</v>
      </c>
      <c r="V143" s="51">
        <v>818</v>
      </c>
      <c r="W143" s="51">
        <v>43</v>
      </c>
      <c r="X143" s="38">
        <v>861</v>
      </c>
      <c r="Y143" s="51">
        <v>784</v>
      </c>
      <c r="Z143" s="51">
        <v>37</v>
      </c>
      <c r="AA143" s="38">
        <v>821</v>
      </c>
      <c r="AB143" s="51">
        <v>1020</v>
      </c>
      <c r="AC143" s="51">
        <v>32</v>
      </c>
      <c r="AD143" s="38">
        <v>1052</v>
      </c>
      <c r="AE143" s="51">
        <v>1240</v>
      </c>
      <c r="AF143" s="51">
        <v>13</v>
      </c>
      <c r="AG143" s="38">
        <v>1253</v>
      </c>
      <c r="AH143" s="51">
        <v>1661</v>
      </c>
      <c r="AI143" s="51">
        <v>14</v>
      </c>
      <c r="AJ143" s="38">
        <v>1675</v>
      </c>
      <c r="AK143" s="51">
        <v>1684</v>
      </c>
      <c r="AL143" s="51">
        <v>18</v>
      </c>
      <c r="AM143" s="38">
        <v>1702</v>
      </c>
      <c r="AN143" s="51">
        <v>1383</v>
      </c>
      <c r="AO143" s="51">
        <v>12</v>
      </c>
      <c r="AP143" s="38">
        <v>1395</v>
      </c>
      <c r="AQ143" s="51">
        <v>1234</v>
      </c>
      <c r="AR143" s="51">
        <v>8</v>
      </c>
      <c r="AS143" s="38">
        <v>1242</v>
      </c>
      <c r="AT143" s="51">
        <v>1305</v>
      </c>
      <c r="AU143" s="51">
        <v>10</v>
      </c>
      <c r="AV143" s="38">
        <v>1315</v>
      </c>
      <c r="AW143" s="51">
        <v>1646</v>
      </c>
      <c r="AX143" s="51">
        <v>3</v>
      </c>
      <c r="AY143" s="38">
        <v>1649</v>
      </c>
      <c r="AZ143" s="51">
        <v>1301</v>
      </c>
      <c r="BA143" s="51">
        <v>1</v>
      </c>
      <c r="BB143" s="38">
        <v>1302</v>
      </c>
      <c r="BC143" s="51">
        <v>1010</v>
      </c>
      <c r="BD143" s="51">
        <v>2</v>
      </c>
      <c r="BE143" s="38">
        <v>1012</v>
      </c>
      <c r="BF143" s="51">
        <v>572</v>
      </c>
      <c r="BG143" s="51">
        <v>0</v>
      </c>
      <c r="BH143" s="38">
        <v>572</v>
      </c>
      <c r="BI143" s="51">
        <v>172</v>
      </c>
      <c r="BJ143" s="51">
        <v>0</v>
      </c>
      <c r="BK143" s="38">
        <v>172</v>
      </c>
      <c r="BL143" s="51">
        <v>33</v>
      </c>
      <c r="BM143" s="51">
        <v>0</v>
      </c>
      <c r="BN143" s="38">
        <v>33</v>
      </c>
      <c r="BO143" s="51">
        <v>7</v>
      </c>
      <c r="BP143" s="51">
        <v>0</v>
      </c>
      <c r="BQ143" s="38">
        <v>7</v>
      </c>
    </row>
    <row r="144" spans="1:69" x14ac:dyDescent="0.15">
      <c r="A144" s="24" t="s">
        <v>76</v>
      </c>
      <c r="B144" s="25" t="s">
        <v>31</v>
      </c>
      <c r="C144" s="78"/>
      <c r="D144" s="41">
        <v>20681</v>
      </c>
      <c r="E144" s="39">
        <v>274</v>
      </c>
      <c r="F144" s="42">
        <v>20955</v>
      </c>
      <c r="G144" s="51">
        <v>536</v>
      </c>
      <c r="H144" s="51">
        <v>8</v>
      </c>
      <c r="I144" s="42">
        <v>544</v>
      </c>
      <c r="J144" s="51">
        <v>716</v>
      </c>
      <c r="K144" s="51">
        <v>9</v>
      </c>
      <c r="L144" s="42">
        <v>725</v>
      </c>
      <c r="M144" s="75">
        <v>873</v>
      </c>
      <c r="N144" s="75">
        <v>4</v>
      </c>
      <c r="O144" s="72">
        <v>877</v>
      </c>
      <c r="P144" s="51">
        <v>891</v>
      </c>
      <c r="Q144" s="51">
        <v>3</v>
      </c>
      <c r="R144" s="42">
        <v>894</v>
      </c>
      <c r="S144" s="51">
        <v>866</v>
      </c>
      <c r="T144" s="51">
        <v>24</v>
      </c>
      <c r="U144" s="42">
        <v>890</v>
      </c>
      <c r="V144" s="51">
        <v>740</v>
      </c>
      <c r="W144" s="51">
        <v>46</v>
      </c>
      <c r="X144" s="42">
        <v>786</v>
      </c>
      <c r="Y144" s="51">
        <v>740</v>
      </c>
      <c r="Z144" s="51">
        <v>31</v>
      </c>
      <c r="AA144" s="42">
        <v>771</v>
      </c>
      <c r="AB144" s="51">
        <v>952</v>
      </c>
      <c r="AC144" s="51">
        <v>21</v>
      </c>
      <c r="AD144" s="42">
        <v>973</v>
      </c>
      <c r="AE144" s="51">
        <v>1169</v>
      </c>
      <c r="AF144" s="51">
        <v>41</v>
      </c>
      <c r="AG144" s="42">
        <v>1210</v>
      </c>
      <c r="AH144" s="51">
        <v>1498</v>
      </c>
      <c r="AI144" s="51">
        <v>16</v>
      </c>
      <c r="AJ144" s="42">
        <v>1514</v>
      </c>
      <c r="AK144" s="51">
        <v>1561</v>
      </c>
      <c r="AL144" s="51">
        <v>24</v>
      </c>
      <c r="AM144" s="42">
        <v>1585</v>
      </c>
      <c r="AN144" s="51">
        <v>1355</v>
      </c>
      <c r="AO144" s="51">
        <v>18</v>
      </c>
      <c r="AP144" s="42">
        <v>1373</v>
      </c>
      <c r="AQ144" s="51">
        <v>1187</v>
      </c>
      <c r="AR144" s="51">
        <v>14</v>
      </c>
      <c r="AS144" s="42">
        <v>1201</v>
      </c>
      <c r="AT144" s="51">
        <v>1369</v>
      </c>
      <c r="AU144" s="51">
        <v>6</v>
      </c>
      <c r="AV144" s="42">
        <v>1375</v>
      </c>
      <c r="AW144" s="51">
        <v>1930</v>
      </c>
      <c r="AX144" s="51">
        <v>3</v>
      </c>
      <c r="AY144" s="42">
        <v>1933</v>
      </c>
      <c r="AZ144" s="51">
        <v>1548</v>
      </c>
      <c r="BA144" s="51">
        <v>3</v>
      </c>
      <c r="BB144" s="42">
        <v>1551</v>
      </c>
      <c r="BC144" s="51">
        <v>1269</v>
      </c>
      <c r="BD144" s="51">
        <v>1</v>
      </c>
      <c r="BE144" s="42">
        <v>1270</v>
      </c>
      <c r="BF144" s="51">
        <v>898</v>
      </c>
      <c r="BG144" s="51">
        <v>2</v>
      </c>
      <c r="BH144" s="42">
        <v>900</v>
      </c>
      <c r="BI144" s="51">
        <v>416</v>
      </c>
      <c r="BJ144" s="51">
        <v>0</v>
      </c>
      <c r="BK144" s="42">
        <v>416</v>
      </c>
      <c r="BL144" s="51">
        <v>141</v>
      </c>
      <c r="BM144" s="51">
        <v>0</v>
      </c>
      <c r="BN144" s="42">
        <v>141</v>
      </c>
      <c r="BO144" s="51">
        <v>26</v>
      </c>
      <c r="BP144" s="51">
        <v>0</v>
      </c>
      <c r="BQ144" s="42">
        <v>26</v>
      </c>
    </row>
    <row r="145" spans="1:69" ht="15" thickBot="1" x14ac:dyDescent="0.2">
      <c r="A145" s="44"/>
      <c r="B145" s="31" t="s">
        <v>32</v>
      </c>
      <c r="C145" s="79"/>
      <c r="D145" s="45">
        <v>40746</v>
      </c>
      <c r="E145" s="46">
        <v>508</v>
      </c>
      <c r="F145" s="47">
        <v>41254</v>
      </c>
      <c r="G145" s="48">
        <v>1058</v>
      </c>
      <c r="H145" s="47">
        <v>14</v>
      </c>
      <c r="I145" s="47">
        <v>1072</v>
      </c>
      <c r="J145" s="48">
        <v>1509</v>
      </c>
      <c r="K145" s="47">
        <v>17</v>
      </c>
      <c r="L145" s="47">
        <v>1526</v>
      </c>
      <c r="M145" s="74">
        <v>1779</v>
      </c>
      <c r="N145" s="73">
        <v>10</v>
      </c>
      <c r="O145" s="73">
        <v>1789</v>
      </c>
      <c r="P145" s="48">
        <v>1879</v>
      </c>
      <c r="Q145" s="47">
        <v>7</v>
      </c>
      <c r="R145" s="47">
        <v>1886</v>
      </c>
      <c r="S145" s="48">
        <v>1852</v>
      </c>
      <c r="T145" s="47">
        <v>41</v>
      </c>
      <c r="U145" s="47">
        <v>1893</v>
      </c>
      <c r="V145" s="48">
        <v>1558</v>
      </c>
      <c r="W145" s="47">
        <v>89</v>
      </c>
      <c r="X145" s="47">
        <v>1647</v>
      </c>
      <c r="Y145" s="48">
        <v>1524</v>
      </c>
      <c r="Z145" s="47">
        <v>68</v>
      </c>
      <c r="AA145" s="47">
        <v>1592</v>
      </c>
      <c r="AB145" s="48">
        <v>1972</v>
      </c>
      <c r="AC145" s="47">
        <v>53</v>
      </c>
      <c r="AD145" s="47">
        <v>2025</v>
      </c>
      <c r="AE145" s="48">
        <v>2409</v>
      </c>
      <c r="AF145" s="47">
        <v>54</v>
      </c>
      <c r="AG145" s="47">
        <v>2463</v>
      </c>
      <c r="AH145" s="48">
        <v>3159</v>
      </c>
      <c r="AI145" s="47">
        <v>30</v>
      </c>
      <c r="AJ145" s="47">
        <v>3189</v>
      </c>
      <c r="AK145" s="48">
        <v>3245</v>
      </c>
      <c r="AL145" s="47">
        <v>42</v>
      </c>
      <c r="AM145" s="47">
        <v>3287</v>
      </c>
      <c r="AN145" s="48">
        <v>2738</v>
      </c>
      <c r="AO145" s="47">
        <v>30</v>
      </c>
      <c r="AP145" s="47">
        <v>2768</v>
      </c>
      <c r="AQ145" s="48">
        <v>2421</v>
      </c>
      <c r="AR145" s="47">
        <v>22</v>
      </c>
      <c r="AS145" s="47">
        <v>2443</v>
      </c>
      <c r="AT145" s="48">
        <v>2674</v>
      </c>
      <c r="AU145" s="47">
        <v>16</v>
      </c>
      <c r="AV145" s="47">
        <v>2690</v>
      </c>
      <c r="AW145" s="48">
        <v>3576</v>
      </c>
      <c r="AX145" s="47">
        <v>6</v>
      </c>
      <c r="AY145" s="47">
        <v>3582</v>
      </c>
      <c r="AZ145" s="48">
        <v>2849</v>
      </c>
      <c r="BA145" s="47">
        <v>4</v>
      </c>
      <c r="BB145" s="47">
        <v>2853</v>
      </c>
      <c r="BC145" s="48">
        <v>2279</v>
      </c>
      <c r="BD145" s="47">
        <v>3</v>
      </c>
      <c r="BE145" s="47">
        <v>2282</v>
      </c>
      <c r="BF145" s="48">
        <v>1470</v>
      </c>
      <c r="BG145" s="47">
        <v>2</v>
      </c>
      <c r="BH145" s="47">
        <v>1472</v>
      </c>
      <c r="BI145" s="48">
        <v>588</v>
      </c>
      <c r="BJ145" s="47">
        <v>0</v>
      </c>
      <c r="BK145" s="47">
        <v>588</v>
      </c>
      <c r="BL145" s="48">
        <v>174</v>
      </c>
      <c r="BM145" s="47">
        <v>0</v>
      </c>
      <c r="BN145" s="47">
        <v>174</v>
      </c>
      <c r="BO145" s="48">
        <v>33</v>
      </c>
      <c r="BP145" s="47">
        <v>0</v>
      </c>
      <c r="BQ145" s="47">
        <v>33</v>
      </c>
    </row>
    <row r="146" spans="1:69" x14ac:dyDescent="0.15">
      <c r="A146" s="24"/>
      <c r="B146" s="20" t="s">
        <v>29</v>
      </c>
      <c r="C146" s="77">
        <v>142182</v>
      </c>
      <c r="D146" s="36">
        <v>40838</v>
      </c>
      <c r="E146" s="37">
        <v>2343</v>
      </c>
      <c r="F146" s="38">
        <v>43181</v>
      </c>
      <c r="G146" s="51">
        <v>1474</v>
      </c>
      <c r="H146" s="51">
        <v>106</v>
      </c>
      <c r="I146" s="38">
        <v>1580</v>
      </c>
      <c r="J146" s="51">
        <v>1769</v>
      </c>
      <c r="K146" s="51">
        <v>100</v>
      </c>
      <c r="L146" s="38">
        <v>1869</v>
      </c>
      <c r="M146" s="75">
        <v>2025</v>
      </c>
      <c r="N146" s="75">
        <v>98</v>
      </c>
      <c r="O146" s="70">
        <v>2123</v>
      </c>
      <c r="P146" s="51">
        <v>1968</v>
      </c>
      <c r="Q146" s="51">
        <v>94</v>
      </c>
      <c r="R146" s="38">
        <v>2062</v>
      </c>
      <c r="S146" s="51">
        <v>2009</v>
      </c>
      <c r="T146" s="51">
        <v>221</v>
      </c>
      <c r="U146" s="38">
        <v>2230</v>
      </c>
      <c r="V146" s="51">
        <v>1857</v>
      </c>
      <c r="W146" s="51">
        <v>344</v>
      </c>
      <c r="X146" s="38">
        <v>2201</v>
      </c>
      <c r="Y146" s="51">
        <v>2066</v>
      </c>
      <c r="Z146" s="51">
        <v>273</v>
      </c>
      <c r="AA146" s="38">
        <v>2339</v>
      </c>
      <c r="AB146" s="51">
        <v>2361</v>
      </c>
      <c r="AC146" s="51">
        <v>260</v>
      </c>
      <c r="AD146" s="38">
        <v>2621</v>
      </c>
      <c r="AE146" s="51">
        <v>2914</v>
      </c>
      <c r="AF146" s="51">
        <v>206</v>
      </c>
      <c r="AG146" s="38">
        <v>3120</v>
      </c>
      <c r="AH146" s="51">
        <v>3763</v>
      </c>
      <c r="AI146" s="51">
        <v>169</v>
      </c>
      <c r="AJ146" s="38">
        <v>3932</v>
      </c>
      <c r="AK146" s="51">
        <v>3674</v>
      </c>
      <c r="AL146" s="51">
        <v>154</v>
      </c>
      <c r="AM146" s="38">
        <v>3828</v>
      </c>
      <c r="AN146" s="51">
        <v>2468</v>
      </c>
      <c r="AO146" s="51">
        <v>129</v>
      </c>
      <c r="AP146" s="38">
        <v>2597</v>
      </c>
      <c r="AQ146" s="51">
        <v>1955</v>
      </c>
      <c r="AR146" s="51">
        <v>82</v>
      </c>
      <c r="AS146" s="38">
        <v>2037</v>
      </c>
      <c r="AT146" s="51">
        <v>2126</v>
      </c>
      <c r="AU146" s="51">
        <v>50</v>
      </c>
      <c r="AV146" s="38">
        <v>2176</v>
      </c>
      <c r="AW146" s="51">
        <v>2943</v>
      </c>
      <c r="AX146" s="51">
        <v>31</v>
      </c>
      <c r="AY146" s="38">
        <v>2974</v>
      </c>
      <c r="AZ146" s="51">
        <v>2467</v>
      </c>
      <c r="BA146" s="51">
        <v>16</v>
      </c>
      <c r="BB146" s="38">
        <v>2483</v>
      </c>
      <c r="BC146" s="51">
        <v>1918</v>
      </c>
      <c r="BD146" s="51">
        <v>9</v>
      </c>
      <c r="BE146" s="38">
        <v>1927</v>
      </c>
      <c r="BF146" s="51">
        <v>832</v>
      </c>
      <c r="BG146" s="51">
        <v>1</v>
      </c>
      <c r="BH146" s="38">
        <v>833</v>
      </c>
      <c r="BI146" s="51">
        <v>213</v>
      </c>
      <c r="BJ146" s="51">
        <v>0</v>
      </c>
      <c r="BK146" s="38">
        <v>213</v>
      </c>
      <c r="BL146" s="51">
        <v>33</v>
      </c>
      <c r="BM146" s="51">
        <v>0</v>
      </c>
      <c r="BN146" s="38">
        <v>33</v>
      </c>
      <c r="BO146" s="51">
        <v>3</v>
      </c>
      <c r="BP146" s="51">
        <v>0</v>
      </c>
      <c r="BQ146" s="40">
        <v>3</v>
      </c>
    </row>
    <row r="147" spans="1:69" x14ac:dyDescent="0.15">
      <c r="A147" s="24" t="s">
        <v>77</v>
      </c>
      <c r="B147" s="25" t="s">
        <v>31</v>
      </c>
      <c r="C147" s="78"/>
      <c r="D147" s="41">
        <v>39478</v>
      </c>
      <c r="E147" s="39">
        <v>1786</v>
      </c>
      <c r="F147" s="42">
        <v>41264</v>
      </c>
      <c r="G147" s="51">
        <v>1280</v>
      </c>
      <c r="H147" s="51">
        <v>85</v>
      </c>
      <c r="I147" s="42">
        <v>1365</v>
      </c>
      <c r="J147" s="51">
        <v>1717</v>
      </c>
      <c r="K147" s="51">
        <v>127</v>
      </c>
      <c r="L147" s="42">
        <v>1844</v>
      </c>
      <c r="M147" s="75">
        <v>1968</v>
      </c>
      <c r="N147" s="75">
        <v>93</v>
      </c>
      <c r="O147" s="72">
        <v>2061</v>
      </c>
      <c r="P147" s="51">
        <v>1995</v>
      </c>
      <c r="Q147" s="51">
        <v>82</v>
      </c>
      <c r="R147" s="42">
        <v>2077</v>
      </c>
      <c r="S147" s="51">
        <v>1813</v>
      </c>
      <c r="T147" s="51">
        <v>103</v>
      </c>
      <c r="U147" s="42">
        <v>1916</v>
      </c>
      <c r="V147" s="51">
        <v>1665</v>
      </c>
      <c r="W147" s="51">
        <v>150</v>
      </c>
      <c r="X147" s="42">
        <v>1815</v>
      </c>
      <c r="Y147" s="51">
        <v>1743</v>
      </c>
      <c r="Z147" s="51">
        <v>182</v>
      </c>
      <c r="AA147" s="42">
        <v>1925</v>
      </c>
      <c r="AB147" s="51">
        <v>2088</v>
      </c>
      <c r="AC147" s="51">
        <v>182</v>
      </c>
      <c r="AD147" s="42">
        <v>2270</v>
      </c>
      <c r="AE147" s="51">
        <v>2451</v>
      </c>
      <c r="AF147" s="51">
        <v>159</v>
      </c>
      <c r="AG147" s="42">
        <v>2610</v>
      </c>
      <c r="AH147" s="51">
        <v>3264</v>
      </c>
      <c r="AI147" s="51">
        <v>169</v>
      </c>
      <c r="AJ147" s="42">
        <v>3433</v>
      </c>
      <c r="AK147" s="51">
        <v>3067</v>
      </c>
      <c r="AL147" s="51">
        <v>159</v>
      </c>
      <c r="AM147" s="42">
        <v>3226</v>
      </c>
      <c r="AN147" s="51">
        <v>2061</v>
      </c>
      <c r="AO147" s="51">
        <v>125</v>
      </c>
      <c r="AP147" s="42">
        <v>2186</v>
      </c>
      <c r="AQ147" s="51">
        <v>1852</v>
      </c>
      <c r="AR147" s="51">
        <v>83</v>
      </c>
      <c r="AS147" s="42">
        <v>1935</v>
      </c>
      <c r="AT147" s="51">
        <v>2222</v>
      </c>
      <c r="AU147" s="51">
        <v>39</v>
      </c>
      <c r="AV147" s="42">
        <v>2261</v>
      </c>
      <c r="AW147" s="51">
        <v>3472</v>
      </c>
      <c r="AX147" s="51">
        <v>19</v>
      </c>
      <c r="AY147" s="42">
        <v>3491</v>
      </c>
      <c r="AZ147" s="51">
        <v>2910</v>
      </c>
      <c r="BA147" s="51">
        <v>14</v>
      </c>
      <c r="BB147" s="42">
        <v>2924</v>
      </c>
      <c r="BC147" s="51">
        <v>2112</v>
      </c>
      <c r="BD147" s="51">
        <v>9</v>
      </c>
      <c r="BE147" s="42">
        <v>2121</v>
      </c>
      <c r="BF147" s="51">
        <v>1134</v>
      </c>
      <c r="BG147" s="51">
        <v>6</v>
      </c>
      <c r="BH147" s="42">
        <v>1140</v>
      </c>
      <c r="BI147" s="51">
        <v>473</v>
      </c>
      <c r="BJ147" s="51">
        <v>0</v>
      </c>
      <c r="BK147" s="42">
        <v>473</v>
      </c>
      <c r="BL147" s="51">
        <v>162</v>
      </c>
      <c r="BM147" s="51">
        <v>0</v>
      </c>
      <c r="BN147" s="42">
        <v>162</v>
      </c>
      <c r="BO147" s="51">
        <v>29</v>
      </c>
      <c r="BP147" s="51">
        <v>0</v>
      </c>
      <c r="BQ147" s="43">
        <v>29</v>
      </c>
    </row>
    <row r="148" spans="1:69" ht="15" thickBot="1" x14ac:dyDescent="0.2">
      <c r="A148" s="44"/>
      <c r="B148" s="31" t="s">
        <v>32</v>
      </c>
      <c r="C148" s="79"/>
      <c r="D148" s="45">
        <v>80316</v>
      </c>
      <c r="E148" s="46">
        <v>4129</v>
      </c>
      <c r="F148" s="47">
        <v>84445</v>
      </c>
      <c r="G148" s="48">
        <v>2754</v>
      </c>
      <c r="H148" s="47">
        <v>191</v>
      </c>
      <c r="I148" s="47">
        <v>2945</v>
      </c>
      <c r="J148" s="48">
        <v>3486</v>
      </c>
      <c r="K148" s="47">
        <v>227</v>
      </c>
      <c r="L148" s="47">
        <v>3713</v>
      </c>
      <c r="M148" s="74">
        <v>3993</v>
      </c>
      <c r="N148" s="73">
        <v>191</v>
      </c>
      <c r="O148" s="73">
        <v>4184</v>
      </c>
      <c r="P148" s="48">
        <v>3963</v>
      </c>
      <c r="Q148" s="47">
        <v>176</v>
      </c>
      <c r="R148" s="47">
        <v>4139</v>
      </c>
      <c r="S148" s="48">
        <v>3822</v>
      </c>
      <c r="T148" s="47">
        <v>324</v>
      </c>
      <c r="U148" s="47">
        <v>4146</v>
      </c>
      <c r="V148" s="48">
        <v>3522</v>
      </c>
      <c r="W148" s="47">
        <v>494</v>
      </c>
      <c r="X148" s="47">
        <v>4016</v>
      </c>
      <c r="Y148" s="48">
        <v>3809</v>
      </c>
      <c r="Z148" s="47">
        <v>455</v>
      </c>
      <c r="AA148" s="47">
        <v>4264</v>
      </c>
      <c r="AB148" s="48">
        <v>4449</v>
      </c>
      <c r="AC148" s="47">
        <v>442</v>
      </c>
      <c r="AD148" s="47">
        <v>4891</v>
      </c>
      <c r="AE148" s="48">
        <v>5365</v>
      </c>
      <c r="AF148" s="47">
        <v>365</v>
      </c>
      <c r="AG148" s="47">
        <v>5730</v>
      </c>
      <c r="AH148" s="48">
        <v>7027</v>
      </c>
      <c r="AI148" s="47">
        <v>338</v>
      </c>
      <c r="AJ148" s="47">
        <v>7365</v>
      </c>
      <c r="AK148" s="48">
        <v>6741</v>
      </c>
      <c r="AL148" s="47">
        <v>313</v>
      </c>
      <c r="AM148" s="47">
        <v>7054</v>
      </c>
      <c r="AN148" s="48">
        <v>4529</v>
      </c>
      <c r="AO148" s="47">
        <v>254</v>
      </c>
      <c r="AP148" s="47">
        <v>4783</v>
      </c>
      <c r="AQ148" s="48">
        <v>3807</v>
      </c>
      <c r="AR148" s="47">
        <v>165</v>
      </c>
      <c r="AS148" s="47">
        <v>3972</v>
      </c>
      <c r="AT148" s="48">
        <v>4348</v>
      </c>
      <c r="AU148" s="47">
        <v>89</v>
      </c>
      <c r="AV148" s="47">
        <v>4437</v>
      </c>
      <c r="AW148" s="48">
        <v>6415</v>
      </c>
      <c r="AX148" s="47">
        <v>50</v>
      </c>
      <c r="AY148" s="47">
        <v>6465</v>
      </c>
      <c r="AZ148" s="48">
        <v>5377</v>
      </c>
      <c r="BA148" s="47">
        <v>30</v>
      </c>
      <c r="BB148" s="47">
        <v>5407</v>
      </c>
      <c r="BC148" s="48">
        <v>4030</v>
      </c>
      <c r="BD148" s="47">
        <v>18</v>
      </c>
      <c r="BE148" s="47">
        <v>4048</v>
      </c>
      <c r="BF148" s="48">
        <v>1966</v>
      </c>
      <c r="BG148" s="47">
        <v>7</v>
      </c>
      <c r="BH148" s="47">
        <v>1973</v>
      </c>
      <c r="BI148" s="48">
        <v>686</v>
      </c>
      <c r="BJ148" s="47">
        <v>0</v>
      </c>
      <c r="BK148" s="47">
        <v>686</v>
      </c>
      <c r="BL148" s="48">
        <v>195</v>
      </c>
      <c r="BM148" s="47">
        <v>0</v>
      </c>
      <c r="BN148" s="47">
        <v>195</v>
      </c>
      <c r="BO148" s="48">
        <v>32</v>
      </c>
      <c r="BP148" s="47">
        <v>0</v>
      </c>
      <c r="BQ148" s="49">
        <v>32</v>
      </c>
    </row>
    <row r="149" spans="1:69" x14ac:dyDescent="0.15">
      <c r="A149" s="24"/>
      <c r="B149" s="20" t="s">
        <v>29</v>
      </c>
      <c r="C149" s="77">
        <v>143014</v>
      </c>
      <c r="D149" s="36">
        <v>15400</v>
      </c>
      <c r="E149" s="37">
        <v>164</v>
      </c>
      <c r="F149" s="38">
        <v>15564</v>
      </c>
      <c r="G149" s="51">
        <v>478</v>
      </c>
      <c r="H149" s="51">
        <v>1</v>
      </c>
      <c r="I149" s="38">
        <v>479</v>
      </c>
      <c r="J149" s="51">
        <v>807</v>
      </c>
      <c r="K149" s="51">
        <v>1</v>
      </c>
      <c r="L149" s="38">
        <v>808</v>
      </c>
      <c r="M149" s="75">
        <v>881</v>
      </c>
      <c r="N149" s="75">
        <v>2</v>
      </c>
      <c r="O149" s="70">
        <v>883</v>
      </c>
      <c r="P149" s="51">
        <v>818</v>
      </c>
      <c r="Q149" s="51">
        <v>1</v>
      </c>
      <c r="R149" s="38">
        <v>819</v>
      </c>
      <c r="S149" s="51">
        <v>637</v>
      </c>
      <c r="T149" s="51">
        <v>4</v>
      </c>
      <c r="U149" s="38">
        <v>641</v>
      </c>
      <c r="V149" s="51">
        <v>378</v>
      </c>
      <c r="W149" s="51">
        <v>5</v>
      </c>
      <c r="X149" s="38">
        <v>383</v>
      </c>
      <c r="Y149" s="51">
        <v>393</v>
      </c>
      <c r="Z149" s="51">
        <v>12</v>
      </c>
      <c r="AA149" s="38">
        <v>405</v>
      </c>
      <c r="AB149" s="51">
        <v>665</v>
      </c>
      <c r="AC149" s="51">
        <v>17</v>
      </c>
      <c r="AD149" s="38">
        <v>682</v>
      </c>
      <c r="AE149" s="51">
        <v>980</v>
      </c>
      <c r="AF149" s="51">
        <v>25</v>
      </c>
      <c r="AG149" s="38">
        <v>1005</v>
      </c>
      <c r="AH149" s="51">
        <v>1390</v>
      </c>
      <c r="AI149" s="51">
        <v>24</v>
      </c>
      <c r="AJ149" s="38">
        <v>1414</v>
      </c>
      <c r="AK149" s="51">
        <v>1447</v>
      </c>
      <c r="AL149" s="51">
        <v>25</v>
      </c>
      <c r="AM149" s="38">
        <v>1472</v>
      </c>
      <c r="AN149" s="51">
        <v>1226</v>
      </c>
      <c r="AO149" s="51">
        <v>14</v>
      </c>
      <c r="AP149" s="38">
        <v>1240</v>
      </c>
      <c r="AQ149" s="51">
        <v>915</v>
      </c>
      <c r="AR149" s="51">
        <v>13</v>
      </c>
      <c r="AS149" s="38">
        <v>928</v>
      </c>
      <c r="AT149" s="51">
        <v>847</v>
      </c>
      <c r="AU149" s="51">
        <v>3</v>
      </c>
      <c r="AV149" s="38">
        <v>850</v>
      </c>
      <c r="AW149" s="51">
        <v>1133</v>
      </c>
      <c r="AX149" s="51">
        <v>6</v>
      </c>
      <c r="AY149" s="38">
        <v>1139</v>
      </c>
      <c r="AZ149" s="51">
        <v>958</v>
      </c>
      <c r="BA149" s="51">
        <v>5</v>
      </c>
      <c r="BB149" s="38">
        <v>963</v>
      </c>
      <c r="BC149" s="51">
        <v>734</v>
      </c>
      <c r="BD149" s="51">
        <v>1</v>
      </c>
      <c r="BE149" s="38">
        <v>735</v>
      </c>
      <c r="BF149" s="51">
        <v>483</v>
      </c>
      <c r="BG149" s="51">
        <v>2</v>
      </c>
      <c r="BH149" s="38">
        <v>485</v>
      </c>
      <c r="BI149" s="51">
        <v>188</v>
      </c>
      <c r="BJ149" s="51">
        <v>2</v>
      </c>
      <c r="BK149" s="38">
        <v>190</v>
      </c>
      <c r="BL149" s="51">
        <v>39</v>
      </c>
      <c r="BM149" s="51">
        <v>1</v>
      </c>
      <c r="BN149" s="38">
        <v>40</v>
      </c>
      <c r="BO149" s="51">
        <v>3</v>
      </c>
      <c r="BP149" s="51">
        <v>0</v>
      </c>
      <c r="BQ149" s="38">
        <v>3</v>
      </c>
    </row>
    <row r="150" spans="1:69" x14ac:dyDescent="0.15">
      <c r="A150" s="24" t="s">
        <v>78</v>
      </c>
      <c r="B150" s="25" t="s">
        <v>31</v>
      </c>
      <c r="C150" s="78"/>
      <c r="D150" s="41">
        <v>17207</v>
      </c>
      <c r="E150" s="39">
        <v>93</v>
      </c>
      <c r="F150" s="42">
        <v>17300</v>
      </c>
      <c r="G150" s="51">
        <v>444</v>
      </c>
      <c r="H150" s="51">
        <v>2</v>
      </c>
      <c r="I150" s="42">
        <v>446</v>
      </c>
      <c r="J150" s="51">
        <v>714</v>
      </c>
      <c r="K150" s="51">
        <v>2</v>
      </c>
      <c r="L150" s="42">
        <v>716</v>
      </c>
      <c r="M150" s="75">
        <v>836</v>
      </c>
      <c r="N150" s="75">
        <v>1</v>
      </c>
      <c r="O150" s="72">
        <v>837</v>
      </c>
      <c r="P150" s="51">
        <v>760</v>
      </c>
      <c r="Q150" s="51">
        <v>2</v>
      </c>
      <c r="R150" s="42">
        <v>762</v>
      </c>
      <c r="S150" s="51">
        <v>646</v>
      </c>
      <c r="T150" s="51">
        <v>2</v>
      </c>
      <c r="U150" s="42">
        <v>648</v>
      </c>
      <c r="V150" s="51">
        <v>388</v>
      </c>
      <c r="W150" s="51">
        <v>6</v>
      </c>
      <c r="X150" s="42">
        <v>394</v>
      </c>
      <c r="Y150" s="51">
        <v>452</v>
      </c>
      <c r="Z150" s="51">
        <v>6</v>
      </c>
      <c r="AA150" s="42">
        <v>458</v>
      </c>
      <c r="AB150" s="51">
        <v>803</v>
      </c>
      <c r="AC150" s="51">
        <v>10</v>
      </c>
      <c r="AD150" s="42">
        <v>813</v>
      </c>
      <c r="AE150" s="51">
        <v>1185</v>
      </c>
      <c r="AF150" s="51">
        <v>8</v>
      </c>
      <c r="AG150" s="42">
        <v>1193</v>
      </c>
      <c r="AH150" s="51">
        <v>1525</v>
      </c>
      <c r="AI150" s="51">
        <v>11</v>
      </c>
      <c r="AJ150" s="42">
        <v>1536</v>
      </c>
      <c r="AK150" s="51">
        <v>1533</v>
      </c>
      <c r="AL150" s="51">
        <v>10</v>
      </c>
      <c r="AM150" s="42">
        <v>1543</v>
      </c>
      <c r="AN150" s="51">
        <v>1156</v>
      </c>
      <c r="AO150" s="51">
        <v>7</v>
      </c>
      <c r="AP150" s="42">
        <v>1163</v>
      </c>
      <c r="AQ150" s="51">
        <v>897</v>
      </c>
      <c r="AR150" s="51">
        <v>3</v>
      </c>
      <c r="AS150" s="42">
        <v>900</v>
      </c>
      <c r="AT150" s="51">
        <v>970</v>
      </c>
      <c r="AU150" s="51">
        <v>6</v>
      </c>
      <c r="AV150" s="42">
        <v>976</v>
      </c>
      <c r="AW150" s="51">
        <v>1417</v>
      </c>
      <c r="AX150" s="51">
        <v>8</v>
      </c>
      <c r="AY150" s="42">
        <v>1425</v>
      </c>
      <c r="AZ150" s="51">
        <v>1212</v>
      </c>
      <c r="BA150" s="51">
        <v>2</v>
      </c>
      <c r="BB150" s="42">
        <v>1214</v>
      </c>
      <c r="BC150" s="51">
        <v>998</v>
      </c>
      <c r="BD150" s="51">
        <v>3</v>
      </c>
      <c r="BE150" s="42">
        <v>1001</v>
      </c>
      <c r="BF150" s="51">
        <v>725</v>
      </c>
      <c r="BG150" s="51">
        <v>2</v>
      </c>
      <c r="BH150" s="42">
        <v>727</v>
      </c>
      <c r="BI150" s="51">
        <v>366</v>
      </c>
      <c r="BJ150" s="51">
        <v>1</v>
      </c>
      <c r="BK150" s="42">
        <v>367</v>
      </c>
      <c r="BL150" s="51">
        <v>159</v>
      </c>
      <c r="BM150" s="51">
        <v>1</v>
      </c>
      <c r="BN150" s="42">
        <v>160</v>
      </c>
      <c r="BO150" s="51">
        <v>21</v>
      </c>
      <c r="BP150" s="51">
        <v>0</v>
      </c>
      <c r="BQ150" s="42">
        <v>21</v>
      </c>
    </row>
    <row r="151" spans="1:69" ht="15" thickBot="1" x14ac:dyDescent="0.2">
      <c r="A151" s="44"/>
      <c r="B151" s="31" t="s">
        <v>32</v>
      </c>
      <c r="C151" s="79"/>
      <c r="D151" s="45">
        <v>32607</v>
      </c>
      <c r="E151" s="46">
        <v>257</v>
      </c>
      <c r="F151" s="47">
        <v>32864</v>
      </c>
      <c r="G151" s="48">
        <v>922</v>
      </c>
      <c r="H151" s="47">
        <v>3</v>
      </c>
      <c r="I151" s="47">
        <v>925</v>
      </c>
      <c r="J151" s="48">
        <v>1521</v>
      </c>
      <c r="K151" s="47">
        <v>3</v>
      </c>
      <c r="L151" s="47">
        <v>1524</v>
      </c>
      <c r="M151" s="74">
        <v>1717</v>
      </c>
      <c r="N151" s="73">
        <v>3</v>
      </c>
      <c r="O151" s="73">
        <v>1720</v>
      </c>
      <c r="P151" s="48">
        <v>1578</v>
      </c>
      <c r="Q151" s="47">
        <v>3</v>
      </c>
      <c r="R151" s="47">
        <v>1581</v>
      </c>
      <c r="S151" s="48">
        <v>1283</v>
      </c>
      <c r="T151" s="47">
        <v>6</v>
      </c>
      <c r="U151" s="47">
        <v>1289</v>
      </c>
      <c r="V151" s="48">
        <v>766</v>
      </c>
      <c r="W151" s="47">
        <v>11</v>
      </c>
      <c r="X151" s="47">
        <v>777</v>
      </c>
      <c r="Y151" s="48">
        <v>845</v>
      </c>
      <c r="Z151" s="47">
        <v>18</v>
      </c>
      <c r="AA151" s="47">
        <v>863</v>
      </c>
      <c r="AB151" s="48">
        <v>1468</v>
      </c>
      <c r="AC151" s="47">
        <v>27</v>
      </c>
      <c r="AD151" s="47">
        <v>1495</v>
      </c>
      <c r="AE151" s="48">
        <v>2165</v>
      </c>
      <c r="AF151" s="47">
        <v>33</v>
      </c>
      <c r="AG151" s="47">
        <v>2198</v>
      </c>
      <c r="AH151" s="48">
        <v>2915</v>
      </c>
      <c r="AI151" s="47">
        <v>35</v>
      </c>
      <c r="AJ151" s="47">
        <v>2950</v>
      </c>
      <c r="AK151" s="48">
        <v>2980</v>
      </c>
      <c r="AL151" s="47">
        <v>35</v>
      </c>
      <c r="AM151" s="47">
        <v>3015</v>
      </c>
      <c r="AN151" s="48">
        <v>2382</v>
      </c>
      <c r="AO151" s="47">
        <v>21</v>
      </c>
      <c r="AP151" s="47">
        <v>2403</v>
      </c>
      <c r="AQ151" s="48">
        <v>1812</v>
      </c>
      <c r="AR151" s="47">
        <v>16</v>
      </c>
      <c r="AS151" s="47">
        <v>1828</v>
      </c>
      <c r="AT151" s="48">
        <v>1817</v>
      </c>
      <c r="AU151" s="47">
        <v>9</v>
      </c>
      <c r="AV151" s="47">
        <v>1826</v>
      </c>
      <c r="AW151" s="48">
        <v>2550</v>
      </c>
      <c r="AX151" s="47">
        <v>14</v>
      </c>
      <c r="AY151" s="47">
        <v>2564</v>
      </c>
      <c r="AZ151" s="48">
        <v>2170</v>
      </c>
      <c r="BA151" s="47">
        <v>7</v>
      </c>
      <c r="BB151" s="47">
        <v>2177</v>
      </c>
      <c r="BC151" s="48">
        <v>1732</v>
      </c>
      <c r="BD151" s="47">
        <v>4</v>
      </c>
      <c r="BE151" s="47">
        <v>1736</v>
      </c>
      <c r="BF151" s="48">
        <v>1208</v>
      </c>
      <c r="BG151" s="47">
        <v>4</v>
      </c>
      <c r="BH151" s="47">
        <v>1212</v>
      </c>
      <c r="BI151" s="48">
        <v>554</v>
      </c>
      <c r="BJ151" s="47">
        <v>3</v>
      </c>
      <c r="BK151" s="47">
        <v>557</v>
      </c>
      <c r="BL151" s="48">
        <v>198</v>
      </c>
      <c r="BM151" s="47">
        <v>2</v>
      </c>
      <c r="BN151" s="47">
        <v>200</v>
      </c>
      <c r="BO151" s="48">
        <v>24</v>
      </c>
      <c r="BP151" s="47">
        <v>0</v>
      </c>
      <c r="BQ151" s="47">
        <v>24</v>
      </c>
    </row>
    <row r="152" spans="1:69" x14ac:dyDescent="0.15">
      <c r="A152" s="24"/>
      <c r="B152" s="20" t="s">
        <v>29</v>
      </c>
      <c r="C152" s="77">
        <v>143219</v>
      </c>
      <c r="D152" s="36">
        <v>24407</v>
      </c>
      <c r="E152" s="37">
        <v>534</v>
      </c>
      <c r="F152" s="38">
        <v>24941</v>
      </c>
      <c r="G152" s="51">
        <v>937</v>
      </c>
      <c r="H152" s="51">
        <v>26</v>
      </c>
      <c r="I152" s="38">
        <v>963</v>
      </c>
      <c r="J152" s="51">
        <v>1114</v>
      </c>
      <c r="K152" s="51">
        <v>16</v>
      </c>
      <c r="L152" s="38">
        <v>1130</v>
      </c>
      <c r="M152" s="75">
        <v>1125</v>
      </c>
      <c r="N152" s="75">
        <v>8</v>
      </c>
      <c r="O152" s="70">
        <v>1133</v>
      </c>
      <c r="P152" s="51">
        <v>1163</v>
      </c>
      <c r="Q152" s="51">
        <v>12</v>
      </c>
      <c r="R152" s="38">
        <v>1175</v>
      </c>
      <c r="S152" s="51">
        <v>1129</v>
      </c>
      <c r="T152" s="51">
        <v>70</v>
      </c>
      <c r="U152" s="38">
        <v>1199</v>
      </c>
      <c r="V152" s="51">
        <v>1215</v>
      </c>
      <c r="W152" s="51">
        <v>131</v>
      </c>
      <c r="X152" s="38">
        <v>1346</v>
      </c>
      <c r="Y152" s="51">
        <v>1339</v>
      </c>
      <c r="Z152" s="51">
        <v>67</v>
      </c>
      <c r="AA152" s="38">
        <v>1406</v>
      </c>
      <c r="AB152" s="51">
        <v>1499</v>
      </c>
      <c r="AC152" s="51">
        <v>46</v>
      </c>
      <c r="AD152" s="38">
        <v>1545</v>
      </c>
      <c r="AE152" s="51">
        <v>1797</v>
      </c>
      <c r="AF152" s="51">
        <v>37</v>
      </c>
      <c r="AG152" s="38">
        <v>1834</v>
      </c>
      <c r="AH152" s="51">
        <v>2133</v>
      </c>
      <c r="AI152" s="51">
        <v>24</v>
      </c>
      <c r="AJ152" s="38">
        <v>2157</v>
      </c>
      <c r="AK152" s="51">
        <v>1980</v>
      </c>
      <c r="AL152" s="51">
        <v>31</v>
      </c>
      <c r="AM152" s="38">
        <v>2011</v>
      </c>
      <c r="AN152" s="51">
        <v>1507</v>
      </c>
      <c r="AO152" s="51">
        <v>30</v>
      </c>
      <c r="AP152" s="38">
        <v>1537</v>
      </c>
      <c r="AQ152" s="51">
        <v>1307</v>
      </c>
      <c r="AR152" s="51">
        <v>17</v>
      </c>
      <c r="AS152" s="38">
        <v>1324</v>
      </c>
      <c r="AT152" s="51">
        <v>1408</v>
      </c>
      <c r="AU152" s="51">
        <v>6</v>
      </c>
      <c r="AV152" s="38">
        <v>1414</v>
      </c>
      <c r="AW152" s="51">
        <v>1819</v>
      </c>
      <c r="AX152" s="51">
        <v>9</v>
      </c>
      <c r="AY152" s="38">
        <v>1828</v>
      </c>
      <c r="AZ152" s="51">
        <v>1303</v>
      </c>
      <c r="BA152" s="51">
        <v>3</v>
      </c>
      <c r="BB152" s="38">
        <v>1306</v>
      </c>
      <c r="BC152" s="51">
        <v>1024</v>
      </c>
      <c r="BD152" s="51">
        <v>1</v>
      </c>
      <c r="BE152" s="38">
        <v>1025</v>
      </c>
      <c r="BF152" s="51">
        <v>456</v>
      </c>
      <c r="BG152" s="51">
        <v>0</v>
      </c>
      <c r="BH152" s="38">
        <v>456</v>
      </c>
      <c r="BI152" s="51">
        <v>126</v>
      </c>
      <c r="BJ152" s="51">
        <v>0</v>
      </c>
      <c r="BK152" s="38">
        <v>126</v>
      </c>
      <c r="BL152" s="51">
        <v>24</v>
      </c>
      <c r="BM152" s="51">
        <v>0</v>
      </c>
      <c r="BN152" s="38">
        <v>24</v>
      </c>
      <c r="BO152" s="51">
        <v>2</v>
      </c>
      <c r="BP152" s="51">
        <v>0</v>
      </c>
      <c r="BQ152" s="40">
        <v>2</v>
      </c>
    </row>
    <row r="153" spans="1:69" x14ac:dyDescent="0.15">
      <c r="A153" s="24" t="s">
        <v>79</v>
      </c>
      <c r="B153" s="25" t="s">
        <v>31</v>
      </c>
      <c r="C153" s="78"/>
      <c r="D153" s="41">
        <v>23655</v>
      </c>
      <c r="E153" s="39">
        <v>468</v>
      </c>
      <c r="F153" s="42">
        <v>24123</v>
      </c>
      <c r="G153" s="51">
        <v>864</v>
      </c>
      <c r="H153" s="51">
        <v>20</v>
      </c>
      <c r="I153" s="42">
        <v>884</v>
      </c>
      <c r="J153" s="51">
        <v>1027</v>
      </c>
      <c r="K153" s="51">
        <v>18</v>
      </c>
      <c r="L153" s="42">
        <v>1045</v>
      </c>
      <c r="M153" s="75">
        <v>1062</v>
      </c>
      <c r="N153" s="75">
        <v>12</v>
      </c>
      <c r="O153" s="72">
        <v>1074</v>
      </c>
      <c r="P153" s="51">
        <v>1115</v>
      </c>
      <c r="Q153" s="51">
        <v>12</v>
      </c>
      <c r="R153" s="42">
        <v>1127</v>
      </c>
      <c r="S153" s="51">
        <v>1059</v>
      </c>
      <c r="T153" s="51">
        <v>29</v>
      </c>
      <c r="U153" s="42">
        <v>1088</v>
      </c>
      <c r="V153" s="51">
        <v>1005</v>
      </c>
      <c r="W153" s="51">
        <v>67</v>
      </c>
      <c r="X153" s="42">
        <v>1072</v>
      </c>
      <c r="Y153" s="51">
        <v>1201</v>
      </c>
      <c r="Z153" s="51">
        <v>59</v>
      </c>
      <c r="AA153" s="42">
        <v>1260</v>
      </c>
      <c r="AB153" s="51">
        <v>1311</v>
      </c>
      <c r="AC153" s="51">
        <v>47</v>
      </c>
      <c r="AD153" s="42">
        <v>1358</v>
      </c>
      <c r="AE153" s="51">
        <v>1638</v>
      </c>
      <c r="AF153" s="51">
        <v>37</v>
      </c>
      <c r="AG153" s="42">
        <v>1675</v>
      </c>
      <c r="AH153" s="51">
        <v>1818</v>
      </c>
      <c r="AI153" s="51">
        <v>44</v>
      </c>
      <c r="AJ153" s="42">
        <v>1862</v>
      </c>
      <c r="AK153" s="51">
        <v>1653</v>
      </c>
      <c r="AL153" s="51">
        <v>35</v>
      </c>
      <c r="AM153" s="42">
        <v>1688</v>
      </c>
      <c r="AN153" s="51">
        <v>1358</v>
      </c>
      <c r="AO153" s="51">
        <v>32</v>
      </c>
      <c r="AP153" s="42">
        <v>1390</v>
      </c>
      <c r="AQ153" s="51">
        <v>1282</v>
      </c>
      <c r="AR153" s="51">
        <v>26</v>
      </c>
      <c r="AS153" s="42">
        <v>1308</v>
      </c>
      <c r="AT153" s="51">
        <v>1522</v>
      </c>
      <c r="AU153" s="51">
        <v>16</v>
      </c>
      <c r="AV153" s="42">
        <v>1538</v>
      </c>
      <c r="AW153" s="51">
        <v>1996</v>
      </c>
      <c r="AX153" s="51">
        <v>2</v>
      </c>
      <c r="AY153" s="42">
        <v>1998</v>
      </c>
      <c r="AZ153" s="51">
        <v>1521</v>
      </c>
      <c r="BA153" s="51">
        <v>5</v>
      </c>
      <c r="BB153" s="42">
        <v>1526</v>
      </c>
      <c r="BC153" s="51">
        <v>1127</v>
      </c>
      <c r="BD153" s="51">
        <v>3</v>
      </c>
      <c r="BE153" s="42">
        <v>1130</v>
      </c>
      <c r="BF153" s="51">
        <v>684</v>
      </c>
      <c r="BG153" s="51">
        <v>4</v>
      </c>
      <c r="BH153" s="42">
        <v>688</v>
      </c>
      <c r="BI153" s="51">
        <v>308</v>
      </c>
      <c r="BJ153" s="51">
        <v>0</v>
      </c>
      <c r="BK153" s="42">
        <v>308</v>
      </c>
      <c r="BL153" s="51">
        <v>88</v>
      </c>
      <c r="BM153" s="51">
        <v>0</v>
      </c>
      <c r="BN153" s="42">
        <v>88</v>
      </c>
      <c r="BO153" s="51">
        <v>16</v>
      </c>
      <c r="BP153" s="51">
        <v>0</v>
      </c>
      <c r="BQ153" s="43">
        <v>16</v>
      </c>
    </row>
    <row r="154" spans="1:69" ht="15" thickBot="1" x14ac:dyDescent="0.2">
      <c r="A154" s="44"/>
      <c r="B154" s="31" t="s">
        <v>32</v>
      </c>
      <c r="C154" s="79"/>
      <c r="D154" s="45">
        <v>48062</v>
      </c>
      <c r="E154" s="46">
        <v>1002</v>
      </c>
      <c r="F154" s="47">
        <v>49064</v>
      </c>
      <c r="G154" s="48">
        <v>1801</v>
      </c>
      <c r="H154" s="47">
        <v>46</v>
      </c>
      <c r="I154" s="47">
        <v>1847</v>
      </c>
      <c r="J154" s="48">
        <v>2141</v>
      </c>
      <c r="K154" s="47">
        <v>34</v>
      </c>
      <c r="L154" s="47">
        <v>2175</v>
      </c>
      <c r="M154" s="74">
        <v>2187</v>
      </c>
      <c r="N154" s="73">
        <v>20</v>
      </c>
      <c r="O154" s="73">
        <v>2207</v>
      </c>
      <c r="P154" s="48">
        <v>2278</v>
      </c>
      <c r="Q154" s="47">
        <v>24</v>
      </c>
      <c r="R154" s="47">
        <v>2302</v>
      </c>
      <c r="S154" s="48">
        <v>2188</v>
      </c>
      <c r="T154" s="47">
        <v>99</v>
      </c>
      <c r="U154" s="47">
        <v>2287</v>
      </c>
      <c r="V154" s="48">
        <v>2220</v>
      </c>
      <c r="W154" s="47">
        <v>198</v>
      </c>
      <c r="X154" s="47">
        <v>2418</v>
      </c>
      <c r="Y154" s="48">
        <v>2540</v>
      </c>
      <c r="Z154" s="47">
        <v>126</v>
      </c>
      <c r="AA154" s="47">
        <v>2666</v>
      </c>
      <c r="AB154" s="48">
        <v>2810</v>
      </c>
      <c r="AC154" s="47">
        <v>93</v>
      </c>
      <c r="AD154" s="47">
        <v>2903</v>
      </c>
      <c r="AE154" s="48">
        <v>3435</v>
      </c>
      <c r="AF154" s="47">
        <v>74</v>
      </c>
      <c r="AG154" s="47">
        <v>3509</v>
      </c>
      <c r="AH154" s="48">
        <v>3951</v>
      </c>
      <c r="AI154" s="47">
        <v>68</v>
      </c>
      <c r="AJ154" s="47">
        <v>4019</v>
      </c>
      <c r="AK154" s="48">
        <v>3633</v>
      </c>
      <c r="AL154" s="47">
        <v>66</v>
      </c>
      <c r="AM154" s="47">
        <v>3699</v>
      </c>
      <c r="AN154" s="48">
        <v>2865</v>
      </c>
      <c r="AO154" s="47">
        <v>62</v>
      </c>
      <c r="AP154" s="47">
        <v>2927</v>
      </c>
      <c r="AQ154" s="48">
        <v>2589</v>
      </c>
      <c r="AR154" s="47">
        <v>43</v>
      </c>
      <c r="AS154" s="47">
        <v>2632</v>
      </c>
      <c r="AT154" s="48">
        <v>2930</v>
      </c>
      <c r="AU154" s="47">
        <v>22</v>
      </c>
      <c r="AV154" s="47">
        <v>2952</v>
      </c>
      <c r="AW154" s="48">
        <v>3815</v>
      </c>
      <c r="AX154" s="47">
        <v>11</v>
      </c>
      <c r="AY154" s="47">
        <v>3826</v>
      </c>
      <c r="AZ154" s="48">
        <v>2824</v>
      </c>
      <c r="BA154" s="47">
        <v>8</v>
      </c>
      <c r="BB154" s="47">
        <v>2832</v>
      </c>
      <c r="BC154" s="48">
        <v>2151</v>
      </c>
      <c r="BD154" s="47">
        <v>4</v>
      </c>
      <c r="BE154" s="47">
        <v>2155</v>
      </c>
      <c r="BF154" s="48">
        <v>1140</v>
      </c>
      <c r="BG154" s="47">
        <v>4</v>
      </c>
      <c r="BH154" s="47">
        <v>1144</v>
      </c>
      <c r="BI154" s="48">
        <v>434</v>
      </c>
      <c r="BJ154" s="47">
        <v>0</v>
      </c>
      <c r="BK154" s="47">
        <v>434</v>
      </c>
      <c r="BL154" s="48">
        <v>112</v>
      </c>
      <c r="BM154" s="47">
        <v>0</v>
      </c>
      <c r="BN154" s="47">
        <v>112</v>
      </c>
      <c r="BO154" s="48">
        <v>18</v>
      </c>
      <c r="BP154" s="47">
        <v>0</v>
      </c>
      <c r="BQ154" s="49">
        <v>18</v>
      </c>
    </row>
    <row r="155" spans="1:69" x14ac:dyDescent="0.15">
      <c r="A155" s="24"/>
      <c r="B155" s="20" t="s">
        <v>29</v>
      </c>
      <c r="C155" s="77">
        <v>143413</v>
      </c>
      <c r="D155" s="36">
        <v>15808</v>
      </c>
      <c r="E155" s="37">
        <v>106</v>
      </c>
      <c r="F155" s="38">
        <v>15914</v>
      </c>
      <c r="G155" s="51">
        <v>479</v>
      </c>
      <c r="H155" s="51">
        <v>1</v>
      </c>
      <c r="I155" s="38">
        <v>480</v>
      </c>
      <c r="J155" s="51">
        <v>593</v>
      </c>
      <c r="K155" s="51">
        <v>3</v>
      </c>
      <c r="L155" s="38">
        <v>596</v>
      </c>
      <c r="M155" s="75">
        <v>751</v>
      </c>
      <c r="N155" s="75">
        <v>2</v>
      </c>
      <c r="O155" s="70">
        <v>753</v>
      </c>
      <c r="P155" s="51">
        <v>705</v>
      </c>
      <c r="Q155" s="51">
        <v>3</v>
      </c>
      <c r="R155" s="38">
        <v>708</v>
      </c>
      <c r="S155" s="51">
        <v>650</v>
      </c>
      <c r="T155" s="51">
        <v>7</v>
      </c>
      <c r="U155" s="38">
        <v>657</v>
      </c>
      <c r="V155" s="51">
        <v>518</v>
      </c>
      <c r="W155" s="51">
        <v>8</v>
      </c>
      <c r="X155" s="38">
        <v>526</v>
      </c>
      <c r="Y155" s="51">
        <v>538</v>
      </c>
      <c r="Z155" s="51">
        <v>13</v>
      </c>
      <c r="AA155" s="38">
        <v>551</v>
      </c>
      <c r="AB155" s="51">
        <v>790</v>
      </c>
      <c r="AC155" s="51">
        <v>9</v>
      </c>
      <c r="AD155" s="38">
        <v>799</v>
      </c>
      <c r="AE155" s="51">
        <v>1020</v>
      </c>
      <c r="AF155" s="51">
        <v>11</v>
      </c>
      <c r="AG155" s="38">
        <v>1031</v>
      </c>
      <c r="AH155" s="51">
        <v>1320</v>
      </c>
      <c r="AI155" s="51">
        <v>10</v>
      </c>
      <c r="AJ155" s="38">
        <v>1330</v>
      </c>
      <c r="AK155" s="51">
        <v>1359</v>
      </c>
      <c r="AL155" s="51">
        <v>10</v>
      </c>
      <c r="AM155" s="38">
        <v>1369</v>
      </c>
      <c r="AN155" s="51">
        <v>1143</v>
      </c>
      <c r="AO155" s="51">
        <v>10</v>
      </c>
      <c r="AP155" s="38">
        <v>1153</v>
      </c>
      <c r="AQ155" s="51">
        <v>939</v>
      </c>
      <c r="AR155" s="51">
        <v>5</v>
      </c>
      <c r="AS155" s="38">
        <v>944</v>
      </c>
      <c r="AT155" s="51">
        <v>1007</v>
      </c>
      <c r="AU155" s="51">
        <v>4</v>
      </c>
      <c r="AV155" s="38">
        <v>1011</v>
      </c>
      <c r="AW155" s="51">
        <v>1438</v>
      </c>
      <c r="AX155" s="51">
        <v>2</v>
      </c>
      <c r="AY155" s="38">
        <v>1440</v>
      </c>
      <c r="AZ155" s="51">
        <v>1117</v>
      </c>
      <c r="BA155" s="51">
        <v>2</v>
      </c>
      <c r="BB155" s="38">
        <v>1119</v>
      </c>
      <c r="BC155" s="51">
        <v>833</v>
      </c>
      <c r="BD155" s="51">
        <v>3</v>
      </c>
      <c r="BE155" s="38">
        <v>836</v>
      </c>
      <c r="BF155" s="51">
        <v>405</v>
      </c>
      <c r="BG155" s="51">
        <v>2</v>
      </c>
      <c r="BH155" s="38">
        <v>407</v>
      </c>
      <c r="BI155" s="51">
        <v>173</v>
      </c>
      <c r="BJ155" s="51">
        <v>1</v>
      </c>
      <c r="BK155" s="38">
        <v>174</v>
      </c>
      <c r="BL155" s="51">
        <v>27</v>
      </c>
      <c r="BM155" s="51">
        <v>0</v>
      </c>
      <c r="BN155" s="38">
        <v>27</v>
      </c>
      <c r="BO155" s="51">
        <v>3</v>
      </c>
      <c r="BP155" s="51">
        <v>0</v>
      </c>
      <c r="BQ155" s="38">
        <v>3</v>
      </c>
    </row>
    <row r="156" spans="1:69" x14ac:dyDescent="0.15">
      <c r="A156" s="24" t="s">
        <v>80</v>
      </c>
      <c r="B156" s="25" t="s">
        <v>31</v>
      </c>
      <c r="C156" s="78"/>
      <c r="D156" s="41">
        <v>16464</v>
      </c>
      <c r="E156" s="39">
        <v>86</v>
      </c>
      <c r="F156" s="42">
        <v>16550</v>
      </c>
      <c r="G156" s="51">
        <v>454</v>
      </c>
      <c r="H156" s="51">
        <v>0</v>
      </c>
      <c r="I156" s="42">
        <v>454</v>
      </c>
      <c r="J156" s="51">
        <v>595</v>
      </c>
      <c r="K156" s="51">
        <v>0</v>
      </c>
      <c r="L156" s="42">
        <v>595</v>
      </c>
      <c r="M156" s="75">
        <v>683</v>
      </c>
      <c r="N156" s="75">
        <v>1</v>
      </c>
      <c r="O156" s="72">
        <v>684</v>
      </c>
      <c r="P156" s="51">
        <v>698</v>
      </c>
      <c r="Q156" s="51">
        <v>2</v>
      </c>
      <c r="R156" s="42">
        <v>700</v>
      </c>
      <c r="S156" s="51">
        <v>613</v>
      </c>
      <c r="T156" s="51">
        <v>2</v>
      </c>
      <c r="U156" s="42">
        <v>615</v>
      </c>
      <c r="V156" s="51">
        <v>463</v>
      </c>
      <c r="W156" s="51">
        <v>3</v>
      </c>
      <c r="X156" s="42">
        <v>466</v>
      </c>
      <c r="Y156" s="51">
        <v>565</v>
      </c>
      <c r="Z156" s="51">
        <v>7</v>
      </c>
      <c r="AA156" s="42">
        <v>572</v>
      </c>
      <c r="AB156" s="51">
        <v>758</v>
      </c>
      <c r="AC156" s="51">
        <v>9</v>
      </c>
      <c r="AD156" s="42">
        <v>767</v>
      </c>
      <c r="AE156" s="51">
        <v>989</v>
      </c>
      <c r="AF156" s="51">
        <v>17</v>
      </c>
      <c r="AG156" s="42">
        <v>1006</v>
      </c>
      <c r="AH156" s="51">
        <v>1232</v>
      </c>
      <c r="AI156" s="51">
        <v>15</v>
      </c>
      <c r="AJ156" s="42">
        <v>1247</v>
      </c>
      <c r="AK156" s="51">
        <v>1290</v>
      </c>
      <c r="AL156" s="51">
        <v>11</v>
      </c>
      <c r="AM156" s="42">
        <v>1301</v>
      </c>
      <c r="AN156" s="51">
        <v>980</v>
      </c>
      <c r="AO156" s="51">
        <v>8</v>
      </c>
      <c r="AP156" s="42">
        <v>988</v>
      </c>
      <c r="AQ156" s="51">
        <v>986</v>
      </c>
      <c r="AR156" s="51">
        <v>3</v>
      </c>
      <c r="AS156" s="42">
        <v>989</v>
      </c>
      <c r="AT156" s="51">
        <v>1141</v>
      </c>
      <c r="AU156" s="51">
        <v>3</v>
      </c>
      <c r="AV156" s="42">
        <v>1144</v>
      </c>
      <c r="AW156" s="51">
        <v>1587</v>
      </c>
      <c r="AX156" s="51">
        <v>2</v>
      </c>
      <c r="AY156" s="42">
        <v>1589</v>
      </c>
      <c r="AZ156" s="51">
        <v>1236</v>
      </c>
      <c r="BA156" s="51">
        <v>2</v>
      </c>
      <c r="BB156" s="42">
        <v>1238</v>
      </c>
      <c r="BC156" s="51">
        <v>970</v>
      </c>
      <c r="BD156" s="51">
        <v>1</v>
      </c>
      <c r="BE156" s="42">
        <v>971</v>
      </c>
      <c r="BF156" s="51">
        <v>681</v>
      </c>
      <c r="BG156" s="51">
        <v>0</v>
      </c>
      <c r="BH156" s="42">
        <v>681</v>
      </c>
      <c r="BI156" s="51">
        <v>378</v>
      </c>
      <c r="BJ156" s="51">
        <v>0</v>
      </c>
      <c r="BK156" s="42">
        <v>378</v>
      </c>
      <c r="BL156" s="51">
        <v>140</v>
      </c>
      <c r="BM156" s="51">
        <v>0</v>
      </c>
      <c r="BN156" s="42">
        <v>140</v>
      </c>
      <c r="BO156" s="51">
        <v>25</v>
      </c>
      <c r="BP156" s="51">
        <v>0</v>
      </c>
      <c r="BQ156" s="42">
        <v>25</v>
      </c>
    </row>
    <row r="157" spans="1:69" ht="15" thickBot="1" x14ac:dyDescent="0.2">
      <c r="A157" s="44"/>
      <c r="B157" s="31" t="s">
        <v>32</v>
      </c>
      <c r="C157" s="79"/>
      <c r="D157" s="45">
        <v>32272</v>
      </c>
      <c r="E157" s="46">
        <v>192</v>
      </c>
      <c r="F157" s="47">
        <v>32464</v>
      </c>
      <c r="G157" s="48">
        <v>933</v>
      </c>
      <c r="H157" s="47">
        <v>1</v>
      </c>
      <c r="I157" s="47">
        <v>934</v>
      </c>
      <c r="J157" s="48">
        <v>1188</v>
      </c>
      <c r="K157" s="47">
        <v>3</v>
      </c>
      <c r="L157" s="47">
        <v>1191</v>
      </c>
      <c r="M157" s="74">
        <v>1434</v>
      </c>
      <c r="N157" s="73">
        <v>3</v>
      </c>
      <c r="O157" s="73">
        <v>1437</v>
      </c>
      <c r="P157" s="48">
        <v>1403</v>
      </c>
      <c r="Q157" s="47">
        <v>5</v>
      </c>
      <c r="R157" s="47">
        <v>1408</v>
      </c>
      <c r="S157" s="48">
        <v>1263</v>
      </c>
      <c r="T157" s="47">
        <v>9</v>
      </c>
      <c r="U157" s="47">
        <v>1272</v>
      </c>
      <c r="V157" s="48">
        <v>981</v>
      </c>
      <c r="W157" s="47">
        <v>11</v>
      </c>
      <c r="X157" s="47">
        <v>992</v>
      </c>
      <c r="Y157" s="48">
        <v>1103</v>
      </c>
      <c r="Z157" s="47">
        <v>20</v>
      </c>
      <c r="AA157" s="47">
        <v>1123</v>
      </c>
      <c r="AB157" s="48">
        <v>1548</v>
      </c>
      <c r="AC157" s="47">
        <v>18</v>
      </c>
      <c r="AD157" s="47">
        <v>1566</v>
      </c>
      <c r="AE157" s="48">
        <v>2009</v>
      </c>
      <c r="AF157" s="47">
        <v>28</v>
      </c>
      <c r="AG157" s="47">
        <v>2037</v>
      </c>
      <c r="AH157" s="48">
        <v>2552</v>
      </c>
      <c r="AI157" s="47">
        <v>25</v>
      </c>
      <c r="AJ157" s="47">
        <v>2577</v>
      </c>
      <c r="AK157" s="48">
        <v>2649</v>
      </c>
      <c r="AL157" s="47">
        <v>21</v>
      </c>
      <c r="AM157" s="47">
        <v>2670</v>
      </c>
      <c r="AN157" s="48">
        <v>2123</v>
      </c>
      <c r="AO157" s="47">
        <v>18</v>
      </c>
      <c r="AP157" s="47">
        <v>2141</v>
      </c>
      <c r="AQ157" s="48">
        <v>1925</v>
      </c>
      <c r="AR157" s="47">
        <v>8</v>
      </c>
      <c r="AS157" s="47">
        <v>1933</v>
      </c>
      <c r="AT157" s="48">
        <v>2148</v>
      </c>
      <c r="AU157" s="47">
        <v>7</v>
      </c>
      <c r="AV157" s="47">
        <v>2155</v>
      </c>
      <c r="AW157" s="48">
        <v>3025</v>
      </c>
      <c r="AX157" s="47">
        <v>4</v>
      </c>
      <c r="AY157" s="47">
        <v>3029</v>
      </c>
      <c r="AZ157" s="48">
        <v>2353</v>
      </c>
      <c r="BA157" s="47">
        <v>4</v>
      </c>
      <c r="BB157" s="47">
        <v>2357</v>
      </c>
      <c r="BC157" s="48">
        <v>1803</v>
      </c>
      <c r="BD157" s="47">
        <v>4</v>
      </c>
      <c r="BE157" s="47">
        <v>1807</v>
      </c>
      <c r="BF157" s="48">
        <v>1086</v>
      </c>
      <c r="BG157" s="47">
        <v>2</v>
      </c>
      <c r="BH157" s="47">
        <v>1088</v>
      </c>
      <c r="BI157" s="48">
        <v>551</v>
      </c>
      <c r="BJ157" s="47">
        <v>1</v>
      </c>
      <c r="BK157" s="47">
        <v>552</v>
      </c>
      <c r="BL157" s="48">
        <v>167</v>
      </c>
      <c r="BM157" s="47">
        <v>0</v>
      </c>
      <c r="BN157" s="47">
        <v>167</v>
      </c>
      <c r="BO157" s="48">
        <v>28</v>
      </c>
      <c r="BP157" s="47">
        <v>0</v>
      </c>
      <c r="BQ157" s="47">
        <v>28</v>
      </c>
    </row>
    <row r="158" spans="1:69" x14ac:dyDescent="0.15">
      <c r="A158" s="24"/>
      <c r="B158" s="20" t="s">
        <v>29</v>
      </c>
      <c r="C158" s="77">
        <v>143421</v>
      </c>
      <c r="D158" s="36">
        <v>13575</v>
      </c>
      <c r="E158" s="37">
        <v>115</v>
      </c>
      <c r="F158" s="38">
        <v>13690</v>
      </c>
      <c r="G158" s="51">
        <v>381</v>
      </c>
      <c r="H158" s="51">
        <v>4</v>
      </c>
      <c r="I158" s="38">
        <v>385</v>
      </c>
      <c r="J158" s="51">
        <v>498</v>
      </c>
      <c r="K158" s="51">
        <v>2</v>
      </c>
      <c r="L158" s="38">
        <v>500</v>
      </c>
      <c r="M158" s="75">
        <v>561</v>
      </c>
      <c r="N158" s="75">
        <v>0</v>
      </c>
      <c r="O158" s="70">
        <v>561</v>
      </c>
      <c r="P158" s="51">
        <v>607</v>
      </c>
      <c r="Q158" s="51">
        <v>1</v>
      </c>
      <c r="R158" s="38">
        <v>608</v>
      </c>
      <c r="S158" s="51">
        <v>601</v>
      </c>
      <c r="T158" s="51">
        <v>17</v>
      </c>
      <c r="U158" s="38">
        <v>618</v>
      </c>
      <c r="V158" s="51">
        <v>463</v>
      </c>
      <c r="W158" s="51">
        <v>20</v>
      </c>
      <c r="X158" s="38">
        <v>483</v>
      </c>
      <c r="Y158" s="51">
        <v>540</v>
      </c>
      <c r="Z158" s="51">
        <v>15</v>
      </c>
      <c r="AA158" s="38">
        <v>555</v>
      </c>
      <c r="AB158" s="51">
        <v>625</v>
      </c>
      <c r="AC158" s="51">
        <v>11</v>
      </c>
      <c r="AD158" s="38">
        <v>636</v>
      </c>
      <c r="AE158" s="51">
        <v>866</v>
      </c>
      <c r="AF158" s="51">
        <v>12</v>
      </c>
      <c r="AG158" s="38">
        <v>878</v>
      </c>
      <c r="AH158" s="51">
        <v>1016</v>
      </c>
      <c r="AI158" s="51">
        <v>10</v>
      </c>
      <c r="AJ158" s="38">
        <v>1026</v>
      </c>
      <c r="AK158" s="51">
        <v>1171</v>
      </c>
      <c r="AL158" s="51">
        <v>4</v>
      </c>
      <c r="AM158" s="38">
        <v>1175</v>
      </c>
      <c r="AN158" s="51">
        <v>966</v>
      </c>
      <c r="AO158" s="51">
        <v>7</v>
      </c>
      <c r="AP158" s="38">
        <v>973</v>
      </c>
      <c r="AQ158" s="51">
        <v>875</v>
      </c>
      <c r="AR158" s="51">
        <v>6</v>
      </c>
      <c r="AS158" s="38">
        <v>881</v>
      </c>
      <c r="AT158" s="51">
        <v>895</v>
      </c>
      <c r="AU158" s="51">
        <v>2</v>
      </c>
      <c r="AV158" s="38">
        <v>897</v>
      </c>
      <c r="AW158" s="51">
        <v>1157</v>
      </c>
      <c r="AX158" s="51">
        <v>3</v>
      </c>
      <c r="AY158" s="38">
        <v>1160</v>
      </c>
      <c r="AZ158" s="51">
        <v>965</v>
      </c>
      <c r="BA158" s="51">
        <v>1</v>
      </c>
      <c r="BB158" s="38">
        <v>966</v>
      </c>
      <c r="BC158" s="51">
        <v>744</v>
      </c>
      <c r="BD158" s="51">
        <v>0</v>
      </c>
      <c r="BE158" s="38">
        <v>744</v>
      </c>
      <c r="BF158" s="51">
        <v>438</v>
      </c>
      <c r="BG158" s="51">
        <v>0</v>
      </c>
      <c r="BH158" s="38">
        <v>438</v>
      </c>
      <c r="BI158" s="51">
        <v>175</v>
      </c>
      <c r="BJ158" s="51">
        <v>0</v>
      </c>
      <c r="BK158" s="38">
        <v>175</v>
      </c>
      <c r="BL158" s="51">
        <v>29</v>
      </c>
      <c r="BM158" s="51">
        <v>0</v>
      </c>
      <c r="BN158" s="38">
        <v>29</v>
      </c>
      <c r="BO158" s="51">
        <v>2</v>
      </c>
      <c r="BP158" s="51">
        <v>0</v>
      </c>
      <c r="BQ158" s="40">
        <v>2</v>
      </c>
    </row>
    <row r="159" spans="1:69" x14ac:dyDescent="0.15">
      <c r="A159" s="24" t="s">
        <v>81</v>
      </c>
      <c r="B159" s="25" t="s">
        <v>31</v>
      </c>
      <c r="C159" s="78"/>
      <c r="D159" s="41">
        <v>14396</v>
      </c>
      <c r="E159" s="39">
        <v>97</v>
      </c>
      <c r="F159" s="42">
        <v>14493</v>
      </c>
      <c r="G159" s="51">
        <v>346</v>
      </c>
      <c r="H159" s="51">
        <v>1</v>
      </c>
      <c r="I159" s="42">
        <v>347</v>
      </c>
      <c r="J159" s="51">
        <v>477</v>
      </c>
      <c r="K159" s="51">
        <v>3</v>
      </c>
      <c r="L159" s="42">
        <v>480</v>
      </c>
      <c r="M159" s="75">
        <v>515</v>
      </c>
      <c r="N159" s="75">
        <v>4</v>
      </c>
      <c r="O159" s="72">
        <v>519</v>
      </c>
      <c r="P159" s="51">
        <v>573</v>
      </c>
      <c r="Q159" s="51">
        <v>6</v>
      </c>
      <c r="R159" s="42">
        <v>579</v>
      </c>
      <c r="S159" s="51">
        <v>584</v>
      </c>
      <c r="T159" s="51">
        <v>7</v>
      </c>
      <c r="U159" s="42">
        <v>591</v>
      </c>
      <c r="V159" s="51">
        <v>464</v>
      </c>
      <c r="W159" s="51">
        <v>11</v>
      </c>
      <c r="X159" s="42">
        <v>475</v>
      </c>
      <c r="Y159" s="51">
        <v>551</v>
      </c>
      <c r="Z159" s="51">
        <v>6</v>
      </c>
      <c r="AA159" s="42">
        <v>557</v>
      </c>
      <c r="AB159" s="51">
        <v>647</v>
      </c>
      <c r="AC159" s="51">
        <v>13</v>
      </c>
      <c r="AD159" s="42">
        <v>660</v>
      </c>
      <c r="AE159" s="51">
        <v>825</v>
      </c>
      <c r="AF159" s="51">
        <v>13</v>
      </c>
      <c r="AG159" s="42">
        <v>838</v>
      </c>
      <c r="AH159" s="51">
        <v>988</v>
      </c>
      <c r="AI159" s="51">
        <v>5</v>
      </c>
      <c r="AJ159" s="42">
        <v>993</v>
      </c>
      <c r="AK159" s="51">
        <v>1064</v>
      </c>
      <c r="AL159" s="51">
        <v>8</v>
      </c>
      <c r="AM159" s="42">
        <v>1072</v>
      </c>
      <c r="AN159" s="51">
        <v>966</v>
      </c>
      <c r="AO159" s="51">
        <v>8</v>
      </c>
      <c r="AP159" s="42">
        <v>974</v>
      </c>
      <c r="AQ159" s="51">
        <v>885</v>
      </c>
      <c r="AR159" s="51">
        <v>5</v>
      </c>
      <c r="AS159" s="42">
        <v>890</v>
      </c>
      <c r="AT159" s="51">
        <v>930</v>
      </c>
      <c r="AU159" s="51">
        <v>2</v>
      </c>
      <c r="AV159" s="42">
        <v>932</v>
      </c>
      <c r="AW159" s="51">
        <v>1382</v>
      </c>
      <c r="AX159" s="51">
        <v>1</v>
      </c>
      <c r="AY159" s="42">
        <v>1383</v>
      </c>
      <c r="AZ159" s="51">
        <v>1093</v>
      </c>
      <c r="BA159" s="51">
        <v>2</v>
      </c>
      <c r="BB159" s="42">
        <v>1095</v>
      </c>
      <c r="BC159" s="51">
        <v>979</v>
      </c>
      <c r="BD159" s="51">
        <v>1</v>
      </c>
      <c r="BE159" s="42">
        <v>980</v>
      </c>
      <c r="BF159" s="51">
        <v>652</v>
      </c>
      <c r="BG159" s="51">
        <v>1</v>
      </c>
      <c r="BH159" s="42">
        <v>653</v>
      </c>
      <c r="BI159" s="51">
        <v>346</v>
      </c>
      <c r="BJ159" s="51">
        <v>0</v>
      </c>
      <c r="BK159" s="42">
        <v>346</v>
      </c>
      <c r="BL159" s="51">
        <v>116</v>
      </c>
      <c r="BM159" s="51">
        <v>0</v>
      </c>
      <c r="BN159" s="42">
        <v>116</v>
      </c>
      <c r="BO159" s="51">
        <v>13</v>
      </c>
      <c r="BP159" s="51">
        <v>0</v>
      </c>
      <c r="BQ159" s="43">
        <v>13</v>
      </c>
    </row>
    <row r="160" spans="1:69" ht="15" thickBot="1" x14ac:dyDescent="0.2">
      <c r="A160" s="44"/>
      <c r="B160" s="31" t="s">
        <v>32</v>
      </c>
      <c r="C160" s="79"/>
      <c r="D160" s="45">
        <v>27971</v>
      </c>
      <c r="E160" s="46">
        <v>212</v>
      </c>
      <c r="F160" s="47">
        <v>28183</v>
      </c>
      <c r="G160" s="48">
        <v>727</v>
      </c>
      <c r="H160" s="47">
        <v>5</v>
      </c>
      <c r="I160" s="47">
        <v>732</v>
      </c>
      <c r="J160" s="48">
        <v>975</v>
      </c>
      <c r="K160" s="47">
        <v>5</v>
      </c>
      <c r="L160" s="47">
        <v>980</v>
      </c>
      <c r="M160" s="74">
        <v>1076</v>
      </c>
      <c r="N160" s="73">
        <v>4</v>
      </c>
      <c r="O160" s="73">
        <v>1080</v>
      </c>
      <c r="P160" s="48">
        <v>1180</v>
      </c>
      <c r="Q160" s="47">
        <v>7</v>
      </c>
      <c r="R160" s="47">
        <v>1187</v>
      </c>
      <c r="S160" s="48">
        <v>1185</v>
      </c>
      <c r="T160" s="47">
        <v>24</v>
      </c>
      <c r="U160" s="47">
        <v>1209</v>
      </c>
      <c r="V160" s="48">
        <v>927</v>
      </c>
      <c r="W160" s="47">
        <v>31</v>
      </c>
      <c r="X160" s="47">
        <v>958</v>
      </c>
      <c r="Y160" s="48">
        <v>1091</v>
      </c>
      <c r="Z160" s="47">
        <v>21</v>
      </c>
      <c r="AA160" s="47">
        <v>1112</v>
      </c>
      <c r="AB160" s="48">
        <v>1272</v>
      </c>
      <c r="AC160" s="47">
        <v>24</v>
      </c>
      <c r="AD160" s="47">
        <v>1296</v>
      </c>
      <c r="AE160" s="48">
        <v>1691</v>
      </c>
      <c r="AF160" s="47">
        <v>25</v>
      </c>
      <c r="AG160" s="47">
        <v>1716</v>
      </c>
      <c r="AH160" s="48">
        <v>2004</v>
      </c>
      <c r="AI160" s="47">
        <v>15</v>
      </c>
      <c r="AJ160" s="47">
        <v>2019</v>
      </c>
      <c r="AK160" s="48">
        <v>2235</v>
      </c>
      <c r="AL160" s="47">
        <v>12</v>
      </c>
      <c r="AM160" s="47">
        <v>2247</v>
      </c>
      <c r="AN160" s="48">
        <v>1932</v>
      </c>
      <c r="AO160" s="47">
        <v>15</v>
      </c>
      <c r="AP160" s="47">
        <v>1947</v>
      </c>
      <c r="AQ160" s="48">
        <v>1760</v>
      </c>
      <c r="AR160" s="47">
        <v>11</v>
      </c>
      <c r="AS160" s="47">
        <v>1771</v>
      </c>
      <c r="AT160" s="48">
        <v>1825</v>
      </c>
      <c r="AU160" s="47">
        <v>4</v>
      </c>
      <c r="AV160" s="47">
        <v>1829</v>
      </c>
      <c r="AW160" s="48">
        <v>2539</v>
      </c>
      <c r="AX160" s="47">
        <v>4</v>
      </c>
      <c r="AY160" s="47">
        <v>2543</v>
      </c>
      <c r="AZ160" s="48">
        <v>2058</v>
      </c>
      <c r="BA160" s="47">
        <v>3</v>
      </c>
      <c r="BB160" s="47">
        <v>2061</v>
      </c>
      <c r="BC160" s="48">
        <v>1723</v>
      </c>
      <c r="BD160" s="47">
        <v>1</v>
      </c>
      <c r="BE160" s="47">
        <v>1724</v>
      </c>
      <c r="BF160" s="48">
        <v>1090</v>
      </c>
      <c r="BG160" s="47">
        <v>1</v>
      </c>
      <c r="BH160" s="47">
        <v>1091</v>
      </c>
      <c r="BI160" s="48">
        <v>521</v>
      </c>
      <c r="BJ160" s="47">
        <v>0</v>
      </c>
      <c r="BK160" s="47">
        <v>521</v>
      </c>
      <c r="BL160" s="48">
        <v>145</v>
      </c>
      <c r="BM160" s="47">
        <v>0</v>
      </c>
      <c r="BN160" s="47">
        <v>145</v>
      </c>
      <c r="BO160" s="48">
        <v>15</v>
      </c>
      <c r="BP160" s="47">
        <v>0</v>
      </c>
      <c r="BQ160" s="49">
        <v>15</v>
      </c>
    </row>
    <row r="161" spans="1:69" x14ac:dyDescent="0.15">
      <c r="A161" s="24"/>
      <c r="B161" s="20" t="s">
        <v>29</v>
      </c>
      <c r="C161" s="77">
        <v>143618</v>
      </c>
      <c r="D161" s="36">
        <v>4414</v>
      </c>
      <c r="E161" s="37">
        <v>174</v>
      </c>
      <c r="F161" s="38">
        <v>4588</v>
      </c>
      <c r="G161" s="51">
        <v>95</v>
      </c>
      <c r="H161" s="51">
        <v>6</v>
      </c>
      <c r="I161" s="38">
        <v>101</v>
      </c>
      <c r="J161" s="51">
        <v>124</v>
      </c>
      <c r="K161" s="51">
        <v>7</v>
      </c>
      <c r="L161" s="38">
        <v>131</v>
      </c>
      <c r="M161" s="75">
        <v>184</v>
      </c>
      <c r="N161" s="75">
        <v>7</v>
      </c>
      <c r="O161" s="70">
        <v>191</v>
      </c>
      <c r="P161" s="51">
        <v>215</v>
      </c>
      <c r="Q161" s="51">
        <v>10</v>
      </c>
      <c r="R161" s="38">
        <v>225</v>
      </c>
      <c r="S161" s="51">
        <v>216</v>
      </c>
      <c r="T161" s="51">
        <v>18</v>
      </c>
      <c r="U161" s="38">
        <v>234</v>
      </c>
      <c r="V161" s="51">
        <v>132</v>
      </c>
      <c r="W161" s="51">
        <v>39</v>
      </c>
      <c r="X161" s="38">
        <v>171</v>
      </c>
      <c r="Y161" s="51">
        <v>150</v>
      </c>
      <c r="Z161" s="51">
        <v>18</v>
      </c>
      <c r="AA161" s="38">
        <v>168</v>
      </c>
      <c r="AB161" s="51">
        <v>224</v>
      </c>
      <c r="AC161" s="51">
        <v>14</v>
      </c>
      <c r="AD161" s="38">
        <v>238</v>
      </c>
      <c r="AE161" s="51">
        <v>328</v>
      </c>
      <c r="AF161" s="51">
        <v>16</v>
      </c>
      <c r="AG161" s="38">
        <v>344</v>
      </c>
      <c r="AH161" s="51">
        <v>373</v>
      </c>
      <c r="AI161" s="51">
        <v>13</v>
      </c>
      <c r="AJ161" s="38">
        <v>386</v>
      </c>
      <c r="AK161" s="51">
        <v>366</v>
      </c>
      <c r="AL161" s="51">
        <v>9</v>
      </c>
      <c r="AM161" s="38">
        <v>375</v>
      </c>
      <c r="AN161" s="51">
        <v>259</v>
      </c>
      <c r="AO161" s="51">
        <v>7</v>
      </c>
      <c r="AP161" s="38">
        <v>266</v>
      </c>
      <c r="AQ161" s="51">
        <v>262</v>
      </c>
      <c r="AR161" s="51">
        <v>4</v>
      </c>
      <c r="AS161" s="38">
        <v>266</v>
      </c>
      <c r="AT161" s="51">
        <v>319</v>
      </c>
      <c r="AU161" s="51">
        <v>4</v>
      </c>
      <c r="AV161" s="38">
        <v>323</v>
      </c>
      <c r="AW161" s="51">
        <v>466</v>
      </c>
      <c r="AX161" s="51">
        <v>1</v>
      </c>
      <c r="AY161" s="38">
        <v>467</v>
      </c>
      <c r="AZ161" s="51">
        <v>333</v>
      </c>
      <c r="BA161" s="51">
        <v>0</v>
      </c>
      <c r="BB161" s="38">
        <v>333</v>
      </c>
      <c r="BC161" s="51">
        <v>211</v>
      </c>
      <c r="BD161" s="51">
        <v>0</v>
      </c>
      <c r="BE161" s="38">
        <v>211</v>
      </c>
      <c r="BF161" s="51">
        <v>105</v>
      </c>
      <c r="BG161" s="51">
        <v>1</v>
      </c>
      <c r="BH161" s="38">
        <v>106</v>
      </c>
      <c r="BI161" s="51">
        <v>44</v>
      </c>
      <c r="BJ161" s="51">
        <v>0</v>
      </c>
      <c r="BK161" s="38">
        <v>44</v>
      </c>
      <c r="BL161" s="51">
        <v>8</v>
      </c>
      <c r="BM161" s="51">
        <v>0</v>
      </c>
      <c r="BN161" s="38">
        <v>8</v>
      </c>
      <c r="BO161" s="51">
        <v>0</v>
      </c>
      <c r="BP161" s="51">
        <v>0</v>
      </c>
      <c r="BQ161" s="38">
        <v>0</v>
      </c>
    </row>
    <row r="162" spans="1:69" x14ac:dyDescent="0.15">
      <c r="A162" s="24" t="s">
        <v>82</v>
      </c>
      <c r="B162" s="25" t="s">
        <v>31</v>
      </c>
      <c r="C162" s="78"/>
      <c r="D162" s="41">
        <v>4359</v>
      </c>
      <c r="E162" s="39">
        <v>152</v>
      </c>
      <c r="F162" s="42">
        <v>4511</v>
      </c>
      <c r="G162" s="51">
        <v>93</v>
      </c>
      <c r="H162" s="51">
        <v>5</v>
      </c>
      <c r="I162" s="42">
        <v>98</v>
      </c>
      <c r="J162" s="51">
        <v>124</v>
      </c>
      <c r="K162" s="51">
        <v>8</v>
      </c>
      <c r="L162" s="42">
        <v>132</v>
      </c>
      <c r="M162" s="75">
        <v>182</v>
      </c>
      <c r="N162" s="75">
        <v>10</v>
      </c>
      <c r="O162" s="72">
        <v>192</v>
      </c>
      <c r="P162" s="51">
        <v>198</v>
      </c>
      <c r="Q162" s="51">
        <v>5</v>
      </c>
      <c r="R162" s="42">
        <v>203</v>
      </c>
      <c r="S162" s="51">
        <v>172</v>
      </c>
      <c r="T162" s="51">
        <v>15</v>
      </c>
      <c r="U162" s="42">
        <v>187</v>
      </c>
      <c r="V162" s="51">
        <v>117</v>
      </c>
      <c r="W162" s="51">
        <v>11</v>
      </c>
      <c r="X162" s="42">
        <v>128</v>
      </c>
      <c r="Y162" s="51">
        <v>143</v>
      </c>
      <c r="Z162" s="51">
        <v>14</v>
      </c>
      <c r="AA162" s="42">
        <v>157</v>
      </c>
      <c r="AB162" s="51">
        <v>181</v>
      </c>
      <c r="AC162" s="51">
        <v>15</v>
      </c>
      <c r="AD162" s="42">
        <v>196</v>
      </c>
      <c r="AE162" s="51">
        <v>235</v>
      </c>
      <c r="AF162" s="51">
        <v>18</v>
      </c>
      <c r="AG162" s="42">
        <v>253</v>
      </c>
      <c r="AH162" s="51">
        <v>358</v>
      </c>
      <c r="AI162" s="51">
        <v>17</v>
      </c>
      <c r="AJ162" s="42">
        <v>375</v>
      </c>
      <c r="AK162" s="51">
        <v>301</v>
      </c>
      <c r="AL162" s="51">
        <v>13</v>
      </c>
      <c r="AM162" s="42">
        <v>314</v>
      </c>
      <c r="AN162" s="51">
        <v>245</v>
      </c>
      <c r="AO162" s="51">
        <v>12</v>
      </c>
      <c r="AP162" s="42">
        <v>257</v>
      </c>
      <c r="AQ162" s="51">
        <v>272</v>
      </c>
      <c r="AR162" s="51">
        <v>6</v>
      </c>
      <c r="AS162" s="42">
        <v>278</v>
      </c>
      <c r="AT162" s="51">
        <v>362</v>
      </c>
      <c r="AU162" s="51">
        <v>2</v>
      </c>
      <c r="AV162" s="42">
        <v>364</v>
      </c>
      <c r="AW162" s="51">
        <v>492</v>
      </c>
      <c r="AX162" s="51">
        <v>1</v>
      </c>
      <c r="AY162" s="42">
        <v>493</v>
      </c>
      <c r="AZ162" s="51">
        <v>360</v>
      </c>
      <c r="BA162" s="51">
        <v>0</v>
      </c>
      <c r="BB162" s="42">
        <v>360</v>
      </c>
      <c r="BC162" s="51">
        <v>254</v>
      </c>
      <c r="BD162" s="51">
        <v>0</v>
      </c>
      <c r="BE162" s="42">
        <v>254</v>
      </c>
      <c r="BF162" s="51">
        <v>149</v>
      </c>
      <c r="BG162" s="51">
        <v>0</v>
      </c>
      <c r="BH162" s="42">
        <v>149</v>
      </c>
      <c r="BI162" s="51">
        <v>74</v>
      </c>
      <c r="BJ162" s="51">
        <v>0</v>
      </c>
      <c r="BK162" s="42">
        <v>74</v>
      </c>
      <c r="BL162" s="51">
        <v>40</v>
      </c>
      <c r="BM162" s="51">
        <v>0</v>
      </c>
      <c r="BN162" s="42">
        <v>40</v>
      </c>
      <c r="BO162" s="51">
        <v>7</v>
      </c>
      <c r="BP162" s="51">
        <v>0</v>
      </c>
      <c r="BQ162" s="42">
        <v>7</v>
      </c>
    </row>
    <row r="163" spans="1:69" ht="15" thickBot="1" x14ac:dyDescent="0.2">
      <c r="A163" s="44"/>
      <c r="B163" s="31" t="s">
        <v>32</v>
      </c>
      <c r="C163" s="79"/>
      <c r="D163" s="45">
        <v>8773</v>
      </c>
      <c r="E163" s="46">
        <v>326</v>
      </c>
      <c r="F163" s="47">
        <v>9099</v>
      </c>
      <c r="G163" s="48">
        <v>188</v>
      </c>
      <c r="H163" s="47">
        <v>11</v>
      </c>
      <c r="I163" s="47">
        <v>199</v>
      </c>
      <c r="J163" s="48">
        <v>248</v>
      </c>
      <c r="K163" s="47">
        <v>15</v>
      </c>
      <c r="L163" s="47">
        <v>263</v>
      </c>
      <c r="M163" s="74">
        <v>366</v>
      </c>
      <c r="N163" s="73">
        <v>17</v>
      </c>
      <c r="O163" s="73">
        <v>383</v>
      </c>
      <c r="P163" s="48">
        <v>413</v>
      </c>
      <c r="Q163" s="47">
        <v>15</v>
      </c>
      <c r="R163" s="47">
        <v>428</v>
      </c>
      <c r="S163" s="48">
        <v>388</v>
      </c>
      <c r="T163" s="47">
        <v>33</v>
      </c>
      <c r="U163" s="47">
        <v>421</v>
      </c>
      <c r="V163" s="48">
        <v>249</v>
      </c>
      <c r="W163" s="47">
        <v>50</v>
      </c>
      <c r="X163" s="47">
        <v>299</v>
      </c>
      <c r="Y163" s="48">
        <v>293</v>
      </c>
      <c r="Z163" s="47">
        <v>32</v>
      </c>
      <c r="AA163" s="47">
        <v>325</v>
      </c>
      <c r="AB163" s="48">
        <v>405</v>
      </c>
      <c r="AC163" s="47">
        <v>29</v>
      </c>
      <c r="AD163" s="47">
        <v>434</v>
      </c>
      <c r="AE163" s="48">
        <v>563</v>
      </c>
      <c r="AF163" s="47">
        <v>34</v>
      </c>
      <c r="AG163" s="47">
        <v>597</v>
      </c>
      <c r="AH163" s="48">
        <v>731</v>
      </c>
      <c r="AI163" s="47">
        <v>30</v>
      </c>
      <c r="AJ163" s="47">
        <v>761</v>
      </c>
      <c r="AK163" s="48">
        <v>667</v>
      </c>
      <c r="AL163" s="47">
        <v>22</v>
      </c>
      <c r="AM163" s="47">
        <v>689</v>
      </c>
      <c r="AN163" s="48">
        <v>504</v>
      </c>
      <c r="AO163" s="47">
        <v>19</v>
      </c>
      <c r="AP163" s="47">
        <v>523</v>
      </c>
      <c r="AQ163" s="48">
        <v>534</v>
      </c>
      <c r="AR163" s="47">
        <v>10</v>
      </c>
      <c r="AS163" s="47">
        <v>544</v>
      </c>
      <c r="AT163" s="48">
        <v>681</v>
      </c>
      <c r="AU163" s="47">
        <v>6</v>
      </c>
      <c r="AV163" s="47">
        <v>687</v>
      </c>
      <c r="AW163" s="48">
        <v>958</v>
      </c>
      <c r="AX163" s="47">
        <v>2</v>
      </c>
      <c r="AY163" s="47">
        <v>960</v>
      </c>
      <c r="AZ163" s="48">
        <v>693</v>
      </c>
      <c r="BA163" s="47">
        <v>0</v>
      </c>
      <c r="BB163" s="47">
        <v>693</v>
      </c>
      <c r="BC163" s="48">
        <v>465</v>
      </c>
      <c r="BD163" s="47">
        <v>0</v>
      </c>
      <c r="BE163" s="47">
        <v>465</v>
      </c>
      <c r="BF163" s="48">
        <v>254</v>
      </c>
      <c r="BG163" s="47">
        <v>1</v>
      </c>
      <c r="BH163" s="47">
        <v>255</v>
      </c>
      <c r="BI163" s="48">
        <v>118</v>
      </c>
      <c r="BJ163" s="47">
        <v>0</v>
      </c>
      <c r="BK163" s="47">
        <v>118</v>
      </c>
      <c r="BL163" s="48">
        <v>48</v>
      </c>
      <c r="BM163" s="47">
        <v>0</v>
      </c>
      <c r="BN163" s="47">
        <v>48</v>
      </c>
      <c r="BO163" s="48">
        <v>7</v>
      </c>
      <c r="BP163" s="47">
        <v>0</v>
      </c>
      <c r="BQ163" s="47">
        <v>7</v>
      </c>
    </row>
    <row r="164" spans="1:69" x14ac:dyDescent="0.15">
      <c r="A164" s="24"/>
      <c r="B164" s="20" t="s">
        <v>29</v>
      </c>
      <c r="C164" s="77">
        <v>143626</v>
      </c>
      <c r="D164" s="36">
        <v>8517</v>
      </c>
      <c r="E164" s="37">
        <v>74</v>
      </c>
      <c r="F164" s="38">
        <v>8591</v>
      </c>
      <c r="G164" s="51">
        <v>283</v>
      </c>
      <c r="H164" s="51">
        <v>3</v>
      </c>
      <c r="I164" s="38">
        <v>286</v>
      </c>
      <c r="J164" s="51">
        <v>322</v>
      </c>
      <c r="K164" s="51">
        <v>2</v>
      </c>
      <c r="L164" s="38">
        <v>324</v>
      </c>
      <c r="M164" s="75">
        <v>386</v>
      </c>
      <c r="N164" s="75">
        <v>0</v>
      </c>
      <c r="O164" s="70">
        <v>386</v>
      </c>
      <c r="P164" s="51">
        <v>488</v>
      </c>
      <c r="Q164" s="51">
        <v>0</v>
      </c>
      <c r="R164" s="38">
        <v>488</v>
      </c>
      <c r="S164" s="51">
        <v>473</v>
      </c>
      <c r="T164" s="51">
        <v>11</v>
      </c>
      <c r="U164" s="38">
        <v>484</v>
      </c>
      <c r="V164" s="51">
        <v>386</v>
      </c>
      <c r="W164" s="51">
        <v>20</v>
      </c>
      <c r="X164" s="38">
        <v>406</v>
      </c>
      <c r="Y164" s="51">
        <v>376</v>
      </c>
      <c r="Z164" s="51">
        <v>10</v>
      </c>
      <c r="AA164" s="38">
        <v>386</v>
      </c>
      <c r="AB164" s="51">
        <v>432</v>
      </c>
      <c r="AC164" s="51">
        <v>9</v>
      </c>
      <c r="AD164" s="38">
        <v>441</v>
      </c>
      <c r="AE164" s="51">
        <v>540</v>
      </c>
      <c r="AF164" s="51">
        <v>6</v>
      </c>
      <c r="AG164" s="38">
        <v>546</v>
      </c>
      <c r="AH164" s="51">
        <v>805</v>
      </c>
      <c r="AI164" s="51">
        <v>2</v>
      </c>
      <c r="AJ164" s="38">
        <v>807</v>
      </c>
      <c r="AK164" s="51">
        <v>759</v>
      </c>
      <c r="AL164" s="51">
        <v>3</v>
      </c>
      <c r="AM164" s="38">
        <v>762</v>
      </c>
      <c r="AN164" s="51">
        <v>567</v>
      </c>
      <c r="AO164" s="51">
        <v>4</v>
      </c>
      <c r="AP164" s="38">
        <v>571</v>
      </c>
      <c r="AQ164" s="51">
        <v>479</v>
      </c>
      <c r="AR164" s="51">
        <v>2</v>
      </c>
      <c r="AS164" s="38">
        <v>481</v>
      </c>
      <c r="AT164" s="51">
        <v>498</v>
      </c>
      <c r="AU164" s="51">
        <v>1</v>
      </c>
      <c r="AV164" s="38">
        <v>499</v>
      </c>
      <c r="AW164" s="51">
        <v>655</v>
      </c>
      <c r="AX164" s="51">
        <v>0</v>
      </c>
      <c r="AY164" s="38">
        <v>655</v>
      </c>
      <c r="AZ164" s="51">
        <v>491</v>
      </c>
      <c r="BA164" s="51">
        <v>0</v>
      </c>
      <c r="BB164" s="38">
        <v>491</v>
      </c>
      <c r="BC164" s="51">
        <v>335</v>
      </c>
      <c r="BD164" s="51">
        <v>0</v>
      </c>
      <c r="BE164" s="38">
        <v>335</v>
      </c>
      <c r="BF164" s="51">
        <v>176</v>
      </c>
      <c r="BG164" s="51">
        <v>0</v>
      </c>
      <c r="BH164" s="38">
        <v>176</v>
      </c>
      <c r="BI164" s="51">
        <v>54</v>
      </c>
      <c r="BJ164" s="51">
        <v>1</v>
      </c>
      <c r="BK164" s="38">
        <v>55</v>
      </c>
      <c r="BL164" s="51">
        <v>12</v>
      </c>
      <c r="BM164" s="51">
        <v>0</v>
      </c>
      <c r="BN164" s="38">
        <v>12</v>
      </c>
      <c r="BO164" s="51">
        <v>0</v>
      </c>
      <c r="BP164" s="51">
        <v>0</v>
      </c>
      <c r="BQ164" s="40">
        <v>0</v>
      </c>
    </row>
    <row r="165" spans="1:69" x14ac:dyDescent="0.15">
      <c r="A165" s="24" t="s">
        <v>83</v>
      </c>
      <c r="B165" s="25" t="s">
        <v>31</v>
      </c>
      <c r="C165" s="78"/>
      <c r="D165" s="41">
        <v>8684</v>
      </c>
      <c r="E165" s="39">
        <v>76</v>
      </c>
      <c r="F165" s="42">
        <v>8760</v>
      </c>
      <c r="G165" s="51">
        <v>293</v>
      </c>
      <c r="H165" s="51">
        <v>0</v>
      </c>
      <c r="I165" s="42">
        <v>293</v>
      </c>
      <c r="J165" s="51">
        <v>285</v>
      </c>
      <c r="K165" s="51">
        <v>3</v>
      </c>
      <c r="L165" s="42">
        <v>288</v>
      </c>
      <c r="M165" s="75">
        <v>416</v>
      </c>
      <c r="N165" s="75">
        <v>2</v>
      </c>
      <c r="O165" s="72">
        <v>418</v>
      </c>
      <c r="P165" s="51">
        <v>456</v>
      </c>
      <c r="Q165" s="51">
        <v>0</v>
      </c>
      <c r="R165" s="42">
        <v>456</v>
      </c>
      <c r="S165" s="51">
        <v>453</v>
      </c>
      <c r="T165" s="51">
        <v>4</v>
      </c>
      <c r="U165" s="42">
        <v>457</v>
      </c>
      <c r="V165" s="51">
        <v>368</v>
      </c>
      <c r="W165" s="51">
        <v>5</v>
      </c>
      <c r="X165" s="42">
        <v>373</v>
      </c>
      <c r="Y165" s="51">
        <v>368</v>
      </c>
      <c r="Z165" s="51">
        <v>11</v>
      </c>
      <c r="AA165" s="42">
        <v>379</v>
      </c>
      <c r="AB165" s="51">
        <v>399</v>
      </c>
      <c r="AC165" s="51">
        <v>6</v>
      </c>
      <c r="AD165" s="42">
        <v>405</v>
      </c>
      <c r="AE165" s="51">
        <v>552</v>
      </c>
      <c r="AF165" s="51">
        <v>9</v>
      </c>
      <c r="AG165" s="42">
        <v>561</v>
      </c>
      <c r="AH165" s="51">
        <v>729</v>
      </c>
      <c r="AI165" s="51">
        <v>8</v>
      </c>
      <c r="AJ165" s="42">
        <v>737</v>
      </c>
      <c r="AK165" s="51">
        <v>688</v>
      </c>
      <c r="AL165" s="51">
        <v>8</v>
      </c>
      <c r="AM165" s="42">
        <v>696</v>
      </c>
      <c r="AN165" s="51">
        <v>527</v>
      </c>
      <c r="AO165" s="51">
        <v>10</v>
      </c>
      <c r="AP165" s="42">
        <v>537</v>
      </c>
      <c r="AQ165" s="51">
        <v>434</v>
      </c>
      <c r="AR165" s="51">
        <v>3</v>
      </c>
      <c r="AS165" s="42">
        <v>437</v>
      </c>
      <c r="AT165" s="51">
        <v>536</v>
      </c>
      <c r="AU165" s="51">
        <v>3</v>
      </c>
      <c r="AV165" s="42">
        <v>539</v>
      </c>
      <c r="AW165" s="51">
        <v>742</v>
      </c>
      <c r="AX165" s="51">
        <v>1</v>
      </c>
      <c r="AY165" s="42">
        <v>743</v>
      </c>
      <c r="AZ165" s="51">
        <v>564</v>
      </c>
      <c r="BA165" s="51">
        <v>0</v>
      </c>
      <c r="BB165" s="42">
        <v>564</v>
      </c>
      <c r="BC165" s="51">
        <v>436</v>
      </c>
      <c r="BD165" s="51">
        <v>2</v>
      </c>
      <c r="BE165" s="42">
        <v>438</v>
      </c>
      <c r="BF165" s="51">
        <v>273</v>
      </c>
      <c r="BG165" s="51">
        <v>0</v>
      </c>
      <c r="BH165" s="42">
        <v>273</v>
      </c>
      <c r="BI165" s="51">
        <v>118</v>
      </c>
      <c r="BJ165" s="51">
        <v>1</v>
      </c>
      <c r="BK165" s="42">
        <v>119</v>
      </c>
      <c r="BL165" s="51">
        <v>38</v>
      </c>
      <c r="BM165" s="51">
        <v>0</v>
      </c>
      <c r="BN165" s="42">
        <v>38</v>
      </c>
      <c r="BO165" s="51">
        <v>9</v>
      </c>
      <c r="BP165" s="51">
        <v>0</v>
      </c>
      <c r="BQ165" s="43">
        <v>9</v>
      </c>
    </row>
    <row r="166" spans="1:69" ht="15" thickBot="1" x14ac:dyDescent="0.2">
      <c r="A166" s="44"/>
      <c r="B166" s="31" t="s">
        <v>32</v>
      </c>
      <c r="C166" s="79"/>
      <c r="D166" s="45">
        <v>17201</v>
      </c>
      <c r="E166" s="46">
        <v>150</v>
      </c>
      <c r="F166" s="47">
        <v>17351</v>
      </c>
      <c r="G166" s="48">
        <v>576</v>
      </c>
      <c r="H166" s="47">
        <v>3</v>
      </c>
      <c r="I166" s="47">
        <v>579</v>
      </c>
      <c r="J166" s="48">
        <v>607</v>
      </c>
      <c r="K166" s="47">
        <v>5</v>
      </c>
      <c r="L166" s="47">
        <v>612</v>
      </c>
      <c r="M166" s="74">
        <v>802</v>
      </c>
      <c r="N166" s="73">
        <v>2</v>
      </c>
      <c r="O166" s="73">
        <v>804</v>
      </c>
      <c r="P166" s="48">
        <v>944</v>
      </c>
      <c r="Q166" s="47">
        <v>0</v>
      </c>
      <c r="R166" s="47">
        <v>944</v>
      </c>
      <c r="S166" s="48">
        <v>926</v>
      </c>
      <c r="T166" s="47">
        <v>15</v>
      </c>
      <c r="U166" s="47">
        <v>941</v>
      </c>
      <c r="V166" s="48">
        <v>754</v>
      </c>
      <c r="W166" s="47">
        <v>25</v>
      </c>
      <c r="X166" s="47">
        <v>779</v>
      </c>
      <c r="Y166" s="48">
        <v>744</v>
      </c>
      <c r="Z166" s="47">
        <v>21</v>
      </c>
      <c r="AA166" s="47">
        <v>765</v>
      </c>
      <c r="AB166" s="48">
        <v>831</v>
      </c>
      <c r="AC166" s="47">
        <v>15</v>
      </c>
      <c r="AD166" s="47">
        <v>846</v>
      </c>
      <c r="AE166" s="48">
        <v>1092</v>
      </c>
      <c r="AF166" s="47">
        <v>15</v>
      </c>
      <c r="AG166" s="47">
        <v>1107</v>
      </c>
      <c r="AH166" s="48">
        <v>1534</v>
      </c>
      <c r="AI166" s="47">
        <v>10</v>
      </c>
      <c r="AJ166" s="47">
        <v>1544</v>
      </c>
      <c r="AK166" s="48">
        <v>1447</v>
      </c>
      <c r="AL166" s="47">
        <v>11</v>
      </c>
      <c r="AM166" s="47">
        <v>1458</v>
      </c>
      <c r="AN166" s="48">
        <v>1094</v>
      </c>
      <c r="AO166" s="47">
        <v>14</v>
      </c>
      <c r="AP166" s="47">
        <v>1108</v>
      </c>
      <c r="AQ166" s="48">
        <v>913</v>
      </c>
      <c r="AR166" s="47">
        <v>5</v>
      </c>
      <c r="AS166" s="47">
        <v>918</v>
      </c>
      <c r="AT166" s="48">
        <v>1034</v>
      </c>
      <c r="AU166" s="47">
        <v>4</v>
      </c>
      <c r="AV166" s="47">
        <v>1038</v>
      </c>
      <c r="AW166" s="48">
        <v>1397</v>
      </c>
      <c r="AX166" s="47">
        <v>1</v>
      </c>
      <c r="AY166" s="47">
        <v>1398</v>
      </c>
      <c r="AZ166" s="48">
        <v>1055</v>
      </c>
      <c r="BA166" s="47">
        <v>0</v>
      </c>
      <c r="BB166" s="47">
        <v>1055</v>
      </c>
      <c r="BC166" s="48">
        <v>771</v>
      </c>
      <c r="BD166" s="47">
        <v>2</v>
      </c>
      <c r="BE166" s="47">
        <v>773</v>
      </c>
      <c r="BF166" s="48">
        <v>449</v>
      </c>
      <c r="BG166" s="47">
        <v>0</v>
      </c>
      <c r="BH166" s="47">
        <v>449</v>
      </c>
      <c r="BI166" s="48">
        <v>172</v>
      </c>
      <c r="BJ166" s="47">
        <v>2</v>
      </c>
      <c r="BK166" s="47">
        <v>174</v>
      </c>
      <c r="BL166" s="48">
        <v>50</v>
      </c>
      <c r="BM166" s="47">
        <v>0</v>
      </c>
      <c r="BN166" s="47">
        <v>50</v>
      </c>
      <c r="BO166" s="48">
        <v>9</v>
      </c>
      <c r="BP166" s="47">
        <v>0</v>
      </c>
      <c r="BQ166" s="49">
        <v>9</v>
      </c>
    </row>
    <row r="167" spans="1:69" x14ac:dyDescent="0.15">
      <c r="A167" s="19"/>
      <c r="B167" s="20" t="s">
        <v>29</v>
      </c>
      <c r="C167" s="77">
        <v>143634</v>
      </c>
      <c r="D167" s="36">
        <v>5289</v>
      </c>
      <c r="E167" s="37">
        <v>31</v>
      </c>
      <c r="F167" s="38">
        <v>5320</v>
      </c>
      <c r="G167" s="51">
        <v>158</v>
      </c>
      <c r="H167" s="51">
        <v>0</v>
      </c>
      <c r="I167" s="38">
        <v>158</v>
      </c>
      <c r="J167" s="51">
        <v>192</v>
      </c>
      <c r="K167" s="51">
        <v>0</v>
      </c>
      <c r="L167" s="38">
        <v>192</v>
      </c>
      <c r="M167" s="75">
        <v>182</v>
      </c>
      <c r="N167" s="75">
        <v>1</v>
      </c>
      <c r="O167" s="70">
        <v>183</v>
      </c>
      <c r="P167" s="51">
        <v>212</v>
      </c>
      <c r="Q167" s="51">
        <v>0</v>
      </c>
      <c r="R167" s="38">
        <v>212</v>
      </c>
      <c r="S167" s="51">
        <v>260</v>
      </c>
      <c r="T167" s="51">
        <v>3</v>
      </c>
      <c r="U167" s="38">
        <v>263</v>
      </c>
      <c r="V167" s="51">
        <v>213</v>
      </c>
      <c r="W167" s="51">
        <v>7</v>
      </c>
      <c r="X167" s="38">
        <v>220</v>
      </c>
      <c r="Y167" s="51">
        <v>250</v>
      </c>
      <c r="Z167" s="51">
        <v>3</v>
      </c>
      <c r="AA167" s="38">
        <v>253</v>
      </c>
      <c r="AB167" s="51">
        <v>277</v>
      </c>
      <c r="AC167" s="51">
        <v>3</v>
      </c>
      <c r="AD167" s="38">
        <v>280</v>
      </c>
      <c r="AE167" s="51">
        <v>333</v>
      </c>
      <c r="AF167" s="51">
        <v>3</v>
      </c>
      <c r="AG167" s="38">
        <v>336</v>
      </c>
      <c r="AH167" s="51">
        <v>392</v>
      </c>
      <c r="AI167" s="51">
        <v>5</v>
      </c>
      <c r="AJ167" s="38">
        <v>397</v>
      </c>
      <c r="AK167" s="51">
        <v>441</v>
      </c>
      <c r="AL167" s="51">
        <v>1</v>
      </c>
      <c r="AM167" s="38">
        <v>442</v>
      </c>
      <c r="AN167" s="51">
        <v>387</v>
      </c>
      <c r="AO167" s="51">
        <v>5</v>
      </c>
      <c r="AP167" s="38">
        <v>392</v>
      </c>
      <c r="AQ167" s="51">
        <v>346</v>
      </c>
      <c r="AR167" s="51">
        <v>0</v>
      </c>
      <c r="AS167" s="38">
        <v>346</v>
      </c>
      <c r="AT167" s="51">
        <v>402</v>
      </c>
      <c r="AU167" s="51">
        <v>0</v>
      </c>
      <c r="AV167" s="38">
        <v>402</v>
      </c>
      <c r="AW167" s="51">
        <v>456</v>
      </c>
      <c r="AX167" s="51">
        <v>0</v>
      </c>
      <c r="AY167" s="38">
        <v>456</v>
      </c>
      <c r="AZ167" s="51">
        <v>330</v>
      </c>
      <c r="BA167" s="51">
        <v>0</v>
      </c>
      <c r="BB167" s="38">
        <v>330</v>
      </c>
      <c r="BC167" s="51">
        <v>253</v>
      </c>
      <c r="BD167" s="51">
        <v>0</v>
      </c>
      <c r="BE167" s="38">
        <v>253</v>
      </c>
      <c r="BF167" s="51">
        <v>139</v>
      </c>
      <c r="BG167" s="51">
        <v>0</v>
      </c>
      <c r="BH167" s="38">
        <v>139</v>
      </c>
      <c r="BI167" s="51">
        <v>50</v>
      </c>
      <c r="BJ167" s="51">
        <v>0</v>
      </c>
      <c r="BK167" s="38">
        <v>50</v>
      </c>
      <c r="BL167" s="51">
        <v>15</v>
      </c>
      <c r="BM167" s="51">
        <v>0</v>
      </c>
      <c r="BN167" s="38">
        <v>15</v>
      </c>
      <c r="BO167" s="51">
        <v>1</v>
      </c>
      <c r="BP167" s="51">
        <v>0</v>
      </c>
      <c r="BQ167" s="40">
        <v>1</v>
      </c>
    </row>
    <row r="168" spans="1:69" x14ac:dyDescent="0.15">
      <c r="A168" s="19" t="s">
        <v>84</v>
      </c>
      <c r="B168" s="25" t="s">
        <v>31</v>
      </c>
      <c r="C168" s="78"/>
      <c r="D168" s="41">
        <v>5382</v>
      </c>
      <c r="E168" s="39">
        <v>54</v>
      </c>
      <c r="F168" s="42">
        <v>5436</v>
      </c>
      <c r="G168" s="51">
        <v>137</v>
      </c>
      <c r="H168" s="51">
        <v>1</v>
      </c>
      <c r="I168" s="42">
        <v>138</v>
      </c>
      <c r="J168" s="51">
        <v>163</v>
      </c>
      <c r="K168" s="51">
        <v>0</v>
      </c>
      <c r="L168" s="42">
        <v>163</v>
      </c>
      <c r="M168" s="75">
        <v>174</v>
      </c>
      <c r="N168" s="75">
        <v>0</v>
      </c>
      <c r="O168" s="72">
        <v>174</v>
      </c>
      <c r="P168" s="51">
        <v>193</v>
      </c>
      <c r="Q168" s="51">
        <v>2</v>
      </c>
      <c r="R168" s="42">
        <v>195</v>
      </c>
      <c r="S168" s="51">
        <v>231</v>
      </c>
      <c r="T168" s="51">
        <v>4</v>
      </c>
      <c r="U168" s="42">
        <v>235</v>
      </c>
      <c r="V168" s="51">
        <v>203</v>
      </c>
      <c r="W168" s="51">
        <v>5</v>
      </c>
      <c r="X168" s="42">
        <v>208</v>
      </c>
      <c r="Y168" s="51">
        <v>214</v>
      </c>
      <c r="Z168" s="51">
        <v>6</v>
      </c>
      <c r="AA168" s="42">
        <v>220</v>
      </c>
      <c r="AB168" s="51">
        <v>255</v>
      </c>
      <c r="AC168" s="51">
        <v>6</v>
      </c>
      <c r="AD168" s="42">
        <v>261</v>
      </c>
      <c r="AE168" s="51">
        <v>282</v>
      </c>
      <c r="AF168" s="51">
        <v>9</v>
      </c>
      <c r="AG168" s="42">
        <v>291</v>
      </c>
      <c r="AH168" s="51">
        <v>324</v>
      </c>
      <c r="AI168" s="51">
        <v>5</v>
      </c>
      <c r="AJ168" s="42">
        <v>329</v>
      </c>
      <c r="AK168" s="51">
        <v>405</v>
      </c>
      <c r="AL168" s="51">
        <v>6</v>
      </c>
      <c r="AM168" s="42">
        <v>411</v>
      </c>
      <c r="AN168" s="51">
        <v>332</v>
      </c>
      <c r="AO168" s="51">
        <v>5</v>
      </c>
      <c r="AP168" s="42">
        <v>337</v>
      </c>
      <c r="AQ168" s="51">
        <v>358</v>
      </c>
      <c r="AR168" s="51">
        <v>1</v>
      </c>
      <c r="AS168" s="42">
        <v>359</v>
      </c>
      <c r="AT168" s="51">
        <v>367</v>
      </c>
      <c r="AU168" s="51">
        <v>2</v>
      </c>
      <c r="AV168" s="42">
        <v>369</v>
      </c>
      <c r="AW168" s="51">
        <v>517</v>
      </c>
      <c r="AX168" s="51">
        <v>1</v>
      </c>
      <c r="AY168" s="42">
        <v>518</v>
      </c>
      <c r="AZ168" s="51">
        <v>400</v>
      </c>
      <c r="BA168" s="51">
        <v>1</v>
      </c>
      <c r="BB168" s="42">
        <v>401</v>
      </c>
      <c r="BC168" s="51">
        <v>366</v>
      </c>
      <c r="BD168" s="51">
        <v>0</v>
      </c>
      <c r="BE168" s="42">
        <v>366</v>
      </c>
      <c r="BF168" s="51">
        <v>272</v>
      </c>
      <c r="BG168" s="51">
        <v>0</v>
      </c>
      <c r="BH168" s="42">
        <v>272</v>
      </c>
      <c r="BI168" s="51">
        <v>141</v>
      </c>
      <c r="BJ168" s="51">
        <v>0</v>
      </c>
      <c r="BK168" s="42">
        <v>141</v>
      </c>
      <c r="BL168" s="51">
        <v>41</v>
      </c>
      <c r="BM168" s="51">
        <v>0</v>
      </c>
      <c r="BN168" s="42">
        <v>41</v>
      </c>
      <c r="BO168" s="51">
        <v>7</v>
      </c>
      <c r="BP168" s="51">
        <v>0</v>
      </c>
      <c r="BQ168" s="43">
        <v>7</v>
      </c>
    </row>
    <row r="169" spans="1:69" ht="15" thickBot="1" x14ac:dyDescent="0.2">
      <c r="A169" s="58"/>
      <c r="B169" s="31" t="s">
        <v>32</v>
      </c>
      <c r="C169" s="79"/>
      <c r="D169" s="45">
        <v>10671</v>
      </c>
      <c r="E169" s="46">
        <v>85</v>
      </c>
      <c r="F169" s="47">
        <v>10756</v>
      </c>
      <c r="G169" s="48">
        <v>295</v>
      </c>
      <c r="H169" s="47">
        <v>1</v>
      </c>
      <c r="I169" s="47">
        <v>296</v>
      </c>
      <c r="J169" s="48">
        <v>355</v>
      </c>
      <c r="K169" s="47">
        <v>0</v>
      </c>
      <c r="L169" s="47">
        <v>355</v>
      </c>
      <c r="M169" s="74">
        <v>356</v>
      </c>
      <c r="N169" s="73">
        <v>1</v>
      </c>
      <c r="O169" s="73">
        <v>357</v>
      </c>
      <c r="P169" s="48">
        <v>405</v>
      </c>
      <c r="Q169" s="47">
        <v>2</v>
      </c>
      <c r="R169" s="47">
        <v>407</v>
      </c>
      <c r="S169" s="48">
        <v>491</v>
      </c>
      <c r="T169" s="47">
        <v>7</v>
      </c>
      <c r="U169" s="47">
        <v>498</v>
      </c>
      <c r="V169" s="48">
        <v>416</v>
      </c>
      <c r="W169" s="47">
        <v>12</v>
      </c>
      <c r="X169" s="47">
        <v>428</v>
      </c>
      <c r="Y169" s="48">
        <v>464</v>
      </c>
      <c r="Z169" s="47">
        <v>9</v>
      </c>
      <c r="AA169" s="47">
        <v>473</v>
      </c>
      <c r="AB169" s="48">
        <v>532</v>
      </c>
      <c r="AC169" s="47">
        <v>9</v>
      </c>
      <c r="AD169" s="47">
        <v>541</v>
      </c>
      <c r="AE169" s="48">
        <v>615</v>
      </c>
      <c r="AF169" s="47">
        <v>12</v>
      </c>
      <c r="AG169" s="47">
        <v>627</v>
      </c>
      <c r="AH169" s="48">
        <v>716</v>
      </c>
      <c r="AI169" s="47">
        <v>10</v>
      </c>
      <c r="AJ169" s="47">
        <v>726</v>
      </c>
      <c r="AK169" s="48">
        <v>846</v>
      </c>
      <c r="AL169" s="47">
        <v>7</v>
      </c>
      <c r="AM169" s="47">
        <v>853</v>
      </c>
      <c r="AN169" s="48">
        <v>719</v>
      </c>
      <c r="AO169" s="47">
        <v>10</v>
      </c>
      <c r="AP169" s="47">
        <v>729</v>
      </c>
      <c r="AQ169" s="48">
        <v>704</v>
      </c>
      <c r="AR169" s="47">
        <v>1</v>
      </c>
      <c r="AS169" s="47">
        <v>705</v>
      </c>
      <c r="AT169" s="48">
        <v>769</v>
      </c>
      <c r="AU169" s="47">
        <v>2</v>
      </c>
      <c r="AV169" s="47">
        <v>771</v>
      </c>
      <c r="AW169" s="48">
        <v>973</v>
      </c>
      <c r="AX169" s="47">
        <v>1</v>
      </c>
      <c r="AY169" s="47">
        <v>974</v>
      </c>
      <c r="AZ169" s="48">
        <v>730</v>
      </c>
      <c r="BA169" s="47">
        <v>1</v>
      </c>
      <c r="BB169" s="47">
        <v>731</v>
      </c>
      <c r="BC169" s="48">
        <v>619</v>
      </c>
      <c r="BD169" s="47">
        <v>0</v>
      </c>
      <c r="BE169" s="47">
        <v>619</v>
      </c>
      <c r="BF169" s="48">
        <v>411</v>
      </c>
      <c r="BG169" s="47">
        <v>0</v>
      </c>
      <c r="BH169" s="47">
        <v>411</v>
      </c>
      <c r="BI169" s="48">
        <v>191</v>
      </c>
      <c r="BJ169" s="47">
        <v>0</v>
      </c>
      <c r="BK169" s="47">
        <v>191</v>
      </c>
      <c r="BL169" s="48">
        <v>56</v>
      </c>
      <c r="BM169" s="47">
        <v>0</v>
      </c>
      <c r="BN169" s="47">
        <v>56</v>
      </c>
      <c r="BO169" s="48">
        <v>8</v>
      </c>
      <c r="BP169" s="47">
        <v>0</v>
      </c>
      <c r="BQ169" s="49">
        <v>8</v>
      </c>
    </row>
    <row r="170" spans="1:69" x14ac:dyDescent="0.15">
      <c r="A170" s="19"/>
      <c r="B170" s="20" t="s">
        <v>29</v>
      </c>
      <c r="C170" s="77">
        <v>143642</v>
      </c>
      <c r="D170" s="36">
        <v>4761</v>
      </c>
      <c r="E170" s="37">
        <v>41</v>
      </c>
      <c r="F170" s="38">
        <v>4802</v>
      </c>
      <c r="G170" s="51">
        <v>91</v>
      </c>
      <c r="H170" s="51">
        <v>1</v>
      </c>
      <c r="I170" s="38">
        <v>92</v>
      </c>
      <c r="J170" s="51">
        <v>149</v>
      </c>
      <c r="K170" s="51">
        <v>0</v>
      </c>
      <c r="L170" s="38">
        <v>149</v>
      </c>
      <c r="M170" s="75">
        <v>165</v>
      </c>
      <c r="N170" s="75">
        <v>0</v>
      </c>
      <c r="O170" s="70">
        <v>165</v>
      </c>
      <c r="P170" s="51">
        <v>193</v>
      </c>
      <c r="Q170" s="51">
        <v>0</v>
      </c>
      <c r="R170" s="38">
        <v>193</v>
      </c>
      <c r="S170" s="51">
        <v>191</v>
      </c>
      <c r="T170" s="51">
        <v>8</v>
      </c>
      <c r="U170" s="38">
        <v>199</v>
      </c>
      <c r="V170" s="51">
        <v>172</v>
      </c>
      <c r="W170" s="51">
        <v>9</v>
      </c>
      <c r="X170" s="38">
        <v>181</v>
      </c>
      <c r="Y170" s="51">
        <v>175</v>
      </c>
      <c r="Z170" s="51">
        <v>5</v>
      </c>
      <c r="AA170" s="38">
        <v>180</v>
      </c>
      <c r="AB170" s="51">
        <v>230</v>
      </c>
      <c r="AC170" s="51">
        <v>6</v>
      </c>
      <c r="AD170" s="38">
        <v>236</v>
      </c>
      <c r="AE170" s="51">
        <v>264</v>
      </c>
      <c r="AF170" s="51">
        <v>6</v>
      </c>
      <c r="AG170" s="38">
        <v>270</v>
      </c>
      <c r="AH170" s="51">
        <v>301</v>
      </c>
      <c r="AI170" s="51">
        <v>2</v>
      </c>
      <c r="AJ170" s="38">
        <v>303</v>
      </c>
      <c r="AK170" s="51">
        <v>323</v>
      </c>
      <c r="AL170" s="51">
        <v>1</v>
      </c>
      <c r="AM170" s="38">
        <v>324</v>
      </c>
      <c r="AN170" s="51">
        <v>346</v>
      </c>
      <c r="AO170" s="51">
        <v>2</v>
      </c>
      <c r="AP170" s="38">
        <v>348</v>
      </c>
      <c r="AQ170" s="51">
        <v>363</v>
      </c>
      <c r="AR170" s="51">
        <v>0</v>
      </c>
      <c r="AS170" s="38">
        <v>363</v>
      </c>
      <c r="AT170" s="51">
        <v>430</v>
      </c>
      <c r="AU170" s="51">
        <v>0</v>
      </c>
      <c r="AV170" s="38">
        <v>430</v>
      </c>
      <c r="AW170" s="51">
        <v>563</v>
      </c>
      <c r="AX170" s="51">
        <v>0</v>
      </c>
      <c r="AY170" s="38">
        <v>563</v>
      </c>
      <c r="AZ170" s="51">
        <v>323</v>
      </c>
      <c r="BA170" s="51">
        <v>1</v>
      </c>
      <c r="BB170" s="38">
        <v>324</v>
      </c>
      <c r="BC170" s="51">
        <v>238</v>
      </c>
      <c r="BD170" s="51">
        <v>0</v>
      </c>
      <c r="BE170" s="38">
        <v>238</v>
      </c>
      <c r="BF170" s="51">
        <v>165</v>
      </c>
      <c r="BG170" s="51">
        <v>0</v>
      </c>
      <c r="BH170" s="38">
        <v>165</v>
      </c>
      <c r="BI170" s="51">
        <v>62</v>
      </c>
      <c r="BJ170" s="51">
        <v>0</v>
      </c>
      <c r="BK170" s="38">
        <v>62</v>
      </c>
      <c r="BL170" s="51">
        <v>13</v>
      </c>
      <c r="BM170" s="51">
        <v>0</v>
      </c>
      <c r="BN170" s="38">
        <v>13</v>
      </c>
      <c r="BO170" s="51">
        <v>4</v>
      </c>
      <c r="BP170" s="51">
        <v>0</v>
      </c>
      <c r="BQ170" s="40">
        <v>4</v>
      </c>
    </row>
    <row r="171" spans="1:69" x14ac:dyDescent="0.15">
      <c r="A171" s="19" t="s">
        <v>85</v>
      </c>
      <c r="B171" s="25" t="s">
        <v>31</v>
      </c>
      <c r="C171" s="78"/>
      <c r="D171" s="41">
        <v>4934</v>
      </c>
      <c r="E171" s="39">
        <v>47</v>
      </c>
      <c r="F171" s="42">
        <v>4981</v>
      </c>
      <c r="G171" s="51">
        <v>87</v>
      </c>
      <c r="H171" s="51">
        <v>0</v>
      </c>
      <c r="I171" s="42">
        <v>87</v>
      </c>
      <c r="J171" s="51">
        <v>160</v>
      </c>
      <c r="K171" s="51">
        <v>0</v>
      </c>
      <c r="L171" s="42">
        <v>160</v>
      </c>
      <c r="M171" s="75">
        <v>147</v>
      </c>
      <c r="N171" s="75">
        <v>0</v>
      </c>
      <c r="O171" s="72">
        <v>147</v>
      </c>
      <c r="P171" s="51">
        <v>184</v>
      </c>
      <c r="Q171" s="51">
        <v>0</v>
      </c>
      <c r="R171" s="42">
        <v>184</v>
      </c>
      <c r="S171" s="51">
        <v>176</v>
      </c>
      <c r="T171" s="51">
        <v>7</v>
      </c>
      <c r="U171" s="42">
        <v>183</v>
      </c>
      <c r="V171" s="51">
        <v>124</v>
      </c>
      <c r="W171" s="51">
        <v>5</v>
      </c>
      <c r="X171" s="42">
        <v>129</v>
      </c>
      <c r="Y171" s="51">
        <v>152</v>
      </c>
      <c r="Z171" s="51">
        <v>5</v>
      </c>
      <c r="AA171" s="42">
        <v>157</v>
      </c>
      <c r="AB171" s="51">
        <v>188</v>
      </c>
      <c r="AC171" s="51">
        <v>3</v>
      </c>
      <c r="AD171" s="42">
        <v>191</v>
      </c>
      <c r="AE171" s="51">
        <v>240</v>
      </c>
      <c r="AF171" s="51">
        <v>5</v>
      </c>
      <c r="AG171" s="42">
        <v>245</v>
      </c>
      <c r="AH171" s="51">
        <v>283</v>
      </c>
      <c r="AI171" s="51">
        <v>6</v>
      </c>
      <c r="AJ171" s="42">
        <v>289</v>
      </c>
      <c r="AK171" s="51">
        <v>302</v>
      </c>
      <c r="AL171" s="51">
        <v>7</v>
      </c>
      <c r="AM171" s="42">
        <v>309</v>
      </c>
      <c r="AN171" s="51">
        <v>300</v>
      </c>
      <c r="AO171" s="51">
        <v>2</v>
      </c>
      <c r="AP171" s="42">
        <v>302</v>
      </c>
      <c r="AQ171" s="51">
        <v>357</v>
      </c>
      <c r="AR171" s="51">
        <v>4</v>
      </c>
      <c r="AS171" s="42">
        <v>361</v>
      </c>
      <c r="AT171" s="51">
        <v>464</v>
      </c>
      <c r="AU171" s="51">
        <v>2</v>
      </c>
      <c r="AV171" s="42">
        <v>466</v>
      </c>
      <c r="AW171" s="51">
        <v>572</v>
      </c>
      <c r="AX171" s="51">
        <v>1</v>
      </c>
      <c r="AY171" s="42">
        <v>573</v>
      </c>
      <c r="AZ171" s="51">
        <v>338</v>
      </c>
      <c r="BA171" s="51">
        <v>0</v>
      </c>
      <c r="BB171" s="42">
        <v>338</v>
      </c>
      <c r="BC171" s="51">
        <v>355</v>
      </c>
      <c r="BD171" s="51">
        <v>0</v>
      </c>
      <c r="BE171" s="42">
        <v>355</v>
      </c>
      <c r="BF171" s="51">
        <v>273</v>
      </c>
      <c r="BG171" s="51">
        <v>0</v>
      </c>
      <c r="BH171" s="42">
        <v>273</v>
      </c>
      <c r="BI171" s="51">
        <v>167</v>
      </c>
      <c r="BJ171" s="51">
        <v>0</v>
      </c>
      <c r="BK171" s="42">
        <v>167</v>
      </c>
      <c r="BL171" s="51">
        <v>56</v>
      </c>
      <c r="BM171" s="51">
        <v>0</v>
      </c>
      <c r="BN171" s="42">
        <v>56</v>
      </c>
      <c r="BO171" s="51">
        <v>9</v>
      </c>
      <c r="BP171" s="51">
        <v>0</v>
      </c>
      <c r="BQ171" s="43">
        <v>9</v>
      </c>
    </row>
    <row r="172" spans="1:69" ht="15" thickBot="1" x14ac:dyDescent="0.2">
      <c r="A172" s="58"/>
      <c r="B172" s="31" t="s">
        <v>32</v>
      </c>
      <c r="C172" s="79"/>
      <c r="D172" s="45">
        <v>9695</v>
      </c>
      <c r="E172" s="46">
        <v>88</v>
      </c>
      <c r="F172" s="47">
        <v>9783</v>
      </c>
      <c r="G172" s="48">
        <v>178</v>
      </c>
      <c r="H172" s="47">
        <v>1</v>
      </c>
      <c r="I172" s="47">
        <v>179</v>
      </c>
      <c r="J172" s="48">
        <v>309</v>
      </c>
      <c r="K172" s="47">
        <v>0</v>
      </c>
      <c r="L172" s="47">
        <v>309</v>
      </c>
      <c r="M172" s="74">
        <v>312</v>
      </c>
      <c r="N172" s="73">
        <v>0</v>
      </c>
      <c r="O172" s="73">
        <v>312</v>
      </c>
      <c r="P172" s="48">
        <v>377</v>
      </c>
      <c r="Q172" s="47">
        <v>0</v>
      </c>
      <c r="R172" s="47">
        <v>377</v>
      </c>
      <c r="S172" s="48">
        <v>367</v>
      </c>
      <c r="T172" s="47">
        <v>15</v>
      </c>
      <c r="U172" s="47">
        <v>382</v>
      </c>
      <c r="V172" s="48">
        <v>296</v>
      </c>
      <c r="W172" s="47">
        <v>14</v>
      </c>
      <c r="X172" s="47">
        <v>310</v>
      </c>
      <c r="Y172" s="48">
        <v>327</v>
      </c>
      <c r="Z172" s="47">
        <v>10</v>
      </c>
      <c r="AA172" s="47">
        <v>337</v>
      </c>
      <c r="AB172" s="48">
        <v>418</v>
      </c>
      <c r="AC172" s="47">
        <v>9</v>
      </c>
      <c r="AD172" s="47">
        <v>427</v>
      </c>
      <c r="AE172" s="48">
        <v>504</v>
      </c>
      <c r="AF172" s="47">
        <v>11</v>
      </c>
      <c r="AG172" s="47">
        <v>515</v>
      </c>
      <c r="AH172" s="48">
        <v>584</v>
      </c>
      <c r="AI172" s="47">
        <v>8</v>
      </c>
      <c r="AJ172" s="47">
        <v>592</v>
      </c>
      <c r="AK172" s="48">
        <v>625</v>
      </c>
      <c r="AL172" s="47">
        <v>8</v>
      </c>
      <c r="AM172" s="47">
        <v>633</v>
      </c>
      <c r="AN172" s="48">
        <v>646</v>
      </c>
      <c r="AO172" s="47">
        <v>4</v>
      </c>
      <c r="AP172" s="47">
        <v>650</v>
      </c>
      <c r="AQ172" s="48">
        <v>720</v>
      </c>
      <c r="AR172" s="47">
        <v>4</v>
      </c>
      <c r="AS172" s="47">
        <v>724</v>
      </c>
      <c r="AT172" s="48">
        <v>894</v>
      </c>
      <c r="AU172" s="47">
        <v>2</v>
      </c>
      <c r="AV172" s="47">
        <v>896</v>
      </c>
      <c r="AW172" s="48">
        <v>1135</v>
      </c>
      <c r="AX172" s="47">
        <v>1</v>
      </c>
      <c r="AY172" s="47">
        <v>1136</v>
      </c>
      <c r="AZ172" s="48">
        <v>661</v>
      </c>
      <c r="BA172" s="47">
        <v>1</v>
      </c>
      <c r="BB172" s="47">
        <v>662</v>
      </c>
      <c r="BC172" s="48">
        <v>593</v>
      </c>
      <c r="BD172" s="47">
        <v>0</v>
      </c>
      <c r="BE172" s="47">
        <v>593</v>
      </c>
      <c r="BF172" s="48">
        <v>438</v>
      </c>
      <c r="BG172" s="47">
        <v>0</v>
      </c>
      <c r="BH172" s="47">
        <v>438</v>
      </c>
      <c r="BI172" s="48">
        <v>229</v>
      </c>
      <c r="BJ172" s="47">
        <v>0</v>
      </c>
      <c r="BK172" s="47">
        <v>229</v>
      </c>
      <c r="BL172" s="48">
        <v>69</v>
      </c>
      <c r="BM172" s="47">
        <v>0</v>
      </c>
      <c r="BN172" s="47">
        <v>69</v>
      </c>
      <c r="BO172" s="48">
        <v>13</v>
      </c>
      <c r="BP172" s="47">
        <v>0</v>
      </c>
      <c r="BQ172" s="49">
        <v>13</v>
      </c>
    </row>
    <row r="173" spans="1:69" x14ac:dyDescent="0.15">
      <c r="A173" s="19"/>
      <c r="B173" s="20" t="s">
        <v>29</v>
      </c>
      <c r="C173" s="77">
        <v>143669</v>
      </c>
      <c r="D173" s="36">
        <v>8936</v>
      </c>
      <c r="E173" s="37">
        <v>71</v>
      </c>
      <c r="F173" s="38">
        <v>9007</v>
      </c>
      <c r="G173" s="51">
        <v>421</v>
      </c>
      <c r="H173" s="51">
        <v>3</v>
      </c>
      <c r="I173" s="38">
        <v>424</v>
      </c>
      <c r="J173" s="51">
        <v>488</v>
      </c>
      <c r="K173" s="51">
        <v>5</v>
      </c>
      <c r="L173" s="38">
        <v>493</v>
      </c>
      <c r="M173" s="75">
        <v>479</v>
      </c>
      <c r="N173" s="75">
        <v>2</v>
      </c>
      <c r="O173" s="70">
        <v>481</v>
      </c>
      <c r="P173" s="51">
        <v>453</v>
      </c>
      <c r="Q173" s="51">
        <v>1</v>
      </c>
      <c r="R173" s="38">
        <v>454</v>
      </c>
      <c r="S173" s="51">
        <v>410</v>
      </c>
      <c r="T173" s="51">
        <v>6</v>
      </c>
      <c r="U173" s="38">
        <v>416</v>
      </c>
      <c r="V173" s="51">
        <v>399</v>
      </c>
      <c r="W173" s="51">
        <v>12</v>
      </c>
      <c r="X173" s="38">
        <v>411</v>
      </c>
      <c r="Y173" s="51">
        <v>467</v>
      </c>
      <c r="Z173" s="51">
        <v>13</v>
      </c>
      <c r="AA173" s="38">
        <v>480</v>
      </c>
      <c r="AB173" s="51">
        <v>558</v>
      </c>
      <c r="AC173" s="51">
        <v>5</v>
      </c>
      <c r="AD173" s="38">
        <v>563</v>
      </c>
      <c r="AE173" s="51">
        <v>709</v>
      </c>
      <c r="AF173" s="51">
        <v>3</v>
      </c>
      <c r="AG173" s="38">
        <v>712</v>
      </c>
      <c r="AH173" s="51">
        <v>791</v>
      </c>
      <c r="AI173" s="51">
        <v>6</v>
      </c>
      <c r="AJ173" s="38">
        <v>797</v>
      </c>
      <c r="AK173" s="51">
        <v>763</v>
      </c>
      <c r="AL173" s="51">
        <v>5</v>
      </c>
      <c r="AM173" s="38">
        <v>768</v>
      </c>
      <c r="AN173" s="51">
        <v>543</v>
      </c>
      <c r="AO173" s="51">
        <v>5</v>
      </c>
      <c r="AP173" s="38">
        <v>548</v>
      </c>
      <c r="AQ173" s="51">
        <v>454</v>
      </c>
      <c r="AR173" s="51">
        <v>3</v>
      </c>
      <c r="AS173" s="38">
        <v>457</v>
      </c>
      <c r="AT173" s="51">
        <v>454</v>
      </c>
      <c r="AU173" s="51">
        <v>2</v>
      </c>
      <c r="AV173" s="38">
        <v>456</v>
      </c>
      <c r="AW173" s="51">
        <v>534</v>
      </c>
      <c r="AX173" s="51">
        <v>0</v>
      </c>
      <c r="AY173" s="38">
        <v>534</v>
      </c>
      <c r="AZ173" s="51">
        <v>411</v>
      </c>
      <c r="BA173" s="51">
        <v>0</v>
      </c>
      <c r="BB173" s="38">
        <v>411</v>
      </c>
      <c r="BC173" s="51">
        <v>358</v>
      </c>
      <c r="BD173" s="51">
        <v>0</v>
      </c>
      <c r="BE173" s="38">
        <v>358</v>
      </c>
      <c r="BF173" s="51">
        <v>180</v>
      </c>
      <c r="BG173" s="51">
        <v>0</v>
      </c>
      <c r="BH173" s="38">
        <v>180</v>
      </c>
      <c r="BI173" s="51">
        <v>57</v>
      </c>
      <c r="BJ173" s="51">
        <v>0</v>
      </c>
      <c r="BK173" s="38">
        <v>57</v>
      </c>
      <c r="BL173" s="51">
        <v>5</v>
      </c>
      <c r="BM173" s="51">
        <v>0</v>
      </c>
      <c r="BN173" s="38">
        <v>5</v>
      </c>
      <c r="BO173" s="51">
        <v>2</v>
      </c>
      <c r="BP173" s="51">
        <v>0</v>
      </c>
      <c r="BQ173" s="38">
        <v>2</v>
      </c>
    </row>
    <row r="174" spans="1:69" x14ac:dyDescent="0.15">
      <c r="A174" s="19" t="s">
        <v>86</v>
      </c>
      <c r="B174" s="25" t="s">
        <v>31</v>
      </c>
      <c r="C174" s="78"/>
      <c r="D174" s="41">
        <v>9295</v>
      </c>
      <c r="E174" s="39">
        <v>84</v>
      </c>
      <c r="F174" s="42">
        <v>9379</v>
      </c>
      <c r="G174" s="51">
        <v>388</v>
      </c>
      <c r="H174" s="51">
        <v>1</v>
      </c>
      <c r="I174" s="42">
        <v>389</v>
      </c>
      <c r="J174" s="51">
        <v>461</v>
      </c>
      <c r="K174" s="51">
        <v>2</v>
      </c>
      <c r="L174" s="42">
        <v>463</v>
      </c>
      <c r="M174" s="75">
        <v>471</v>
      </c>
      <c r="N174" s="75">
        <v>0</v>
      </c>
      <c r="O174" s="72">
        <v>471</v>
      </c>
      <c r="P174" s="51">
        <v>519</v>
      </c>
      <c r="Q174" s="51">
        <v>3</v>
      </c>
      <c r="R174" s="42">
        <v>522</v>
      </c>
      <c r="S174" s="51">
        <v>385</v>
      </c>
      <c r="T174" s="51">
        <v>8</v>
      </c>
      <c r="U174" s="42">
        <v>393</v>
      </c>
      <c r="V174" s="51">
        <v>390</v>
      </c>
      <c r="W174" s="51">
        <v>11</v>
      </c>
      <c r="X174" s="42">
        <v>401</v>
      </c>
      <c r="Y174" s="51">
        <v>442</v>
      </c>
      <c r="Z174" s="51">
        <v>5</v>
      </c>
      <c r="AA174" s="42">
        <v>447</v>
      </c>
      <c r="AB174" s="51">
        <v>566</v>
      </c>
      <c r="AC174" s="51">
        <v>11</v>
      </c>
      <c r="AD174" s="42">
        <v>577</v>
      </c>
      <c r="AE174" s="51">
        <v>658</v>
      </c>
      <c r="AF174" s="51">
        <v>7</v>
      </c>
      <c r="AG174" s="42">
        <v>665</v>
      </c>
      <c r="AH174" s="51">
        <v>780</v>
      </c>
      <c r="AI174" s="51">
        <v>10</v>
      </c>
      <c r="AJ174" s="42">
        <v>790</v>
      </c>
      <c r="AK174" s="51">
        <v>700</v>
      </c>
      <c r="AL174" s="51">
        <v>7</v>
      </c>
      <c r="AM174" s="42">
        <v>707</v>
      </c>
      <c r="AN174" s="51">
        <v>535</v>
      </c>
      <c r="AO174" s="51">
        <v>9</v>
      </c>
      <c r="AP174" s="42">
        <v>544</v>
      </c>
      <c r="AQ174" s="51">
        <v>434</v>
      </c>
      <c r="AR174" s="51">
        <v>6</v>
      </c>
      <c r="AS174" s="42">
        <v>440</v>
      </c>
      <c r="AT174" s="51">
        <v>506</v>
      </c>
      <c r="AU174" s="51">
        <v>2</v>
      </c>
      <c r="AV174" s="42">
        <v>508</v>
      </c>
      <c r="AW174" s="51">
        <v>625</v>
      </c>
      <c r="AX174" s="51">
        <v>1</v>
      </c>
      <c r="AY174" s="42">
        <v>626</v>
      </c>
      <c r="AZ174" s="51">
        <v>534</v>
      </c>
      <c r="BA174" s="51">
        <v>0</v>
      </c>
      <c r="BB174" s="42">
        <v>534</v>
      </c>
      <c r="BC174" s="51">
        <v>416</v>
      </c>
      <c r="BD174" s="51">
        <v>0</v>
      </c>
      <c r="BE174" s="42">
        <v>416</v>
      </c>
      <c r="BF174" s="51">
        <v>280</v>
      </c>
      <c r="BG174" s="51">
        <v>1</v>
      </c>
      <c r="BH174" s="42">
        <v>281</v>
      </c>
      <c r="BI174" s="51">
        <v>153</v>
      </c>
      <c r="BJ174" s="51">
        <v>0</v>
      </c>
      <c r="BK174" s="42">
        <v>153</v>
      </c>
      <c r="BL174" s="51">
        <v>45</v>
      </c>
      <c r="BM174" s="51">
        <v>0</v>
      </c>
      <c r="BN174" s="42">
        <v>45</v>
      </c>
      <c r="BO174" s="51">
        <v>7</v>
      </c>
      <c r="BP174" s="51">
        <v>0</v>
      </c>
      <c r="BQ174" s="42">
        <v>7</v>
      </c>
    </row>
    <row r="175" spans="1:69" ht="15" thickBot="1" x14ac:dyDescent="0.2">
      <c r="A175" s="58"/>
      <c r="B175" s="31" t="s">
        <v>32</v>
      </c>
      <c r="C175" s="79"/>
      <c r="D175" s="45">
        <v>18231</v>
      </c>
      <c r="E175" s="46">
        <v>155</v>
      </c>
      <c r="F175" s="47">
        <v>18386</v>
      </c>
      <c r="G175" s="48">
        <v>809</v>
      </c>
      <c r="H175" s="47">
        <v>4</v>
      </c>
      <c r="I175" s="47">
        <v>813</v>
      </c>
      <c r="J175" s="48">
        <v>949</v>
      </c>
      <c r="K175" s="47">
        <v>7</v>
      </c>
      <c r="L175" s="47">
        <v>956</v>
      </c>
      <c r="M175" s="74">
        <v>950</v>
      </c>
      <c r="N175" s="73">
        <v>2</v>
      </c>
      <c r="O175" s="73">
        <v>952</v>
      </c>
      <c r="P175" s="48">
        <v>972</v>
      </c>
      <c r="Q175" s="47">
        <v>4</v>
      </c>
      <c r="R175" s="47">
        <v>976</v>
      </c>
      <c r="S175" s="48">
        <v>795</v>
      </c>
      <c r="T175" s="47">
        <v>14</v>
      </c>
      <c r="U175" s="47">
        <v>809</v>
      </c>
      <c r="V175" s="48">
        <v>789</v>
      </c>
      <c r="W175" s="47">
        <v>23</v>
      </c>
      <c r="X175" s="47">
        <v>812</v>
      </c>
      <c r="Y175" s="48">
        <v>909</v>
      </c>
      <c r="Z175" s="47">
        <v>18</v>
      </c>
      <c r="AA175" s="47">
        <v>927</v>
      </c>
      <c r="AB175" s="48">
        <v>1124</v>
      </c>
      <c r="AC175" s="47">
        <v>16</v>
      </c>
      <c r="AD175" s="47">
        <v>1140</v>
      </c>
      <c r="AE175" s="48">
        <v>1367</v>
      </c>
      <c r="AF175" s="47">
        <v>10</v>
      </c>
      <c r="AG175" s="47">
        <v>1377</v>
      </c>
      <c r="AH175" s="48">
        <v>1571</v>
      </c>
      <c r="AI175" s="47">
        <v>16</v>
      </c>
      <c r="AJ175" s="47">
        <v>1587</v>
      </c>
      <c r="AK175" s="48">
        <v>1463</v>
      </c>
      <c r="AL175" s="47">
        <v>12</v>
      </c>
      <c r="AM175" s="47">
        <v>1475</v>
      </c>
      <c r="AN175" s="48">
        <v>1078</v>
      </c>
      <c r="AO175" s="47">
        <v>14</v>
      </c>
      <c r="AP175" s="47">
        <v>1092</v>
      </c>
      <c r="AQ175" s="48">
        <v>888</v>
      </c>
      <c r="AR175" s="47">
        <v>9</v>
      </c>
      <c r="AS175" s="47">
        <v>897</v>
      </c>
      <c r="AT175" s="48">
        <v>960</v>
      </c>
      <c r="AU175" s="47">
        <v>4</v>
      </c>
      <c r="AV175" s="47">
        <v>964</v>
      </c>
      <c r="AW175" s="48">
        <v>1159</v>
      </c>
      <c r="AX175" s="47">
        <v>1</v>
      </c>
      <c r="AY175" s="47">
        <v>1160</v>
      </c>
      <c r="AZ175" s="48">
        <v>945</v>
      </c>
      <c r="BA175" s="47">
        <v>0</v>
      </c>
      <c r="BB175" s="47">
        <v>945</v>
      </c>
      <c r="BC175" s="48">
        <v>774</v>
      </c>
      <c r="BD175" s="47">
        <v>0</v>
      </c>
      <c r="BE175" s="47">
        <v>774</v>
      </c>
      <c r="BF175" s="48">
        <v>460</v>
      </c>
      <c r="BG175" s="47">
        <v>1</v>
      </c>
      <c r="BH175" s="47">
        <v>461</v>
      </c>
      <c r="BI175" s="48">
        <v>210</v>
      </c>
      <c r="BJ175" s="47">
        <v>0</v>
      </c>
      <c r="BK175" s="47">
        <v>210</v>
      </c>
      <c r="BL175" s="48">
        <v>50</v>
      </c>
      <c r="BM175" s="47">
        <v>0</v>
      </c>
      <c r="BN175" s="47">
        <v>50</v>
      </c>
      <c r="BO175" s="48">
        <v>9</v>
      </c>
      <c r="BP175" s="47">
        <v>0</v>
      </c>
      <c r="BQ175" s="47">
        <v>9</v>
      </c>
    </row>
    <row r="176" spans="1:69" x14ac:dyDescent="0.15">
      <c r="A176" s="19"/>
      <c r="B176" s="20" t="s">
        <v>29</v>
      </c>
      <c r="C176" s="77">
        <v>143821</v>
      </c>
      <c r="D176" s="36">
        <v>5050</v>
      </c>
      <c r="E176" s="37">
        <v>249</v>
      </c>
      <c r="F176" s="38">
        <v>5299</v>
      </c>
      <c r="G176" s="51">
        <v>81</v>
      </c>
      <c r="H176" s="51">
        <v>6</v>
      </c>
      <c r="I176" s="38">
        <v>87</v>
      </c>
      <c r="J176" s="51">
        <v>111</v>
      </c>
      <c r="K176" s="51">
        <v>2</v>
      </c>
      <c r="L176" s="38">
        <v>113</v>
      </c>
      <c r="M176" s="75">
        <v>131</v>
      </c>
      <c r="N176" s="75">
        <v>0</v>
      </c>
      <c r="O176" s="70">
        <v>131</v>
      </c>
      <c r="P176" s="51">
        <v>169</v>
      </c>
      <c r="Q176" s="51">
        <v>2</v>
      </c>
      <c r="R176" s="38">
        <v>171</v>
      </c>
      <c r="S176" s="51">
        <v>358</v>
      </c>
      <c r="T176" s="51">
        <v>25</v>
      </c>
      <c r="U176" s="38">
        <v>383</v>
      </c>
      <c r="V176" s="51">
        <v>258</v>
      </c>
      <c r="W176" s="51">
        <v>92</v>
      </c>
      <c r="X176" s="38">
        <v>350</v>
      </c>
      <c r="Y176" s="51">
        <v>197</v>
      </c>
      <c r="Z176" s="51">
        <v>62</v>
      </c>
      <c r="AA176" s="38">
        <v>259</v>
      </c>
      <c r="AB176" s="51">
        <v>221</v>
      </c>
      <c r="AC176" s="51">
        <v>20</v>
      </c>
      <c r="AD176" s="38">
        <v>241</v>
      </c>
      <c r="AE176" s="51">
        <v>256</v>
      </c>
      <c r="AF176" s="51">
        <v>4</v>
      </c>
      <c r="AG176" s="38">
        <v>260</v>
      </c>
      <c r="AH176" s="51">
        <v>323</v>
      </c>
      <c r="AI176" s="51">
        <v>6</v>
      </c>
      <c r="AJ176" s="38">
        <v>329</v>
      </c>
      <c r="AK176" s="51">
        <v>397</v>
      </c>
      <c r="AL176" s="51">
        <v>5</v>
      </c>
      <c r="AM176" s="38">
        <v>402</v>
      </c>
      <c r="AN176" s="51">
        <v>342</v>
      </c>
      <c r="AO176" s="51">
        <v>7</v>
      </c>
      <c r="AP176" s="38">
        <v>349</v>
      </c>
      <c r="AQ176" s="51">
        <v>396</v>
      </c>
      <c r="AR176" s="51">
        <v>2</v>
      </c>
      <c r="AS176" s="38">
        <v>398</v>
      </c>
      <c r="AT176" s="51">
        <v>435</v>
      </c>
      <c r="AU176" s="51">
        <v>8</v>
      </c>
      <c r="AV176" s="38">
        <v>443</v>
      </c>
      <c r="AW176" s="51">
        <v>527</v>
      </c>
      <c r="AX176" s="51">
        <v>3</v>
      </c>
      <c r="AY176" s="38">
        <v>530</v>
      </c>
      <c r="AZ176" s="51">
        <v>384</v>
      </c>
      <c r="BA176" s="51">
        <v>4</v>
      </c>
      <c r="BB176" s="38">
        <v>388</v>
      </c>
      <c r="BC176" s="51">
        <v>263</v>
      </c>
      <c r="BD176" s="51">
        <v>0</v>
      </c>
      <c r="BE176" s="38">
        <v>263</v>
      </c>
      <c r="BF176" s="51">
        <v>158</v>
      </c>
      <c r="BG176" s="51">
        <v>1</v>
      </c>
      <c r="BH176" s="38">
        <v>159</v>
      </c>
      <c r="BI176" s="51">
        <v>36</v>
      </c>
      <c r="BJ176" s="51">
        <v>0</v>
      </c>
      <c r="BK176" s="38">
        <v>36</v>
      </c>
      <c r="BL176" s="51">
        <v>6</v>
      </c>
      <c r="BM176" s="51">
        <v>0</v>
      </c>
      <c r="BN176" s="38">
        <v>6</v>
      </c>
      <c r="BO176" s="51">
        <v>1</v>
      </c>
      <c r="BP176" s="51">
        <v>0</v>
      </c>
      <c r="BQ176" s="40">
        <v>1</v>
      </c>
    </row>
    <row r="177" spans="1:69" x14ac:dyDescent="0.15">
      <c r="A177" s="19" t="s">
        <v>87</v>
      </c>
      <c r="B177" s="25" t="s">
        <v>31</v>
      </c>
      <c r="C177" s="78"/>
      <c r="D177" s="41">
        <v>5434</v>
      </c>
      <c r="E177" s="39">
        <v>299</v>
      </c>
      <c r="F177" s="42">
        <v>5733</v>
      </c>
      <c r="G177" s="51">
        <v>68</v>
      </c>
      <c r="H177" s="51">
        <v>6</v>
      </c>
      <c r="I177" s="42">
        <v>74</v>
      </c>
      <c r="J177" s="51">
        <v>116</v>
      </c>
      <c r="K177" s="51">
        <v>0</v>
      </c>
      <c r="L177" s="42">
        <v>116</v>
      </c>
      <c r="M177" s="75">
        <v>152</v>
      </c>
      <c r="N177" s="75">
        <v>1</v>
      </c>
      <c r="O177" s="72">
        <v>153</v>
      </c>
      <c r="P177" s="51">
        <v>172</v>
      </c>
      <c r="Q177" s="51">
        <v>0</v>
      </c>
      <c r="R177" s="42">
        <v>172</v>
      </c>
      <c r="S177" s="51">
        <v>416</v>
      </c>
      <c r="T177" s="51">
        <v>48</v>
      </c>
      <c r="U177" s="42">
        <v>464</v>
      </c>
      <c r="V177" s="51">
        <v>217</v>
      </c>
      <c r="W177" s="51">
        <v>117</v>
      </c>
      <c r="X177" s="42">
        <v>334</v>
      </c>
      <c r="Y177" s="51">
        <v>166</v>
      </c>
      <c r="Z177" s="51">
        <v>57</v>
      </c>
      <c r="AA177" s="42">
        <v>223</v>
      </c>
      <c r="AB177" s="51">
        <v>184</v>
      </c>
      <c r="AC177" s="51">
        <v>18</v>
      </c>
      <c r="AD177" s="42">
        <v>202</v>
      </c>
      <c r="AE177" s="51">
        <v>210</v>
      </c>
      <c r="AF177" s="51">
        <v>15</v>
      </c>
      <c r="AG177" s="42">
        <v>225</v>
      </c>
      <c r="AH177" s="51">
        <v>300</v>
      </c>
      <c r="AI177" s="51">
        <v>8</v>
      </c>
      <c r="AJ177" s="42">
        <v>308</v>
      </c>
      <c r="AK177" s="51">
        <v>350</v>
      </c>
      <c r="AL177" s="51">
        <v>8</v>
      </c>
      <c r="AM177" s="42">
        <v>358</v>
      </c>
      <c r="AN177" s="51">
        <v>319</v>
      </c>
      <c r="AO177" s="51">
        <v>6</v>
      </c>
      <c r="AP177" s="42">
        <v>325</v>
      </c>
      <c r="AQ177" s="51">
        <v>374</v>
      </c>
      <c r="AR177" s="51">
        <v>6</v>
      </c>
      <c r="AS177" s="42">
        <v>380</v>
      </c>
      <c r="AT177" s="51">
        <v>418</v>
      </c>
      <c r="AU177" s="51">
        <v>4</v>
      </c>
      <c r="AV177" s="42">
        <v>422</v>
      </c>
      <c r="AW177" s="51">
        <v>621</v>
      </c>
      <c r="AX177" s="51">
        <v>2</v>
      </c>
      <c r="AY177" s="42">
        <v>623</v>
      </c>
      <c r="AZ177" s="51">
        <v>455</v>
      </c>
      <c r="BA177" s="51">
        <v>3</v>
      </c>
      <c r="BB177" s="42">
        <v>458</v>
      </c>
      <c r="BC177" s="51">
        <v>402</v>
      </c>
      <c r="BD177" s="51">
        <v>0</v>
      </c>
      <c r="BE177" s="42">
        <v>402</v>
      </c>
      <c r="BF177" s="51">
        <v>275</v>
      </c>
      <c r="BG177" s="51">
        <v>0</v>
      </c>
      <c r="BH177" s="42">
        <v>275</v>
      </c>
      <c r="BI177" s="51">
        <v>142</v>
      </c>
      <c r="BJ177" s="51">
        <v>0</v>
      </c>
      <c r="BK177" s="42">
        <v>142</v>
      </c>
      <c r="BL177" s="51">
        <v>67</v>
      </c>
      <c r="BM177" s="51">
        <v>0</v>
      </c>
      <c r="BN177" s="42">
        <v>67</v>
      </c>
      <c r="BO177" s="51">
        <v>10</v>
      </c>
      <c r="BP177" s="51">
        <v>0</v>
      </c>
      <c r="BQ177" s="43">
        <v>10</v>
      </c>
    </row>
    <row r="178" spans="1:69" ht="15" thickBot="1" x14ac:dyDescent="0.2">
      <c r="A178" s="58"/>
      <c r="B178" s="31" t="s">
        <v>32</v>
      </c>
      <c r="C178" s="79"/>
      <c r="D178" s="45">
        <v>10484</v>
      </c>
      <c r="E178" s="46">
        <v>548</v>
      </c>
      <c r="F178" s="47">
        <v>11032</v>
      </c>
      <c r="G178" s="48">
        <v>149</v>
      </c>
      <c r="H178" s="47">
        <v>12</v>
      </c>
      <c r="I178" s="47">
        <v>161</v>
      </c>
      <c r="J178" s="48">
        <v>227</v>
      </c>
      <c r="K178" s="47">
        <v>2</v>
      </c>
      <c r="L178" s="47">
        <v>229</v>
      </c>
      <c r="M178" s="74">
        <v>283</v>
      </c>
      <c r="N178" s="73">
        <v>1</v>
      </c>
      <c r="O178" s="73">
        <v>284</v>
      </c>
      <c r="P178" s="48">
        <v>341</v>
      </c>
      <c r="Q178" s="47">
        <v>2</v>
      </c>
      <c r="R178" s="47">
        <v>343</v>
      </c>
      <c r="S178" s="48">
        <v>774</v>
      </c>
      <c r="T178" s="47">
        <v>73</v>
      </c>
      <c r="U178" s="47">
        <v>847</v>
      </c>
      <c r="V178" s="48">
        <v>475</v>
      </c>
      <c r="W178" s="47">
        <v>209</v>
      </c>
      <c r="X178" s="47">
        <v>684</v>
      </c>
      <c r="Y178" s="48">
        <v>363</v>
      </c>
      <c r="Z178" s="47">
        <v>119</v>
      </c>
      <c r="AA178" s="47">
        <v>482</v>
      </c>
      <c r="AB178" s="48">
        <v>405</v>
      </c>
      <c r="AC178" s="47">
        <v>38</v>
      </c>
      <c r="AD178" s="47">
        <v>443</v>
      </c>
      <c r="AE178" s="48">
        <v>466</v>
      </c>
      <c r="AF178" s="47">
        <v>19</v>
      </c>
      <c r="AG178" s="47">
        <v>485</v>
      </c>
      <c r="AH178" s="48">
        <v>623</v>
      </c>
      <c r="AI178" s="47">
        <v>14</v>
      </c>
      <c r="AJ178" s="47">
        <v>637</v>
      </c>
      <c r="AK178" s="48">
        <v>747</v>
      </c>
      <c r="AL178" s="47">
        <v>13</v>
      </c>
      <c r="AM178" s="47">
        <v>760</v>
      </c>
      <c r="AN178" s="48">
        <v>661</v>
      </c>
      <c r="AO178" s="47">
        <v>13</v>
      </c>
      <c r="AP178" s="47">
        <v>674</v>
      </c>
      <c r="AQ178" s="48">
        <v>770</v>
      </c>
      <c r="AR178" s="47">
        <v>8</v>
      </c>
      <c r="AS178" s="47">
        <v>778</v>
      </c>
      <c r="AT178" s="48">
        <v>853</v>
      </c>
      <c r="AU178" s="47">
        <v>12</v>
      </c>
      <c r="AV178" s="47">
        <v>865</v>
      </c>
      <c r="AW178" s="48">
        <v>1148</v>
      </c>
      <c r="AX178" s="47">
        <v>5</v>
      </c>
      <c r="AY178" s="47">
        <v>1153</v>
      </c>
      <c r="AZ178" s="48">
        <v>839</v>
      </c>
      <c r="BA178" s="47">
        <v>7</v>
      </c>
      <c r="BB178" s="47">
        <v>846</v>
      </c>
      <c r="BC178" s="48">
        <v>665</v>
      </c>
      <c r="BD178" s="47">
        <v>0</v>
      </c>
      <c r="BE178" s="47">
        <v>665</v>
      </c>
      <c r="BF178" s="48">
        <v>433</v>
      </c>
      <c r="BG178" s="47">
        <v>1</v>
      </c>
      <c r="BH178" s="47">
        <v>434</v>
      </c>
      <c r="BI178" s="48">
        <v>178</v>
      </c>
      <c r="BJ178" s="47">
        <v>0</v>
      </c>
      <c r="BK178" s="47">
        <v>178</v>
      </c>
      <c r="BL178" s="48">
        <v>73</v>
      </c>
      <c r="BM178" s="47">
        <v>0</v>
      </c>
      <c r="BN178" s="47">
        <v>73</v>
      </c>
      <c r="BO178" s="48">
        <v>11</v>
      </c>
      <c r="BP178" s="47">
        <v>0</v>
      </c>
      <c r="BQ178" s="49">
        <v>11</v>
      </c>
    </row>
    <row r="179" spans="1:69" x14ac:dyDescent="0.15">
      <c r="A179" s="19"/>
      <c r="B179" s="20" t="s">
        <v>29</v>
      </c>
      <c r="C179" s="77">
        <v>143839</v>
      </c>
      <c r="D179" s="36">
        <v>3226</v>
      </c>
      <c r="E179" s="37">
        <v>26</v>
      </c>
      <c r="F179" s="38">
        <v>3252</v>
      </c>
      <c r="G179" s="51">
        <v>53</v>
      </c>
      <c r="H179" s="51">
        <v>0</v>
      </c>
      <c r="I179" s="38">
        <v>53</v>
      </c>
      <c r="J179" s="51">
        <v>90</v>
      </c>
      <c r="K179" s="51">
        <v>0</v>
      </c>
      <c r="L179" s="38">
        <v>90</v>
      </c>
      <c r="M179" s="75">
        <v>87</v>
      </c>
      <c r="N179" s="75">
        <v>0</v>
      </c>
      <c r="O179" s="70">
        <v>87</v>
      </c>
      <c r="P179" s="51">
        <v>110</v>
      </c>
      <c r="Q179" s="51">
        <v>3</v>
      </c>
      <c r="R179" s="38">
        <v>113</v>
      </c>
      <c r="S179" s="51">
        <v>100</v>
      </c>
      <c r="T179" s="51">
        <v>1</v>
      </c>
      <c r="U179" s="38">
        <v>101</v>
      </c>
      <c r="V179" s="51">
        <v>114</v>
      </c>
      <c r="W179" s="51">
        <v>2</v>
      </c>
      <c r="X179" s="38">
        <v>116</v>
      </c>
      <c r="Y179" s="51">
        <v>110</v>
      </c>
      <c r="Z179" s="51">
        <v>1</v>
      </c>
      <c r="AA179" s="38">
        <v>111</v>
      </c>
      <c r="AB179" s="51">
        <v>130</v>
      </c>
      <c r="AC179" s="51">
        <v>1</v>
      </c>
      <c r="AD179" s="38">
        <v>131</v>
      </c>
      <c r="AE179" s="51">
        <v>139</v>
      </c>
      <c r="AF179" s="51">
        <v>4</v>
      </c>
      <c r="AG179" s="38">
        <v>143</v>
      </c>
      <c r="AH179" s="51">
        <v>218</v>
      </c>
      <c r="AI179" s="51">
        <v>0</v>
      </c>
      <c r="AJ179" s="38">
        <v>218</v>
      </c>
      <c r="AK179" s="51">
        <v>241</v>
      </c>
      <c r="AL179" s="51">
        <v>1</v>
      </c>
      <c r="AM179" s="38">
        <v>242</v>
      </c>
      <c r="AN179" s="51">
        <v>269</v>
      </c>
      <c r="AO179" s="51">
        <v>6</v>
      </c>
      <c r="AP179" s="38">
        <v>275</v>
      </c>
      <c r="AQ179" s="51">
        <v>280</v>
      </c>
      <c r="AR179" s="51">
        <v>1</v>
      </c>
      <c r="AS179" s="38">
        <v>281</v>
      </c>
      <c r="AT179" s="51">
        <v>308</v>
      </c>
      <c r="AU179" s="51">
        <v>1</v>
      </c>
      <c r="AV179" s="38">
        <v>309</v>
      </c>
      <c r="AW179" s="51">
        <v>375</v>
      </c>
      <c r="AX179" s="51">
        <v>3</v>
      </c>
      <c r="AY179" s="38">
        <v>378</v>
      </c>
      <c r="AZ179" s="51">
        <v>259</v>
      </c>
      <c r="BA179" s="51">
        <v>1</v>
      </c>
      <c r="BB179" s="38">
        <v>260</v>
      </c>
      <c r="BC179" s="51">
        <v>201</v>
      </c>
      <c r="BD179" s="51">
        <v>0</v>
      </c>
      <c r="BE179" s="38">
        <v>201</v>
      </c>
      <c r="BF179" s="51">
        <v>101</v>
      </c>
      <c r="BG179" s="51">
        <v>1</v>
      </c>
      <c r="BH179" s="38">
        <v>102</v>
      </c>
      <c r="BI179" s="51">
        <v>35</v>
      </c>
      <c r="BJ179" s="51">
        <v>0</v>
      </c>
      <c r="BK179" s="38">
        <v>35</v>
      </c>
      <c r="BL179" s="51">
        <v>6</v>
      </c>
      <c r="BM179" s="51">
        <v>0</v>
      </c>
      <c r="BN179" s="38">
        <v>6</v>
      </c>
      <c r="BO179" s="51">
        <v>0</v>
      </c>
      <c r="BP179" s="51">
        <v>0</v>
      </c>
      <c r="BQ179" s="40">
        <v>0</v>
      </c>
    </row>
    <row r="180" spans="1:69" x14ac:dyDescent="0.15">
      <c r="A180" s="19" t="s">
        <v>88</v>
      </c>
      <c r="B180" s="25" t="s">
        <v>31</v>
      </c>
      <c r="C180" s="78"/>
      <c r="D180" s="41">
        <v>3690</v>
      </c>
      <c r="E180" s="39">
        <v>42</v>
      </c>
      <c r="F180" s="42">
        <v>3732</v>
      </c>
      <c r="G180" s="51">
        <v>61</v>
      </c>
      <c r="H180" s="51">
        <v>1</v>
      </c>
      <c r="I180" s="42">
        <v>62</v>
      </c>
      <c r="J180" s="51">
        <v>76</v>
      </c>
      <c r="K180" s="51">
        <v>0</v>
      </c>
      <c r="L180" s="42">
        <v>76</v>
      </c>
      <c r="M180" s="75">
        <v>94</v>
      </c>
      <c r="N180" s="75">
        <v>1</v>
      </c>
      <c r="O180" s="72">
        <v>95</v>
      </c>
      <c r="P180" s="51">
        <v>107</v>
      </c>
      <c r="Q180" s="51">
        <v>1</v>
      </c>
      <c r="R180" s="42">
        <v>108</v>
      </c>
      <c r="S180" s="51">
        <v>114</v>
      </c>
      <c r="T180" s="51">
        <v>1</v>
      </c>
      <c r="U180" s="42">
        <v>115</v>
      </c>
      <c r="V180" s="51">
        <v>97</v>
      </c>
      <c r="W180" s="51">
        <v>1</v>
      </c>
      <c r="X180" s="42">
        <v>98</v>
      </c>
      <c r="Y180" s="51">
        <v>105</v>
      </c>
      <c r="Z180" s="51">
        <v>3</v>
      </c>
      <c r="AA180" s="42">
        <v>108</v>
      </c>
      <c r="AB180" s="51">
        <v>118</v>
      </c>
      <c r="AC180" s="51">
        <v>2</v>
      </c>
      <c r="AD180" s="42">
        <v>120</v>
      </c>
      <c r="AE180" s="51">
        <v>141</v>
      </c>
      <c r="AF180" s="51">
        <v>5</v>
      </c>
      <c r="AG180" s="42">
        <v>146</v>
      </c>
      <c r="AH180" s="51">
        <v>208</v>
      </c>
      <c r="AI180" s="51">
        <v>4</v>
      </c>
      <c r="AJ180" s="42">
        <v>212</v>
      </c>
      <c r="AK180" s="51">
        <v>266</v>
      </c>
      <c r="AL180" s="51">
        <v>9</v>
      </c>
      <c r="AM180" s="42">
        <v>275</v>
      </c>
      <c r="AN180" s="51">
        <v>292</v>
      </c>
      <c r="AO180" s="51">
        <v>0</v>
      </c>
      <c r="AP180" s="42">
        <v>292</v>
      </c>
      <c r="AQ180" s="51">
        <v>280</v>
      </c>
      <c r="AR180" s="51">
        <v>3</v>
      </c>
      <c r="AS180" s="42">
        <v>283</v>
      </c>
      <c r="AT180" s="51">
        <v>310</v>
      </c>
      <c r="AU180" s="51">
        <v>2</v>
      </c>
      <c r="AV180" s="42">
        <v>312</v>
      </c>
      <c r="AW180" s="51">
        <v>396</v>
      </c>
      <c r="AX180" s="51">
        <v>4</v>
      </c>
      <c r="AY180" s="42">
        <v>400</v>
      </c>
      <c r="AZ180" s="51">
        <v>356</v>
      </c>
      <c r="BA180" s="51">
        <v>2</v>
      </c>
      <c r="BB180" s="42">
        <v>358</v>
      </c>
      <c r="BC180" s="51">
        <v>290</v>
      </c>
      <c r="BD180" s="51">
        <v>2</v>
      </c>
      <c r="BE180" s="42">
        <v>292</v>
      </c>
      <c r="BF180" s="51">
        <v>223</v>
      </c>
      <c r="BG180" s="51">
        <v>0</v>
      </c>
      <c r="BH180" s="42">
        <v>223</v>
      </c>
      <c r="BI180" s="51">
        <v>114</v>
      </c>
      <c r="BJ180" s="51">
        <v>1</v>
      </c>
      <c r="BK180" s="42">
        <v>115</v>
      </c>
      <c r="BL180" s="51">
        <v>36</v>
      </c>
      <c r="BM180" s="51">
        <v>0</v>
      </c>
      <c r="BN180" s="42">
        <v>36</v>
      </c>
      <c r="BO180" s="51">
        <v>6</v>
      </c>
      <c r="BP180" s="51">
        <v>0</v>
      </c>
      <c r="BQ180" s="43">
        <v>6</v>
      </c>
    </row>
    <row r="181" spans="1:69" ht="15" thickBot="1" x14ac:dyDescent="0.2">
      <c r="A181" s="58"/>
      <c r="B181" s="31" t="s">
        <v>32</v>
      </c>
      <c r="C181" s="79"/>
      <c r="D181" s="45">
        <v>6916</v>
      </c>
      <c r="E181" s="46">
        <v>68</v>
      </c>
      <c r="F181" s="47">
        <v>6984</v>
      </c>
      <c r="G181" s="48">
        <v>114</v>
      </c>
      <c r="H181" s="47">
        <v>1</v>
      </c>
      <c r="I181" s="47">
        <v>115</v>
      </c>
      <c r="J181" s="48">
        <v>166</v>
      </c>
      <c r="K181" s="47">
        <v>0</v>
      </c>
      <c r="L181" s="47">
        <v>166</v>
      </c>
      <c r="M181" s="74">
        <v>181</v>
      </c>
      <c r="N181" s="73">
        <v>1</v>
      </c>
      <c r="O181" s="73">
        <v>182</v>
      </c>
      <c r="P181" s="48">
        <v>217</v>
      </c>
      <c r="Q181" s="47">
        <v>4</v>
      </c>
      <c r="R181" s="47">
        <v>221</v>
      </c>
      <c r="S181" s="48">
        <v>214</v>
      </c>
      <c r="T181" s="47">
        <v>2</v>
      </c>
      <c r="U181" s="47">
        <v>216</v>
      </c>
      <c r="V181" s="48">
        <v>211</v>
      </c>
      <c r="W181" s="47">
        <v>3</v>
      </c>
      <c r="X181" s="47">
        <v>214</v>
      </c>
      <c r="Y181" s="48">
        <v>215</v>
      </c>
      <c r="Z181" s="47">
        <v>4</v>
      </c>
      <c r="AA181" s="47">
        <v>219</v>
      </c>
      <c r="AB181" s="48">
        <v>248</v>
      </c>
      <c r="AC181" s="47">
        <v>3</v>
      </c>
      <c r="AD181" s="47">
        <v>251</v>
      </c>
      <c r="AE181" s="48">
        <v>280</v>
      </c>
      <c r="AF181" s="47">
        <v>9</v>
      </c>
      <c r="AG181" s="47">
        <v>289</v>
      </c>
      <c r="AH181" s="48">
        <v>426</v>
      </c>
      <c r="AI181" s="47">
        <v>4</v>
      </c>
      <c r="AJ181" s="47">
        <v>430</v>
      </c>
      <c r="AK181" s="48">
        <v>507</v>
      </c>
      <c r="AL181" s="47">
        <v>10</v>
      </c>
      <c r="AM181" s="47">
        <v>517</v>
      </c>
      <c r="AN181" s="48">
        <v>561</v>
      </c>
      <c r="AO181" s="47">
        <v>6</v>
      </c>
      <c r="AP181" s="47">
        <v>567</v>
      </c>
      <c r="AQ181" s="48">
        <v>560</v>
      </c>
      <c r="AR181" s="47">
        <v>4</v>
      </c>
      <c r="AS181" s="47">
        <v>564</v>
      </c>
      <c r="AT181" s="48">
        <v>618</v>
      </c>
      <c r="AU181" s="47">
        <v>3</v>
      </c>
      <c r="AV181" s="47">
        <v>621</v>
      </c>
      <c r="AW181" s="48">
        <v>771</v>
      </c>
      <c r="AX181" s="47">
        <v>7</v>
      </c>
      <c r="AY181" s="47">
        <v>778</v>
      </c>
      <c r="AZ181" s="48">
        <v>615</v>
      </c>
      <c r="BA181" s="47">
        <v>3</v>
      </c>
      <c r="BB181" s="47">
        <v>618</v>
      </c>
      <c r="BC181" s="48">
        <v>491</v>
      </c>
      <c r="BD181" s="47">
        <v>2</v>
      </c>
      <c r="BE181" s="47">
        <v>493</v>
      </c>
      <c r="BF181" s="48">
        <v>324</v>
      </c>
      <c r="BG181" s="47">
        <v>1</v>
      </c>
      <c r="BH181" s="47">
        <v>325</v>
      </c>
      <c r="BI181" s="48">
        <v>149</v>
      </c>
      <c r="BJ181" s="47">
        <v>1</v>
      </c>
      <c r="BK181" s="47">
        <v>150</v>
      </c>
      <c r="BL181" s="48">
        <v>42</v>
      </c>
      <c r="BM181" s="47">
        <v>0</v>
      </c>
      <c r="BN181" s="47">
        <v>42</v>
      </c>
      <c r="BO181" s="48">
        <v>6</v>
      </c>
      <c r="BP181" s="47">
        <v>0</v>
      </c>
      <c r="BQ181" s="49">
        <v>6</v>
      </c>
    </row>
    <row r="182" spans="1:69" x14ac:dyDescent="0.15">
      <c r="A182" s="19"/>
      <c r="B182" s="20" t="s">
        <v>29</v>
      </c>
      <c r="C182" s="77">
        <v>143847</v>
      </c>
      <c r="D182" s="36">
        <v>11256</v>
      </c>
      <c r="E182" s="37">
        <v>128</v>
      </c>
      <c r="F182" s="38">
        <v>11384</v>
      </c>
      <c r="G182" s="51">
        <v>219</v>
      </c>
      <c r="H182" s="51">
        <v>4</v>
      </c>
      <c r="I182" s="38">
        <v>223</v>
      </c>
      <c r="J182" s="51">
        <v>297</v>
      </c>
      <c r="K182" s="51">
        <v>3</v>
      </c>
      <c r="L182" s="38">
        <v>300</v>
      </c>
      <c r="M182" s="75">
        <v>386</v>
      </c>
      <c r="N182" s="75">
        <v>5</v>
      </c>
      <c r="O182" s="70">
        <v>391</v>
      </c>
      <c r="P182" s="51">
        <v>466</v>
      </c>
      <c r="Q182" s="51">
        <v>1</v>
      </c>
      <c r="R182" s="38">
        <v>467</v>
      </c>
      <c r="S182" s="51">
        <v>488</v>
      </c>
      <c r="T182" s="51">
        <v>9</v>
      </c>
      <c r="U182" s="38">
        <v>497</v>
      </c>
      <c r="V182" s="51">
        <v>386</v>
      </c>
      <c r="W182" s="51">
        <v>21</v>
      </c>
      <c r="X182" s="38">
        <v>407</v>
      </c>
      <c r="Y182" s="51">
        <v>381</v>
      </c>
      <c r="Z182" s="51">
        <v>9</v>
      </c>
      <c r="AA182" s="38">
        <v>390</v>
      </c>
      <c r="AB182" s="51">
        <v>413</v>
      </c>
      <c r="AC182" s="51">
        <v>12</v>
      </c>
      <c r="AD182" s="38">
        <v>425</v>
      </c>
      <c r="AE182" s="51">
        <v>544</v>
      </c>
      <c r="AF182" s="51">
        <v>9</v>
      </c>
      <c r="AG182" s="38">
        <v>553</v>
      </c>
      <c r="AH182" s="51">
        <v>857</v>
      </c>
      <c r="AI182" s="51">
        <v>4</v>
      </c>
      <c r="AJ182" s="38">
        <v>861</v>
      </c>
      <c r="AK182" s="51">
        <v>876</v>
      </c>
      <c r="AL182" s="51">
        <v>14</v>
      </c>
      <c r="AM182" s="38">
        <v>890</v>
      </c>
      <c r="AN182" s="51">
        <v>886</v>
      </c>
      <c r="AO182" s="51">
        <v>5</v>
      </c>
      <c r="AP182" s="38">
        <v>891</v>
      </c>
      <c r="AQ182" s="51">
        <v>834</v>
      </c>
      <c r="AR182" s="51">
        <v>3</v>
      </c>
      <c r="AS182" s="38">
        <v>837</v>
      </c>
      <c r="AT182" s="51">
        <v>893</v>
      </c>
      <c r="AU182" s="51">
        <v>12</v>
      </c>
      <c r="AV182" s="38">
        <v>905</v>
      </c>
      <c r="AW182" s="51">
        <v>1191</v>
      </c>
      <c r="AX182" s="51">
        <v>11</v>
      </c>
      <c r="AY182" s="38">
        <v>1202</v>
      </c>
      <c r="AZ182" s="51">
        <v>909</v>
      </c>
      <c r="BA182" s="51">
        <v>4</v>
      </c>
      <c r="BB182" s="38">
        <v>913</v>
      </c>
      <c r="BC182" s="51">
        <v>680</v>
      </c>
      <c r="BD182" s="51">
        <v>0</v>
      </c>
      <c r="BE182" s="38">
        <v>680</v>
      </c>
      <c r="BF182" s="51">
        <v>378</v>
      </c>
      <c r="BG182" s="51">
        <v>1</v>
      </c>
      <c r="BH182" s="38">
        <v>379</v>
      </c>
      <c r="BI182" s="51">
        <v>131</v>
      </c>
      <c r="BJ182" s="51">
        <v>1</v>
      </c>
      <c r="BK182" s="38">
        <v>132</v>
      </c>
      <c r="BL182" s="51">
        <v>39</v>
      </c>
      <c r="BM182" s="51">
        <v>0</v>
      </c>
      <c r="BN182" s="38">
        <v>39</v>
      </c>
      <c r="BO182" s="51">
        <v>2</v>
      </c>
      <c r="BP182" s="51">
        <v>0</v>
      </c>
      <c r="BQ182" s="40">
        <v>2</v>
      </c>
    </row>
    <row r="183" spans="1:69" x14ac:dyDescent="0.15">
      <c r="A183" s="19" t="s">
        <v>89</v>
      </c>
      <c r="B183" s="25" t="s">
        <v>31</v>
      </c>
      <c r="C183" s="78"/>
      <c r="D183" s="41">
        <v>12548</v>
      </c>
      <c r="E183" s="39">
        <v>219</v>
      </c>
      <c r="F183" s="42">
        <v>12767</v>
      </c>
      <c r="G183" s="51">
        <v>179</v>
      </c>
      <c r="H183" s="51">
        <v>2</v>
      </c>
      <c r="I183" s="42">
        <v>181</v>
      </c>
      <c r="J183" s="51">
        <v>251</v>
      </c>
      <c r="K183" s="51">
        <v>2</v>
      </c>
      <c r="L183" s="42">
        <v>253</v>
      </c>
      <c r="M183" s="75">
        <v>394</v>
      </c>
      <c r="N183" s="75">
        <v>5</v>
      </c>
      <c r="O183" s="72">
        <v>399</v>
      </c>
      <c r="P183" s="51">
        <v>407</v>
      </c>
      <c r="Q183" s="51">
        <v>3</v>
      </c>
      <c r="R183" s="42">
        <v>410</v>
      </c>
      <c r="S183" s="51">
        <v>493</v>
      </c>
      <c r="T183" s="51">
        <v>20</v>
      </c>
      <c r="U183" s="42">
        <v>513</v>
      </c>
      <c r="V183" s="51">
        <v>351</v>
      </c>
      <c r="W183" s="51">
        <v>38</v>
      </c>
      <c r="X183" s="42">
        <v>389</v>
      </c>
      <c r="Y183" s="51">
        <v>351</v>
      </c>
      <c r="Z183" s="51">
        <v>17</v>
      </c>
      <c r="AA183" s="42">
        <v>368</v>
      </c>
      <c r="AB183" s="51">
        <v>416</v>
      </c>
      <c r="AC183" s="51">
        <v>12</v>
      </c>
      <c r="AD183" s="42">
        <v>428</v>
      </c>
      <c r="AE183" s="51">
        <v>536</v>
      </c>
      <c r="AF183" s="51">
        <v>20</v>
      </c>
      <c r="AG183" s="42">
        <v>556</v>
      </c>
      <c r="AH183" s="51">
        <v>724</v>
      </c>
      <c r="AI183" s="51">
        <v>23</v>
      </c>
      <c r="AJ183" s="42">
        <v>747</v>
      </c>
      <c r="AK183" s="51">
        <v>928</v>
      </c>
      <c r="AL183" s="51">
        <v>21</v>
      </c>
      <c r="AM183" s="42">
        <v>949</v>
      </c>
      <c r="AN183" s="51">
        <v>811</v>
      </c>
      <c r="AO183" s="51">
        <v>19</v>
      </c>
      <c r="AP183" s="42">
        <v>830</v>
      </c>
      <c r="AQ183" s="51">
        <v>810</v>
      </c>
      <c r="AR183" s="51">
        <v>12</v>
      </c>
      <c r="AS183" s="42">
        <v>822</v>
      </c>
      <c r="AT183" s="51">
        <v>1008</v>
      </c>
      <c r="AU183" s="51">
        <v>12</v>
      </c>
      <c r="AV183" s="42">
        <v>1020</v>
      </c>
      <c r="AW183" s="51">
        <v>1400</v>
      </c>
      <c r="AX183" s="51">
        <v>2</v>
      </c>
      <c r="AY183" s="42">
        <v>1402</v>
      </c>
      <c r="AZ183" s="51">
        <v>1223</v>
      </c>
      <c r="BA183" s="51">
        <v>3</v>
      </c>
      <c r="BB183" s="42">
        <v>1226</v>
      </c>
      <c r="BC183" s="51">
        <v>1049</v>
      </c>
      <c r="BD183" s="51">
        <v>6</v>
      </c>
      <c r="BE183" s="42">
        <v>1055</v>
      </c>
      <c r="BF183" s="51">
        <v>704</v>
      </c>
      <c r="BG183" s="51">
        <v>0</v>
      </c>
      <c r="BH183" s="42">
        <v>704</v>
      </c>
      <c r="BI183" s="51">
        <v>374</v>
      </c>
      <c r="BJ183" s="51">
        <v>2</v>
      </c>
      <c r="BK183" s="42">
        <v>376</v>
      </c>
      <c r="BL183" s="51">
        <v>123</v>
      </c>
      <c r="BM183" s="51">
        <v>0</v>
      </c>
      <c r="BN183" s="42">
        <v>123</v>
      </c>
      <c r="BO183" s="51">
        <v>16</v>
      </c>
      <c r="BP183" s="51">
        <v>0</v>
      </c>
      <c r="BQ183" s="43">
        <v>16</v>
      </c>
    </row>
    <row r="184" spans="1:69" ht="15" thickBot="1" x14ac:dyDescent="0.2">
      <c r="A184" s="58"/>
      <c r="B184" s="31" t="s">
        <v>32</v>
      </c>
      <c r="C184" s="79"/>
      <c r="D184" s="45">
        <v>23804</v>
      </c>
      <c r="E184" s="46">
        <v>347</v>
      </c>
      <c r="F184" s="47">
        <v>24151</v>
      </c>
      <c r="G184" s="48">
        <v>398</v>
      </c>
      <c r="H184" s="47">
        <v>6</v>
      </c>
      <c r="I184" s="47">
        <v>404</v>
      </c>
      <c r="J184" s="48">
        <v>548</v>
      </c>
      <c r="K184" s="47">
        <v>5</v>
      </c>
      <c r="L184" s="47">
        <v>553</v>
      </c>
      <c r="M184" s="74">
        <v>780</v>
      </c>
      <c r="N184" s="73">
        <v>10</v>
      </c>
      <c r="O184" s="73">
        <v>790</v>
      </c>
      <c r="P184" s="48">
        <v>873</v>
      </c>
      <c r="Q184" s="47">
        <v>4</v>
      </c>
      <c r="R184" s="47">
        <v>877</v>
      </c>
      <c r="S184" s="48">
        <v>981</v>
      </c>
      <c r="T184" s="47">
        <v>29</v>
      </c>
      <c r="U184" s="47">
        <v>1010</v>
      </c>
      <c r="V184" s="48">
        <v>737</v>
      </c>
      <c r="W184" s="47">
        <v>59</v>
      </c>
      <c r="X184" s="47">
        <v>796</v>
      </c>
      <c r="Y184" s="48">
        <v>732</v>
      </c>
      <c r="Z184" s="47">
        <v>26</v>
      </c>
      <c r="AA184" s="47">
        <v>758</v>
      </c>
      <c r="AB184" s="48">
        <v>829</v>
      </c>
      <c r="AC184" s="47">
        <v>24</v>
      </c>
      <c r="AD184" s="47">
        <v>853</v>
      </c>
      <c r="AE184" s="48">
        <v>1080</v>
      </c>
      <c r="AF184" s="47">
        <v>29</v>
      </c>
      <c r="AG184" s="47">
        <v>1109</v>
      </c>
      <c r="AH184" s="48">
        <v>1581</v>
      </c>
      <c r="AI184" s="47">
        <v>27</v>
      </c>
      <c r="AJ184" s="47">
        <v>1608</v>
      </c>
      <c r="AK184" s="48">
        <v>1804</v>
      </c>
      <c r="AL184" s="47">
        <v>35</v>
      </c>
      <c r="AM184" s="47">
        <v>1839</v>
      </c>
      <c r="AN184" s="48">
        <v>1697</v>
      </c>
      <c r="AO184" s="47">
        <v>24</v>
      </c>
      <c r="AP184" s="47">
        <v>1721</v>
      </c>
      <c r="AQ184" s="48">
        <v>1644</v>
      </c>
      <c r="AR184" s="47">
        <v>15</v>
      </c>
      <c r="AS184" s="47">
        <v>1659</v>
      </c>
      <c r="AT184" s="48">
        <v>1901</v>
      </c>
      <c r="AU184" s="47">
        <v>24</v>
      </c>
      <c r="AV184" s="47">
        <v>1925</v>
      </c>
      <c r="AW184" s="48">
        <v>2591</v>
      </c>
      <c r="AX184" s="47">
        <v>13</v>
      </c>
      <c r="AY184" s="47">
        <v>2604</v>
      </c>
      <c r="AZ184" s="48">
        <v>2132</v>
      </c>
      <c r="BA184" s="47">
        <v>7</v>
      </c>
      <c r="BB184" s="47">
        <v>2139</v>
      </c>
      <c r="BC184" s="48">
        <v>1729</v>
      </c>
      <c r="BD184" s="47">
        <v>6</v>
      </c>
      <c r="BE184" s="47">
        <v>1735</v>
      </c>
      <c r="BF184" s="48">
        <v>1082</v>
      </c>
      <c r="BG184" s="47">
        <v>1</v>
      </c>
      <c r="BH184" s="47">
        <v>1083</v>
      </c>
      <c r="BI184" s="48">
        <v>505</v>
      </c>
      <c r="BJ184" s="47">
        <v>3</v>
      </c>
      <c r="BK184" s="47">
        <v>508</v>
      </c>
      <c r="BL184" s="48">
        <v>162</v>
      </c>
      <c r="BM184" s="47">
        <v>0</v>
      </c>
      <c r="BN184" s="47">
        <v>162</v>
      </c>
      <c r="BO184" s="48">
        <v>18</v>
      </c>
      <c r="BP184" s="47">
        <v>0</v>
      </c>
      <c r="BQ184" s="49">
        <v>18</v>
      </c>
    </row>
    <row r="185" spans="1:69" x14ac:dyDescent="0.15">
      <c r="A185" s="19"/>
      <c r="B185" s="20" t="s">
        <v>29</v>
      </c>
      <c r="C185" s="77">
        <v>144011</v>
      </c>
      <c r="D185" s="36">
        <v>19144</v>
      </c>
      <c r="E185" s="37">
        <v>1616</v>
      </c>
      <c r="F185" s="38">
        <v>20760</v>
      </c>
      <c r="G185" s="51">
        <v>502</v>
      </c>
      <c r="H185" s="51">
        <v>57</v>
      </c>
      <c r="I185" s="38">
        <v>559</v>
      </c>
      <c r="J185" s="51">
        <v>650</v>
      </c>
      <c r="K185" s="51">
        <v>68</v>
      </c>
      <c r="L185" s="38">
        <v>718</v>
      </c>
      <c r="M185" s="75">
        <v>775</v>
      </c>
      <c r="N185" s="75">
        <v>72</v>
      </c>
      <c r="O185" s="70">
        <v>847</v>
      </c>
      <c r="P185" s="51">
        <v>874</v>
      </c>
      <c r="Q185" s="51">
        <v>75</v>
      </c>
      <c r="R185" s="38">
        <v>949</v>
      </c>
      <c r="S185" s="51">
        <v>992</v>
      </c>
      <c r="T185" s="51">
        <v>183</v>
      </c>
      <c r="U185" s="38">
        <v>1175</v>
      </c>
      <c r="V185" s="51">
        <v>835</v>
      </c>
      <c r="W185" s="51">
        <v>260</v>
      </c>
      <c r="X185" s="38">
        <v>1095</v>
      </c>
      <c r="Y185" s="51">
        <v>847</v>
      </c>
      <c r="Z185" s="51">
        <v>200</v>
      </c>
      <c r="AA185" s="38">
        <v>1047</v>
      </c>
      <c r="AB185" s="51">
        <v>973</v>
      </c>
      <c r="AC185" s="51">
        <v>132</v>
      </c>
      <c r="AD185" s="38">
        <v>1105</v>
      </c>
      <c r="AE185" s="51">
        <v>1210</v>
      </c>
      <c r="AF185" s="51">
        <v>127</v>
      </c>
      <c r="AG185" s="38">
        <v>1337</v>
      </c>
      <c r="AH185" s="51">
        <v>1632</v>
      </c>
      <c r="AI185" s="51">
        <v>109</v>
      </c>
      <c r="AJ185" s="38">
        <v>1741</v>
      </c>
      <c r="AK185" s="51">
        <v>1658</v>
      </c>
      <c r="AL185" s="51">
        <v>127</v>
      </c>
      <c r="AM185" s="38">
        <v>1785</v>
      </c>
      <c r="AN185" s="51">
        <v>1273</v>
      </c>
      <c r="AO185" s="51">
        <v>83</v>
      </c>
      <c r="AP185" s="38">
        <v>1356</v>
      </c>
      <c r="AQ185" s="51">
        <v>1191</v>
      </c>
      <c r="AR185" s="51">
        <v>63</v>
      </c>
      <c r="AS185" s="38">
        <v>1254</v>
      </c>
      <c r="AT185" s="51">
        <v>1444</v>
      </c>
      <c r="AU185" s="51">
        <v>33</v>
      </c>
      <c r="AV185" s="38">
        <v>1477</v>
      </c>
      <c r="AW185" s="51">
        <v>1792</v>
      </c>
      <c r="AX185" s="51">
        <v>14</v>
      </c>
      <c r="AY185" s="38">
        <v>1806</v>
      </c>
      <c r="AZ185" s="51">
        <v>1159</v>
      </c>
      <c r="BA185" s="51">
        <v>10</v>
      </c>
      <c r="BB185" s="38">
        <v>1169</v>
      </c>
      <c r="BC185" s="51">
        <v>819</v>
      </c>
      <c r="BD185" s="51">
        <v>3</v>
      </c>
      <c r="BE185" s="38">
        <v>822</v>
      </c>
      <c r="BF185" s="51">
        <v>387</v>
      </c>
      <c r="BG185" s="51">
        <v>0</v>
      </c>
      <c r="BH185" s="38">
        <v>387</v>
      </c>
      <c r="BI185" s="51">
        <v>110</v>
      </c>
      <c r="BJ185" s="51">
        <v>0</v>
      </c>
      <c r="BK185" s="38">
        <v>110</v>
      </c>
      <c r="BL185" s="51">
        <v>21</v>
      </c>
      <c r="BM185" s="51">
        <v>0</v>
      </c>
      <c r="BN185" s="38">
        <v>21</v>
      </c>
      <c r="BO185" s="51">
        <v>0</v>
      </c>
      <c r="BP185" s="51">
        <v>0</v>
      </c>
      <c r="BQ185" s="40">
        <v>0</v>
      </c>
    </row>
    <row r="186" spans="1:69" x14ac:dyDescent="0.15">
      <c r="A186" s="19" t="s">
        <v>90</v>
      </c>
      <c r="B186" s="25" t="s">
        <v>31</v>
      </c>
      <c r="C186" s="78"/>
      <c r="D186" s="41">
        <v>17576</v>
      </c>
      <c r="E186" s="39">
        <v>1354</v>
      </c>
      <c r="F186" s="42">
        <v>18930</v>
      </c>
      <c r="G186" s="51">
        <v>436</v>
      </c>
      <c r="H186" s="51">
        <v>62</v>
      </c>
      <c r="I186" s="42">
        <v>498</v>
      </c>
      <c r="J186" s="51">
        <v>585</v>
      </c>
      <c r="K186" s="51">
        <v>74</v>
      </c>
      <c r="L186" s="42">
        <v>659</v>
      </c>
      <c r="M186" s="75">
        <v>736</v>
      </c>
      <c r="N186" s="75">
        <v>59</v>
      </c>
      <c r="O186" s="72">
        <v>795</v>
      </c>
      <c r="P186" s="51">
        <v>773</v>
      </c>
      <c r="Q186" s="51">
        <v>55</v>
      </c>
      <c r="R186" s="42">
        <v>828</v>
      </c>
      <c r="S186" s="51">
        <v>799</v>
      </c>
      <c r="T186" s="51">
        <v>155</v>
      </c>
      <c r="U186" s="42">
        <v>954</v>
      </c>
      <c r="V186" s="51">
        <v>636</v>
      </c>
      <c r="W186" s="51">
        <v>138</v>
      </c>
      <c r="X186" s="42">
        <v>774</v>
      </c>
      <c r="Y186" s="51">
        <v>647</v>
      </c>
      <c r="Z186" s="51">
        <v>102</v>
      </c>
      <c r="AA186" s="42">
        <v>749</v>
      </c>
      <c r="AB186" s="51">
        <v>782</v>
      </c>
      <c r="AC186" s="51">
        <v>107</v>
      </c>
      <c r="AD186" s="42">
        <v>889</v>
      </c>
      <c r="AE186" s="51">
        <v>1053</v>
      </c>
      <c r="AF186" s="51">
        <v>104</v>
      </c>
      <c r="AG186" s="42">
        <v>1157</v>
      </c>
      <c r="AH186" s="51">
        <v>1276</v>
      </c>
      <c r="AI186" s="51">
        <v>113</v>
      </c>
      <c r="AJ186" s="42">
        <v>1389</v>
      </c>
      <c r="AK186" s="51">
        <v>1293</v>
      </c>
      <c r="AL186" s="51">
        <v>135</v>
      </c>
      <c r="AM186" s="42">
        <v>1428</v>
      </c>
      <c r="AN186" s="51">
        <v>1092</v>
      </c>
      <c r="AO186" s="51">
        <v>105</v>
      </c>
      <c r="AP186" s="42">
        <v>1197</v>
      </c>
      <c r="AQ186" s="51">
        <v>1077</v>
      </c>
      <c r="AR186" s="51">
        <v>57</v>
      </c>
      <c r="AS186" s="42">
        <v>1134</v>
      </c>
      <c r="AT186" s="51">
        <v>1396</v>
      </c>
      <c r="AU186" s="51">
        <v>43</v>
      </c>
      <c r="AV186" s="42">
        <v>1439</v>
      </c>
      <c r="AW186" s="51">
        <v>1831</v>
      </c>
      <c r="AX186" s="51">
        <v>25</v>
      </c>
      <c r="AY186" s="42">
        <v>1856</v>
      </c>
      <c r="AZ186" s="51">
        <v>1241</v>
      </c>
      <c r="BA186" s="51">
        <v>10</v>
      </c>
      <c r="BB186" s="42">
        <v>1251</v>
      </c>
      <c r="BC186" s="51">
        <v>1021</v>
      </c>
      <c r="BD186" s="51">
        <v>6</v>
      </c>
      <c r="BE186" s="42">
        <v>1027</v>
      </c>
      <c r="BF186" s="51">
        <v>533</v>
      </c>
      <c r="BG186" s="51">
        <v>4</v>
      </c>
      <c r="BH186" s="42">
        <v>537</v>
      </c>
      <c r="BI186" s="51">
        <v>258</v>
      </c>
      <c r="BJ186" s="51">
        <v>0</v>
      </c>
      <c r="BK186" s="42">
        <v>258</v>
      </c>
      <c r="BL186" s="51">
        <v>100</v>
      </c>
      <c r="BM186" s="51">
        <v>0</v>
      </c>
      <c r="BN186" s="42">
        <v>100</v>
      </c>
      <c r="BO186" s="51">
        <v>11</v>
      </c>
      <c r="BP186" s="51">
        <v>0</v>
      </c>
      <c r="BQ186" s="43">
        <v>11</v>
      </c>
    </row>
    <row r="187" spans="1:69" ht="15" thickBot="1" x14ac:dyDescent="0.2">
      <c r="A187" s="58"/>
      <c r="B187" s="31" t="s">
        <v>32</v>
      </c>
      <c r="C187" s="79"/>
      <c r="D187" s="45">
        <v>36720</v>
      </c>
      <c r="E187" s="46">
        <v>2970</v>
      </c>
      <c r="F187" s="47">
        <v>39690</v>
      </c>
      <c r="G187" s="48">
        <v>938</v>
      </c>
      <c r="H187" s="47">
        <v>119</v>
      </c>
      <c r="I187" s="47">
        <v>1057</v>
      </c>
      <c r="J187" s="48">
        <v>1235</v>
      </c>
      <c r="K187" s="47">
        <v>142</v>
      </c>
      <c r="L187" s="47">
        <v>1377</v>
      </c>
      <c r="M187" s="74">
        <v>1511</v>
      </c>
      <c r="N187" s="73">
        <v>131</v>
      </c>
      <c r="O187" s="73">
        <v>1642</v>
      </c>
      <c r="P187" s="48">
        <v>1647</v>
      </c>
      <c r="Q187" s="47">
        <v>130</v>
      </c>
      <c r="R187" s="47">
        <v>1777</v>
      </c>
      <c r="S187" s="48">
        <v>1791</v>
      </c>
      <c r="T187" s="47">
        <v>338</v>
      </c>
      <c r="U187" s="47">
        <v>2129</v>
      </c>
      <c r="V187" s="48">
        <v>1471</v>
      </c>
      <c r="W187" s="47">
        <v>398</v>
      </c>
      <c r="X187" s="47">
        <v>1869</v>
      </c>
      <c r="Y187" s="48">
        <v>1494</v>
      </c>
      <c r="Z187" s="47">
        <v>302</v>
      </c>
      <c r="AA187" s="47">
        <v>1796</v>
      </c>
      <c r="AB187" s="48">
        <v>1755</v>
      </c>
      <c r="AC187" s="47">
        <v>239</v>
      </c>
      <c r="AD187" s="47">
        <v>1994</v>
      </c>
      <c r="AE187" s="48">
        <v>2263</v>
      </c>
      <c r="AF187" s="47">
        <v>231</v>
      </c>
      <c r="AG187" s="47">
        <v>2494</v>
      </c>
      <c r="AH187" s="48">
        <v>2908</v>
      </c>
      <c r="AI187" s="47">
        <v>222</v>
      </c>
      <c r="AJ187" s="47">
        <v>3130</v>
      </c>
      <c r="AK187" s="48">
        <v>2951</v>
      </c>
      <c r="AL187" s="47">
        <v>262</v>
      </c>
      <c r="AM187" s="47">
        <v>3213</v>
      </c>
      <c r="AN187" s="48">
        <v>2365</v>
      </c>
      <c r="AO187" s="47">
        <v>188</v>
      </c>
      <c r="AP187" s="47">
        <v>2553</v>
      </c>
      <c r="AQ187" s="48">
        <v>2268</v>
      </c>
      <c r="AR187" s="47">
        <v>120</v>
      </c>
      <c r="AS187" s="47">
        <v>2388</v>
      </c>
      <c r="AT187" s="48">
        <v>2840</v>
      </c>
      <c r="AU187" s="47">
        <v>76</v>
      </c>
      <c r="AV187" s="47">
        <v>2916</v>
      </c>
      <c r="AW187" s="48">
        <v>3623</v>
      </c>
      <c r="AX187" s="47">
        <v>39</v>
      </c>
      <c r="AY187" s="47">
        <v>3662</v>
      </c>
      <c r="AZ187" s="48">
        <v>2400</v>
      </c>
      <c r="BA187" s="47">
        <v>20</v>
      </c>
      <c r="BB187" s="47">
        <v>2420</v>
      </c>
      <c r="BC187" s="48">
        <v>1840</v>
      </c>
      <c r="BD187" s="47">
        <v>9</v>
      </c>
      <c r="BE187" s="47">
        <v>1849</v>
      </c>
      <c r="BF187" s="48">
        <v>920</v>
      </c>
      <c r="BG187" s="47">
        <v>4</v>
      </c>
      <c r="BH187" s="47">
        <v>924</v>
      </c>
      <c r="BI187" s="48">
        <v>368</v>
      </c>
      <c r="BJ187" s="47">
        <v>0</v>
      </c>
      <c r="BK187" s="47">
        <v>368</v>
      </c>
      <c r="BL187" s="48">
        <v>121</v>
      </c>
      <c r="BM187" s="47">
        <v>0</v>
      </c>
      <c r="BN187" s="47">
        <v>121</v>
      </c>
      <c r="BO187" s="48">
        <v>11</v>
      </c>
      <c r="BP187" s="47">
        <v>0</v>
      </c>
      <c r="BQ187" s="49">
        <v>11</v>
      </c>
    </row>
    <row r="188" spans="1:69" x14ac:dyDescent="0.15">
      <c r="A188" s="19"/>
      <c r="B188" s="20" t="s">
        <v>29</v>
      </c>
      <c r="C188" s="77">
        <v>144029</v>
      </c>
      <c r="D188" s="36">
        <v>1437</v>
      </c>
      <c r="E188" s="37">
        <v>22</v>
      </c>
      <c r="F188" s="38">
        <v>1459</v>
      </c>
      <c r="G188" s="51">
        <v>40</v>
      </c>
      <c r="H188" s="63" t="s">
        <v>94</v>
      </c>
      <c r="I188" s="38">
        <v>40</v>
      </c>
      <c r="J188" s="51">
        <v>42</v>
      </c>
      <c r="K188" s="63" t="s">
        <v>94</v>
      </c>
      <c r="L188" s="38">
        <v>42</v>
      </c>
      <c r="M188" s="75">
        <v>57</v>
      </c>
      <c r="N188" s="63" t="s">
        <v>95</v>
      </c>
      <c r="O188" s="70">
        <v>57</v>
      </c>
      <c r="P188" s="51">
        <v>65</v>
      </c>
      <c r="Q188" s="63" t="s">
        <v>94</v>
      </c>
      <c r="R188" s="38">
        <v>65</v>
      </c>
      <c r="S188" s="51">
        <v>54</v>
      </c>
      <c r="T188" s="63" t="s">
        <v>94</v>
      </c>
      <c r="U188" s="38">
        <v>54</v>
      </c>
      <c r="V188" s="51">
        <v>38</v>
      </c>
      <c r="W188" s="63" t="s">
        <v>94</v>
      </c>
      <c r="X188" s="38">
        <v>38</v>
      </c>
      <c r="Y188" s="51">
        <v>56</v>
      </c>
      <c r="Z188" s="63" t="s">
        <v>94</v>
      </c>
      <c r="AA188" s="38">
        <v>56</v>
      </c>
      <c r="AB188" s="51">
        <v>81</v>
      </c>
      <c r="AC188" s="63" t="s">
        <v>94</v>
      </c>
      <c r="AD188" s="38">
        <v>81</v>
      </c>
      <c r="AE188" s="51">
        <v>84</v>
      </c>
      <c r="AF188" s="63" t="s">
        <v>94</v>
      </c>
      <c r="AG188" s="38">
        <v>84</v>
      </c>
      <c r="AH188" s="51">
        <v>114</v>
      </c>
      <c r="AI188" s="63" t="s">
        <v>94</v>
      </c>
      <c r="AJ188" s="38">
        <v>114</v>
      </c>
      <c r="AK188" s="51">
        <v>126</v>
      </c>
      <c r="AL188" s="63" t="s">
        <v>94</v>
      </c>
      <c r="AM188" s="38">
        <v>126</v>
      </c>
      <c r="AN188" s="51">
        <v>76</v>
      </c>
      <c r="AO188" s="63" t="s">
        <v>94</v>
      </c>
      <c r="AP188" s="38">
        <v>76</v>
      </c>
      <c r="AQ188" s="51">
        <v>88</v>
      </c>
      <c r="AR188" s="63" t="s">
        <v>94</v>
      </c>
      <c r="AS188" s="38">
        <v>88</v>
      </c>
      <c r="AT188" s="51">
        <v>156</v>
      </c>
      <c r="AU188" s="63" t="s">
        <v>94</v>
      </c>
      <c r="AV188" s="38">
        <v>156</v>
      </c>
      <c r="AW188" s="51">
        <v>148</v>
      </c>
      <c r="AX188" s="63" t="s">
        <v>94</v>
      </c>
      <c r="AY188" s="38">
        <v>148</v>
      </c>
      <c r="AZ188" s="51">
        <v>102</v>
      </c>
      <c r="BA188" s="63" t="s">
        <v>94</v>
      </c>
      <c r="BB188" s="38">
        <v>102</v>
      </c>
      <c r="BC188" s="51">
        <v>59</v>
      </c>
      <c r="BD188" s="63" t="s">
        <v>94</v>
      </c>
      <c r="BE188" s="38">
        <v>59</v>
      </c>
      <c r="BF188" s="51">
        <v>31</v>
      </c>
      <c r="BG188" s="63" t="s">
        <v>94</v>
      </c>
      <c r="BH188" s="38">
        <v>31</v>
      </c>
      <c r="BI188" s="51">
        <v>16</v>
      </c>
      <c r="BJ188" s="63" t="s">
        <v>94</v>
      </c>
      <c r="BK188" s="38">
        <v>16</v>
      </c>
      <c r="BL188" s="51">
        <v>4</v>
      </c>
      <c r="BM188" s="63" t="s">
        <v>94</v>
      </c>
      <c r="BN188" s="38">
        <v>4</v>
      </c>
      <c r="BO188" s="51">
        <v>0</v>
      </c>
      <c r="BP188" s="63" t="s">
        <v>94</v>
      </c>
      <c r="BQ188" s="40">
        <v>0</v>
      </c>
    </row>
    <row r="189" spans="1:69" x14ac:dyDescent="0.15">
      <c r="A189" s="19" t="s">
        <v>91</v>
      </c>
      <c r="B189" s="25" t="s">
        <v>31</v>
      </c>
      <c r="C189" s="78"/>
      <c r="D189" s="26">
        <v>1378</v>
      </c>
      <c r="E189" s="28">
        <v>23</v>
      </c>
      <c r="F189" s="42">
        <v>1401</v>
      </c>
      <c r="G189" s="51">
        <v>38</v>
      </c>
      <c r="H189" s="63" t="s">
        <v>94</v>
      </c>
      <c r="I189" s="42">
        <v>38</v>
      </c>
      <c r="J189" s="51">
        <v>52</v>
      </c>
      <c r="K189" s="63" t="s">
        <v>94</v>
      </c>
      <c r="L189" s="42">
        <v>52</v>
      </c>
      <c r="M189" s="75">
        <v>59</v>
      </c>
      <c r="N189" s="63" t="s">
        <v>96</v>
      </c>
      <c r="O189" s="72">
        <v>59</v>
      </c>
      <c r="P189" s="51">
        <v>51</v>
      </c>
      <c r="Q189" s="63" t="s">
        <v>94</v>
      </c>
      <c r="R189" s="42">
        <v>51</v>
      </c>
      <c r="S189" s="51">
        <v>37</v>
      </c>
      <c r="T189" s="63" t="s">
        <v>94</v>
      </c>
      <c r="U189" s="42">
        <v>37</v>
      </c>
      <c r="V189" s="51">
        <v>33</v>
      </c>
      <c r="W189" s="63" t="s">
        <v>94</v>
      </c>
      <c r="X189" s="42">
        <v>33</v>
      </c>
      <c r="Y189" s="51">
        <v>47</v>
      </c>
      <c r="Z189" s="63" t="s">
        <v>94</v>
      </c>
      <c r="AA189" s="42">
        <v>47</v>
      </c>
      <c r="AB189" s="51">
        <v>67</v>
      </c>
      <c r="AC189" s="63" t="s">
        <v>94</v>
      </c>
      <c r="AD189" s="42">
        <v>67</v>
      </c>
      <c r="AE189" s="51">
        <v>86</v>
      </c>
      <c r="AF189" s="63" t="s">
        <v>94</v>
      </c>
      <c r="AG189" s="42">
        <v>86</v>
      </c>
      <c r="AH189" s="51">
        <v>88</v>
      </c>
      <c r="AI189" s="63" t="s">
        <v>94</v>
      </c>
      <c r="AJ189" s="42">
        <v>88</v>
      </c>
      <c r="AK189" s="51">
        <v>83</v>
      </c>
      <c r="AL189" s="63" t="s">
        <v>94</v>
      </c>
      <c r="AM189" s="42">
        <v>83</v>
      </c>
      <c r="AN189" s="51">
        <v>88</v>
      </c>
      <c r="AO189" s="63" t="s">
        <v>94</v>
      </c>
      <c r="AP189" s="42">
        <v>88</v>
      </c>
      <c r="AQ189" s="51">
        <v>103</v>
      </c>
      <c r="AR189" s="63" t="s">
        <v>94</v>
      </c>
      <c r="AS189" s="42">
        <v>103</v>
      </c>
      <c r="AT189" s="51">
        <v>119</v>
      </c>
      <c r="AU189" s="63" t="s">
        <v>94</v>
      </c>
      <c r="AV189" s="42">
        <v>119</v>
      </c>
      <c r="AW189" s="51">
        <v>162</v>
      </c>
      <c r="AX189" s="63" t="s">
        <v>94</v>
      </c>
      <c r="AY189" s="42">
        <v>162</v>
      </c>
      <c r="AZ189" s="51">
        <v>94</v>
      </c>
      <c r="BA189" s="63" t="s">
        <v>94</v>
      </c>
      <c r="BB189" s="42">
        <v>94</v>
      </c>
      <c r="BC189" s="51">
        <v>75</v>
      </c>
      <c r="BD189" s="63" t="s">
        <v>94</v>
      </c>
      <c r="BE189" s="42">
        <v>75</v>
      </c>
      <c r="BF189" s="51">
        <v>59</v>
      </c>
      <c r="BG189" s="63" t="s">
        <v>94</v>
      </c>
      <c r="BH189" s="42">
        <v>59</v>
      </c>
      <c r="BI189" s="51">
        <v>24</v>
      </c>
      <c r="BJ189" s="63" t="s">
        <v>94</v>
      </c>
      <c r="BK189" s="42">
        <v>24</v>
      </c>
      <c r="BL189" s="51">
        <v>13</v>
      </c>
      <c r="BM189" s="63" t="s">
        <v>94</v>
      </c>
      <c r="BN189" s="42">
        <v>13</v>
      </c>
      <c r="BO189" s="51">
        <v>0</v>
      </c>
      <c r="BP189" s="63" t="s">
        <v>94</v>
      </c>
      <c r="BQ189" s="43">
        <v>0</v>
      </c>
    </row>
    <row r="190" spans="1:69" ht="15" thickBot="1" x14ac:dyDescent="0.2">
      <c r="A190" s="59"/>
      <c r="B190" s="31" t="s">
        <v>32</v>
      </c>
      <c r="C190" s="79"/>
      <c r="D190" s="60">
        <v>2815</v>
      </c>
      <c r="E190" s="47">
        <v>45</v>
      </c>
      <c r="F190" s="47">
        <v>2860</v>
      </c>
      <c r="G190" s="48">
        <v>78</v>
      </c>
      <c r="H190" s="64" t="s">
        <v>94</v>
      </c>
      <c r="I190" s="47">
        <v>78</v>
      </c>
      <c r="J190" s="48">
        <v>94</v>
      </c>
      <c r="K190" s="64" t="s">
        <v>94</v>
      </c>
      <c r="L190" s="47">
        <v>94</v>
      </c>
      <c r="M190" s="74">
        <v>116</v>
      </c>
      <c r="N190" s="64" t="s">
        <v>97</v>
      </c>
      <c r="O190" s="73">
        <v>116</v>
      </c>
      <c r="P190" s="48">
        <v>116</v>
      </c>
      <c r="Q190" s="64" t="s">
        <v>94</v>
      </c>
      <c r="R190" s="47">
        <v>116</v>
      </c>
      <c r="S190" s="48">
        <v>91</v>
      </c>
      <c r="T190" s="64" t="s">
        <v>94</v>
      </c>
      <c r="U190" s="47">
        <v>91</v>
      </c>
      <c r="V190" s="48">
        <v>71</v>
      </c>
      <c r="W190" s="64" t="s">
        <v>94</v>
      </c>
      <c r="X190" s="47">
        <v>71</v>
      </c>
      <c r="Y190" s="48">
        <v>103</v>
      </c>
      <c r="Z190" s="64" t="s">
        <v>94</v>
      </c>
      <c r="AA190" s="47">
        <v>103</v>
      </c>
      <c r="AB190" s="48">
        <v>148</v>
      </c>
      <c r="AC190" s="64" t="s">
        <v>94</v>
      </c>
      <c r="AD190" s="47">
        <v>148</v>
      </c>
      <c r="AE190" s="48">
        <v>170</v>
      </c>
      <c r="AF190" s="64" t="s">
        <v>94</v>
      </c>
      <c r="AG190" s="47">
        <v>170</v>
      </c>
      <c r="AH190" s="48">
        <v>202</v>
      </c>
      <c r="AI190" s="64" t="s">
        <v>94</v>
      </c>
      <c r="AJ190" s="47">
        <v>202</v>
      </c>
      <c r="AK190" s="48">
        <v>209</v>
      </c>
      <c r="AL190" s="64" t="s">
        <v>94</v>
      </c>
      <c r="AM190" s="47">
        <v>209</v>
      </c>
      <c r="AN190" s="48">
        <v>164</v>
      </c>
      <c r="AO190" s="64" t="s">
        <v>94</v>
      </c>
      <c r="AP190" s="47">
        <v>164</v>
      </c>
      <c r="AQ190" s="48">
        <v>191</v>
      </c>
      <c r="AR190" s="64" t="s">
        <v>94</v>
      </c>
      <c r="AS190" s="47">
        <v>191</v>
      </c>
      <c r="AT190" s="48">
        <v>275</v>
      </c>
      <c r="AU190" s="64" t="s">
        <v>94</v>
      </c>
      <c r="AV190" s="47">
        <v>275</v>
      </c>
      <c r="AW190" s="48">
        <v>310</v>
      </c>
      <c r="AX190" s="64" t="s">
        <v>94</v>
      </c>
      <c r="AY190" s="47">
        <v>310</v>
      </c>
      <c r="AZ190" s="48">
        <v>196</v>
      </c>
      <c r="BA190" s="64" t="s">
        <v>94</v>
      </c>
      <c r="BB190" s="47">
        <v>196</v>
      </c>
      <c r="BC190" s="48">
        <v>134</v>
      </c>
      <c r="BD190" s="64" t="s">
        <v>94</v>
      </c>
      <c r="BE190" s="47">
        <v>134</v>
      </c>
      <c r="BF190" s="48">
        <v>90</v>
      </c>
      <c r="BG190" s="64" t="s">
        <v>94</v>
      </c>
      <c r="BH190" s="47">
        <v>90</v>
      </c>
      <c r="BI190" s="48">
        <v>40</v>
      </c>
      <c r="BJ190" s="64" t="s">
        <v>94</v>
      </c>
      <c r="BK190" s="47">
        <v>40</v>
      </c>
      <c r="BL190" s="48">
        <v>17</v>
      </c>
      <c r="BM190" s="64" t="s">
        <v>94</v>
      </c>
      <c r="BN190" s="47">
        <v>17</v>
      </c>
      <c r="BO190" s="48">
        <v>0</v>
      </c>
      <c r="BP190" s="64" t="s">
        <v>94</v>
      </c>
      <c r="BQ190" s="49">
        <v>0</v>
      </c>
    </row>
  </sheetData>
  <mergeCells count="64">
    <mergeCell ref="C185:C187"/>
    <mergeCell ref="C188:C190"/>
    <mergeCell ref="C167:C169"/>
    <mergeCell ref="C170:C172"/>
    <mergeCell ref="C173:C175"/>
    <mergeCell ref="C176:C178"/>
    <mergeCell ref="C179:C181"/>
    <mergeCell ref="C182:C184"/>
    <mergeCell ref="C164:C166"/>
    <mergeCell ref="C131:C133"/>
    <mergeCell ref="C134:C136"/>
    <mergeCell ref="C137:C139"/>
    <mergeCell ref="C140:C142"/>
    <mergeCell ref="C143:C145"/>
    <mergeCell ref="C146:C148"/>
    <mergeCell ref="C149:C151"/>
    <mergeCell ref="C152:C154"/>
    <mergeCell ref="C155:C157"/>
    <mergeCell ref="C158:C160"/>
    <mergeCell ref="C161:C163"/>
    <mergeCell ref="C128:C130"/>
    <mergeCell ref="C95:C97"/>
    <mergeCell ref="C98:C100"/>
    <mergeCell ref="C101:C103"/>
    <mergeCell ref="C104:C106"/>
    <mergeCell ref="C107:C109"/>
    <mergeCell ref="C110:C112"/>
    <mergeCell ref="C113:C115"/>
    <mergeCell ref="C116:C118"/>
    <mergeCell ref="C119:C121"/>
    <mergeCell ref="C122:C124"/>
    <mergeCell ref="C125:C127"/>
    <mergeCell ref="C92:C94"/>
    <mergeCell ref="C59:C61"/>
    <mergeCell ref="C62:C64"/>
    <mergeCell ref="C65:C67"/>
    <mergeCell ref="C68:C70"/>
    <mergeCell ref="C71:C73"/>
    <mergeCell ref="C74:C76"/>
    <mergeCell ref="C77:C79"/>
    <mergeCell ref="C80:C82"/>
    <mergeCell ref="C83:C85"/>
    <mergeCell ref="C86:C88"/>
    <mergeCell ref="C89:C91"/>
    <mergeCell ref="C56:C58"/>
    <mergeCell ref="C23:C25"/>
    <mergeCell ref="C26:C28"/>
    <mergeCell ref="C29:C31"/>
    <mergeCell ref="C32:C34"/>
    <mergeCell ref="C35:C37"/>
    <mergeCell ref="C38:C40"/>
    <mergeCell ref="C41:C43"/>
    <mergeCell ref="C44:C46"/>
    <mergeCell ref="C47:C49"/>
    <mergeCell ref="C50:C52"/>
    <mergeCell ref="C53:C55"/>
    <mergeCell ref="C20:C22"/>
    <mergeCell ref="A2:C2"/>
    <mergeCell ref="C3:C4"/>
    <mergeCell ref="C5:C7"/>
    <mergeCell ref="C8:C10"/>
    <mergeCell ref="C11:C13"/>
    <mergeCell ref="C14:C16"/>
    <mergeCell ref="C17:C19"/>
  </mergeCells>
  <phoneticPr fontId="1"/>
  <conditionalFormatting sqref="D5:BQ10 D169:BQ169 D167:F168 I167:I168 L167:L168 O167:O168 R167:R168 U167:U168 X167:X168 AA167:AA168 AD167:AD168 AG167:AG168 AJ167:AJ168 AM167:AM168 AP167:AP168 AS167:AS168 AV167:AV168 AY167:AY168 BB167:BB168 BE167:BE168 BH167:BH168 BK167:BK168 BN167:BN168 BQ167:BQ168 D181:BQ181 D179:F180 I179:I180 L179:L180 O179:O180 R179:R180 U179:U180 X179:X180 AA179:AA180 AD179:AD180 AG179:AG180 AJ179:AJ180 AM179:AM180 AP179:AP180 AS179:AS180 AV179:AV180 AY179:AY180 BB179:BB180 BE179:BE180 BH179:BH180 BK179:BK180 BN179:BN180 BQ179:BQ180 D103:BQ103 D101:F102 I101:I102 L101:L102 O101:O102 R101:R102 U101:U102 X101:X102 AA101:AA102 AD101:AD102 AG101:AG102 AJ101:AJ102 AM101:AM102 AP101:AP102 AS101:AS102 AV101:AV102 AY101:AY102 BB101:BB102 BE101:BE102 BH101:BH102 BK101:BK102 BN101:BN102 BQ101:BQ102 D187:BQ187 D185:F186 I185:I186 L185:L186 O185:O186 R185:R186 U185:U186 X185:X186 AA185:AA186 AD185:AD186 AG185:AG186 AJ185:AJ186 AM185:AM186 AP185:AP186 AS185:AS186 AV185:AV186 AY185:AY186 BB185:BB186 BE185:BE186 BH185:BH186 BK185:BK186 BN185:BN186 BQ185:BQ186 D112:BQ112 D110:F111 I110:I111 L110:L111 O110:O111 R110:R111 U110:U111 X110:X111 AA110:AA111 AD110:AD111 AG110:AG111 AJ110:AJ111 AM110:AM111 AP110:AP111 AS110:AS111 AV110:AV111 AY110:AY111 BB110:BB111 BE110:BE111 BH110:BH111 BK110:BK111 BN110:BN111 BQ110:BQ111 D178:BQ178 D176:F177 I176:I177 L176:L177 O176:O177 R176:R177 U176:U177 X176:X177 AA176:AA177 AD176:AD177 AG176:AG177 AJ176:AJ177 AM176:AM177 AP176:AP177 AS176:AS177 AV176:AV177 AY176:AY177 BB176:BB177 BE176:BE177 BH176:BH177 BK176:BK177 BN176:BN177 BQ176:BQ177 D118:BQ118 D116:F117 I116:I117 L116:L117 O116:O117 R116:R117 U116:U117 X116:X117 AA116:AA117 AD116:AD117 AG116:AG117 AJ116:AJ117 AM116:AM117 AP116:AP117 AS116:AS117 AV116:AV117 AY116:AY117 BB116:BB117 BE116:BE117 BH116:BH117 BK116:BK117 BN116:BN117 D184:BQ184 D182:F183 I182:I183 L182:L183 O182:O183 R182:R183 U182:U183 X182:X183 AA182:AA183 AD182:AD183 AG182:AG183 AJ182:AJ183 AM182:AM183 AP182:AP183 AS182:AS183 AV182:AV183 AY182:AY183 BB182:BB183 BE182:BE183 BH182:BH183 BK182:BK183 BN182:BN183 BQ182:BQ183 D160:BQ160 D158:F159 I158:I159 L158:L159 O158:O159 R158:R159 U158:U159 X158:X159 AA158:AA159 AD158:AD159 AG158:AG159 AJ158:AJ159 AM158:AM159 AP158:AP159 AS158:AS159 AV158:AV159 BB158:BB159 AY158:AY159 BE158:BE159 BH158:BH159 BK158:BK159 BN158:BN159 BQ158:BQ159 D109:BQ109 D107:F108 I107:I108 L107:L108 O107:O108 R107:R108 U107:U108 X107:X108 AA107:AA108 AD107:AD108 AG107:AG108 AJ107:AJ108 AM107:AM108 AP107:AP108 AS107:AS108 AV107:AV108 AY107:AY108 BB107:BB108 BE107:BE108 BH107:BH108 BK107:BK108 BN107:BN108 BQ107:BQ108 D121:BQ121 D119:F120 I119:I120 L119:L120 O119:O120 R119:R120 U119:U120 X119:X120 AA119:AA120 AD119:AD120 AG119:AG120 AJ119:AJ120 AM119:AM120 AP119:AP120 AS119:AS120 AV119:AV120 AY119:AY120 BB119:BB120 BE119:BE120 BH119:BH120 BK119:BK120 BN119:BN120 BQ119:BQ120 D115:BQ115 D113:F114 I113:I114 L113:L114 O113:O114 R113:R114 U113:U114 X113:X114 AA113:AA114 AD113:AD114 AG113:AG114 AJ113:AJ114 AM113:AM114 AP113:AP114 AS113:AS114 AV113:AV114 AY113:AY114 BB113:BB114 BE113:BE114 BH113:BH114 BK113:BK114 BN113:BN114 BQ113:BQ114 D127:BQ127 D125:F126 I125:I126 L125:L126 O125:O126 R125:R126 U125:U126 X125:X126 AA125:AA126 AD125:AD126 AG125:AG126 AJ125:AJ126 AM125:AM126 AP125:AP126 AS125:AS126 AV125:AV126 AY125:AY126 BB125:BB126 BE125:BE126 BH125:BH126 BK125:BK126 BN125:BN126 BQ125:BQ126 D136:BQ139 D134:F135 I134:I135 L134:L135 O134:O135 R134:R135 U134:U135 X134:X135 AA134:AA135 AD134:AD135 AG134:AG135 AJ134:AJ135 AM134:AM135 AP134:AP135 AS134:AS135 AV134:AV135 AY134:AY135 BB134:BB135 BE134:BE135 BH134:BH135 BK134:BK135 BN134:BN135 BQ134:BQ135 D142:BQ142 D140:F141 I140:I141 L140:L141 O140:O141 R140:R141 U140:U141 X140:X141 AA140:AA141 AD140:AD141 AG140:AG141 AJ140:AJ141 AM140:AM141 AP140:AP141 AS140:AS141 AV140:AV141 AY140:AY141 BB140:BB141 BE140:BE141 BH140:BH141 BK140:BK141 BN140:BN141 BQ140:BQ141 D148:BQ148 D146:F147 I146:I147 L146:L147 O146:O147 R146:R147 U146:U147 X146:X147 AA146:AA147 AD146:AD147 AG146:AG147 AJ146:AJ147 AM146:AM147 AP146:AP147 AS146:AS147 AV146:AV147 AY146:AY147 BB146:BB147 BE146:BE147 BH146:BH147 BK146:BK147 BN146:BN147 BQ146:BQ147 D154:BQ154 D152:F153 I152:I153 L152:L153 O152:O153 R152:R153 U152:U153 X152:X153 AD152:AD153 AA152:AA153 AG152:AG153 AJ152:AJ153 AM152:AM153 AP152:AP153 AS152:AS153 AV152:AV153 AY152:AY153 BB152:BB153 BE152:BE153 BH152:BH153 BK152:BK153 BN152:BN153 BQ152:BQ153 D166:BQ166 D164:F165 I164:I165 L164:L165 O164:O165 R164:R165 U164:U165 X164:X165 AA164:AA165 AD164:AD165 AG164:AG165 AJ164:AJ165 AM164:AM165 AP164:AP165 AS164:AS165 AV164:AV165 AY164:AY165 BB164:BB165 BE164:BE165 BH164:BH165 BK164:BK165 BN164:BN165 BQ164:BQ165 D172:BQ172 D170:F171 I170:I171 L170:L171 O170:O171 R170:R171 U170:U171 X170:X171 AA170:AA171 AD170:AD171 AG170:AG171 AJ170:AJ171 AM170:AM171 AP170:AP171 AS170:AS171 AV170:AV171 AY170:AY171 BB170:BB171 BE170:BE171 BH170:BH171 BK170:BK171 BN170:BN171 BQ170:BQ171 D190:J190 D188:F189 I188:I189 L188:L189 O188:O189 R188:R189 U188:U189 X188:X189 AA188:AA189 AD188:AD189 AG188:AG189 AJ188:AJ189 AM188:AM189 AP188:AP189 AS188:AS189 AV188:AV189 AY188:AY189 BB188:BB189 BE188:BE189 BH188:BH189 BK188:BK189 BN188:BN189 D130:BQ130 D128:F129 I128:I129 L128:L129 O128:O129 R128:R129 U128:U129 X128:X129 AA128:AA129 AD128:AD129 AG128:AG129 AJ128:AJ129 AM128:AM129 AP128:AP129 AS128:AS129 AV128:AV129 AY128:AY129 BB128:BB129 BE128:BE129 BH128:BH129 BK128:BK129 BN128:BN129 BQ128:BQ129 D70:BQ70 D68:F69 I68:I69 D73:BQ73 D71:F72 I71:I72 D76:BQ76 D74:F75 I74:I75 L68:L69 D79:BQ79 D77:F78 I77:I78 L71:L72 L74:L75 L77:L78 O68:O69 O71:O72 O74:O75 O77:O78 R68:R69 R71:R72 R74:R75 R77:R78 U68:U69 U71:U72 U74:U75 U77:U78 X68:X69 X71:X72 L190:M190 O190:P190 R190:S190 U190:V190 X190:Y190 AA190:AB190 AD190:AE190 AG190:AH190 AJ190:AK190 AM190:AN190 AP190:AQ190 AS190:AT190 AV190:AW190 AY190:AZ190 BB190:BC190 BE190:BF190 BH190:BI190 BK190:BL190 BN190:BO190 BQ188:BQ190">
    <cfRule type="expression" dxfId="10729" priority="10726" stopIfTrue="1">
      <formula>ISBLANK(D5)=TRUE</formula>
    </cfRule>
    <cfRule type="expression" dxfId="10728" priority="10727" stopIfTrue="1">
      <formula>INDIRECT("第１の３表②!"&amp;CELL("address",BW5))="×××"</formula>
    </cfRule>
    <cfRule type="expression" dxfId="10727" priority="10728" stopIfTrue="1">
      <formula>INDIRECT("第１の３表②!"&amp;CELL("address",BW5))="××"</formula>
    </cfRule>
    <cfRule type="expression" dxfId="10726" priority="10729" stopIfTrue="1">
      <formula>INDIRECT("第１の３表②!"&amp;CELL("address",BW5))="×"</formula>
    </cfRule>
    <cfRule type="expression" dxfId="10725" priority="10730" stopIfTrue="1">
      <formula>ISBLANK(D5)=FALSE</formula>
    </cfRule>
  </conditionalFormatting>
  <conditionalFormatting sqref="G176:H177">
    <cfRule type="expression" dxfId="10724" priority="10721" stopIfTrue="1">
      <formula>ISBLANK(G176)=TRUE</formula>
    </cfRule>
    <cfRule type="expression" dxfId="10723" priority="10722" stopIfTrue="1">
      <formula>INDIRECT("第１の３表②!"&amp;CELL("address",BZ176))="×××"</formula>
    </cfRule>
    <cfRule type="expression" dxfId="10722" priority="10723" stopIfTrue="1">
      <formula>INDIRECT("第１の３表②!"&amp;CELL("address",BZ176))="××"</formula>
    </cfRule>
    <cfRule type="expression" dxfId="10721" priority="10724" stopIfTrue="1">
      <formula>INDIRECT("第１の３表②!"&amp;CELL("address",BZ176))="×"</formula>
    </cfRule>
    <cfRule type="expression" dxfId="10720" priority="10725" stopIfTrue="1">
      <formula>ISBLANK(G176)=FALSE</formula>
    </cfRule>
  </conditionalFormatting>
  <conditionalFormatting sqref="J176:K177">
    <cfRule type="expression" dxfId="10719" priority="10716" stopIfTrue="1">
      <formula>ISBLANK(J176)=TRUE</formula>
    </cfRule>
    <cfRule type="expression" dxfId="10718" priority="10717" stopIfTrue="1">
      <formula>INDIRECT("第１の３表②!"&amp;CELL("address",CC176))="×××"</formula>
    </cfRule>
    <cfRule type="expression" dxfId="10717" priority="10718" stopIfTrue="1">
      <formula>INDIRECT("第１の３表②!"&amp;CELL("address",CC176))="××"</formula>
    </cfRule>
    <cfRule type="expression" dxfId="10716" priority="10719" stopIfTrue="1">
      <formula>INDIRECT("第１の３表②!"&amp;CELL("address",CC176))="×"</formula>
    </cfRule>
    <cfRule type="expression" dxfId="10715" priority="10720" stopIfTrue="1">
      <formula>ISBLANK(J176)=FALSE</formula>
    </cfRule>
  </conditionalFormatting>
  <conditionalFormatting sqref="M176:N177">
    <cfRule type="expression" dxfId="10714" priority="10711" stopIfTrue="1">
      <formula>ISBLANK(M176)=TRUE</formula>
    </cfRule>
    <cfRule type="expression" dxfId="10713" priority="10712" stopIfTrue="1">
      <formula>INDIRECT("第１の３表②!"&amp;CELL("address",CF176))="×××"</formula>
    </cfRule>
    <cfRule type="expression" dxfId="10712" priority="10713" stopIfTrue="1">
      <formula>INDIRECT("第１の３表②!"&amp;CELL("address",CF176))="××"</formula>
    </cfRule>
    <cfRule type="expression" dxfId="10711" priority="10714" stopIfTrue="1">
      <formula>INDIRECT("第１の３表②!"&amp;CELL("address",CF176))="×"</formula>
    </cfRule>
    <cfRule type="expression" dxfId="10710" priority="10715" stopIfTrue="1">
      <formula>ISBLANK(M176)=FALSE</formula>
    </cfRule>
  </conditionalFormatting>
  <conditionalFormatting sqref="P176:Q177">
    <cfRule type="expression" dxfId="10709" priority="10706" stopIfTrue="1">
      <formula>ISBLANK(P176)=TRUE</formula>
    </cfRule>
    <cfRule type="expression" dxfId="10708" priority="10707" stopIfTrue="1">
      <formula>INDIRECT("第１の３表②!"&amp;CELL("address",CI176))="×××"</formula>
    </cfRule>
    <cfRule type="expression" dxfId="10707" priority="10708" stopIfTrue="1">
      <formula>INDIRECT("第１の３表②!"&amp;CELL("address",CI176))="××"</formula>
    </cfRule>
    <cfRule type="expression" dxfId="10706" priority="10709" stopIfTrue="1">
      <formula>INDIRECT("第１の３表②!"&amp;CELL("address",CI176))="×"</formula>
    </cfRule>
    <cfRule type="expression" dxfId="10705" priority="10710" stopIfTrue="1">
      <formula>ISBLANK(P176)=FALSE</formula>
    </cfRule>
  </conditionalFormatting>
  <conditionalFormatting sqref="S176:T177">
    <cfRule type="expression" dxfId="10704" priority="10701" stopIfTrue="1">
      <formula>ISBLANK(S176)=TRUE</formula>
    </cfRule>
    <cfRule type="expression" dxfId="10703" priority="10702" stopIfTrue="1">
      <formula>INDIRECT("第１の３表②!"&amp;CELL("address",CL176))="×××"</formula>
    </cfRule>
    <cfRule type="expression" dxfId="10702" priority="10703" stopIfTrue="1">
      <formula>INDIRECT("第１の３表②!"&amp;CELL("address",CL176))="××"</formula>
    </cfRule>
    <cfRule type="expression" dxfId="10701" priority="10704" stopIfTrue="1">
      <formula>INDIRECT("第１の３表②!"&amp;CELL("address",CL176))="×"</formula>
    </cfRule>
    <cfRule type="expression" dxfId="10700" priority="10705" stopIfTrue="1">
      <formula>ISBLANK(S176)=FALSE</formula>
    </cfRule>
  </conditionalFormatting>
  <conditionalFormatting sqref="V176:W177">
    <cfRule type="expression" dxfId="10699" priority="10696" stopIfTrue="1">
      <formula>ISBLANK(V176)=TRUE</formula>
    </cfRule>
    <cfRule type="expression" dxfId="10698" priority="10697" stopIfTrue="1">
      <formula>INDIRECT("第１の３表②!"&amp;CELL("address",CO176))="×××"</formula>
    </cfRule>
    <cfRule type="expression" dxfId="10697" priority="10698" stopIfTrue="1">
      <formula>INDIRECT("第１の３表②!"&amp;CELL("address",CO176))="××"</formula>
    </cfRule>
    <cfRule type="expression" dxfId="10696" priority="10699" stopIfTrue="1">
      <formula>INDIRECT("第１の３表②!"&amp;CELL("address",CO176))="×"</formula>
    </cfRule>
    <cfRule type="expression" dxfId="10695" priority="10700" stopIfTrue="1">
      <formula>ISBLANK(V176)=FALSE</formula>
    </cfRule>
  </conditionalFormatting>
  <conditionalFormatting sqref="Y176:Z177">
    <cfRule type="expression" dxfId="10694" priority="10691" stopIfTrue="1">
      <formula>ISBLANK(Y176)=TRUE</formula>
    </cfRule>
    <cfRule type="expression" dxfId="10693" priority="10692" stopIfTrue="1">
      <formula>INDIRECT("第１の３表②!"&amp;CELL("address",CR176))="×××"</formula>
    </cfRule>
    <cfRule type="expression" dxfId="10692" priority="10693" stopIfTrue="1">
      <formula>INDIRECT("第１の３表②!"&amp;CELL("address",CR176))="××"</formula>
    </cfRule>
    <cfRule type="expression" dxfId="10691" priority="10694" stopIfTrue="1">
      <formula>INDIRECT("第１の３表②!"&amp;CELL("address",CR176))="×"</formula>
    </cfRule>
    <cfRule type="expression" dxfId="10690" priority="10695" stopIfTrue="1">
      <formula>ISBLANK(Y176)=FALSE</formula>
    </cfRule>
  </conditionalFormatting>
  <conditionalFormatting sqref="AB176:AC177">
    <cfRule type="expression" dxfId="10689" priority="10686" stopIfTrue="1">
      <formula>ISBLANK(AB176)=TRUE</formula>
    </cfRule>
    <cfRule type="expression" dxfId="10688" priority="10687" stopIfTrue="1">
      <formula>INDIRECT("第１の３表②!"&amp;CELL("address",CU176))="×××"</formula>
    </cfRule>
    <cfRule type="expression" dxfId="10687" priority="10688" stopIfTrue="1">
      <formula>INDIRECT("第１の３表②!"&amp;CELL("address",CU176))="××"</formula>
    </cfRule>
    <cfRule type="expression" dxfId="10686" priority="10689" stopIfTrue="1">
      <formula>INDIRECT("第１の３表②!"&amp;CELL("address",CU176))="×"</formula>
    </cfRule>
    <cfRule type="expression" dxfId="10685" priority="10690" stopIfTrue="1">
      <formula>ISBLANK(AB176)=FALSE</formula>
    </cfRule>
  </conditionalFormatting>
  <conditionalFormatting sqref="AE176:AF177">
    <cfRule type="expression" dxfId="10684" priority="10681" stopIfTrue="1">
      <formula>ISBLANK(AE176)=TRUE</formula>
    </cfRule>
    <cfRule type="expression" dxfId="10683" priority="10682" stopIfTrue="1">
      <formula>INDIRECT("第１の３表②!"&amp;CELL("address",CX176))="×××"</formula>
    </cfRule>
    <cfRule type="expression" dxfId="10682" priority="10683" stopIfTrue="1">
      <formula>INDIRECT("第１の３表②!"&amp;CELL("address",CX176))="××"</formula>
    </cfRule>
    <cfRule type="expression" dxfId="10681" priority="10684" stopIfTrue="1">
      <formula>INDIRECT("第１の３表②!"&amp;CELL("address",CX176))="×"</formula>
    </cfRule>
    <cfRule type="expression" dxfId="10680" priority="10685" stopIfTrue="1">
      <formula>ISBLANK(AE176)=FALSE</formula>
    </cfRule>
  </conditionalFormatting>
  <conditionalFormatting sqref="AH176:AI177">
    <cfRule type="expression" dxfId="10679" priority="10676" stopIfTrue="1">
      <formula>ISBLANK(AH176)=TRUE</formula>
    </cfRule>
    <cfRule type="expression" dxfId="10678" priority="10677" stopIfTrue="1">
      <formula>INDIRECT("第１の３表②!"&amp;CELL("address",DA176))="×××"</formula>
    </cfRule>
    <cfRule type="expression" dxfId="10677" priority="10678" stopIfTrue="1">
      <formula>INDIRECT("第１の３表②!"&amp;CELL("address",DA176))="××"</formula>
    </cfRule>
    <cfRule type="expression" dxfId="10676" priority="10679" stopIfTrue="1">
      <formula>INDIRECT("第１の３表②!"&amp;CELL("address",DA176))="×"</formula>
    </cfRule>
    <cfRule type="expression" dxfId="10675" priority="10680" stopIfTrue="1">
      <formula>ISBLANK(AH176)=FALSE</formula>
    </cfRule>
  </conditionalFormatting>
  <conditionalFormatting sqref="AK176:AL177">
    <cfRule type="expression" dxfId="10674" priority="10671" stopIfTrue="1">
      <formula>ISBLANK(AK176)=TRUE</formula>
    </cfRule>
    <cfRule type="expression" dxfId="10673" priority="10672" stopIfTrue="1">
      <formula>INDIRECT("第１の３表②!"&amp;CELL("address",DD176))="×××"</formula>
    </cfRule>
    <cfRule type="expression" dxfId="10672" priority="10673" stopIfTrue="1">
      <formula>INDIRECT("第１の３表②!"&amp;CELL("address",DD176))="××"</formula>
    </cfRule>
    <cfRule type="expression" dxfId="10671" priority="10674" stopIfTrue="1">
      <formula>INDIRECT("第１の３表②!"&amp;CELL("address",DD176))="×"</formula>
    </cfRule>
    <cfRule type="expression" dxfId="10670" priority="10675" stopIfTrue="1">
      <formula>ISBLANK(AK176)=FALSE</formula>
    </cfRule>
  </conditionalFormatting>
  <conditionalFormatting sqref="AN176:AO177">
    <cfRule type="expression" dxfId="10669" priority="10666" stopIfTrue="1">
      <formula>ISBLANK(AN176)=TRUE</formula>
    </cfRule>
    <cfRule type="expression" dxfId="10668" priority="10667" stopIfTrue="1">
      <formula>INDIRECT("第１の３表②!"&amp;CELL("address",DG176))="×××"</formula>
    </cfRule>
    <cfRule type="expression" dxfId="10667" priority="10668" stopIfTrue="1">
      <formula>INDIRECT("第１の３表②!"&amp;CELL("address",DG176))="××"</formula>
    </cfRule>
    <cfRule type="expression" dxfId="10666" priority="10669" stopIfTrue="1">
      <formula>INDIRECT("第１の３表②!"&amp;CELL("address",DG176))="×"</formula>
    </cfRule>
    <cfRule type="expression" dxfId="10665" priority="10670" stopIfTrue="1">
      <formula>ISBLANK(AN176)=FALSE</formula>
    </cfRule>
  </conditionalFormatting>
  <conditionalFormatting sqref="AQ176:AR177">
    <cfRule type="expression" dxfId="10664" priority="10661" stopIfTrue="1">
      <formula>ISBLANK(AQ176)=TRUE</formula>
    </cfRule>
    <cfRule type="expression" dxfId="10663" priority="10662" stopIfTrue="1">
      <formula>INDIRECT("第１の３表②!"&amp;CELL("address",DJ176))="×××"</formula>
    </cfRule>
    <cfRule type="expression" dxfId="10662" priority="10663" stopIfTrue="1">
      <formula>INDIRECT("第１の３表②!"&amp;CELL("address",DJ176))="××"</formula>
    </cfRule>
    <cfRule type="expression" dxfId="10661" priority="10664" stopIfTrue="1">
      <formula>INDIRECT("第１の３表②!"&amp;CELL("address",DJ176))="×"</formula>
    </cfRule>
    <cfRule type="expression" dxfId="10660" priority="10665" stopIfTrue="1">
      <formula>ISBLANK(AQ176)=FALSE</formula>
    </cfRule>
  </conditionalFormatting>
  <conditionalFormatting sqref="AT176:AU177">
    <cfRule type="expression" dxfId="10659" priority="10656" stopIfTrue="1">
      <formula>ISBLANK(AT176)=TRUE</formula>
    </cfRule>
    <cfRule type="expression" dxfId="10658" priority="10657" stopIfTrue="1">
      <formula>INDIRECT("第１の３表②!"&amp;CELL("address",DM176))="×××"</formula>
    </cfRule>
    <cfRule type="expression" dxfId="10657" priority="10658" stopIfTrue="1">
      <formula>INDIRECT("第１の３表②!"&amp;CELL("address",DM176))="××"</formula>
    </cfRule>
    <cfRule type="expression" dxfId="10656" priority="10659" stopIfTrue="1">
      <formula>INDIRECT("第１の３表②!"&amp;CELL("address",DM176))="×"</formula>
    </cfRule>
    <cfRule type="expression" dxfId="10655" priority="10660" stopIfTrue="1">
      <formula>ISBLANK(AT176)=FALSE</formula>
    </cfRule>
  </conditionalFormatting>
  <conditionalFormatting sqref="AW176:AX177">
    <cfRule type="expression" dxfId="10654" priority="10651" stopIfTrue="1">
      <formula>ISBLANK(AW176)=TRUE</formula>
    </cfRule>
    <cfRule type="expression" dxfId="10653" priority="10652" stopIfTrue="1">
      <formula>INDIRECT("第１の３表②!"&amp;CELL("address",DP176))="×××"</formula>
    </cfRule>
    <cfRule type="expression" dxfId="10652" priority="10653" stopIfTrue="1">
      <formula>INDIRECT("第１の３表②!"&amp;CELL("address",DP176))="××"</formula>
    </cfRule>
    <cfRule type="expression" dxfId="10651" priority="10654" stopIfTrue="1">
      <formula>INDIRECT("第１の３表②!"&amp;CELL("address",DP176))="×"</formula>
    </cfRule>
    <cfRule type="expression" dxfId="10650" priority="10655" stopIfTrue="1">
      <formula>ISBLANK(AW176)=FALSE</formula>
    </cfRule>
  </conditionalFormatting>
  <conditionalFormatting sqref="AZ176:BA177">
    <cfRule type="expression" dxfId="10649" priority="10646" stopIfTrue="1">
      <formula>ISBLANK(AZ176)=TRUE</formula>
    </cfRule>
    <cfRule type="expression" dxfId="10648" priority="10647" stopIfTrue="1">
      <formula>INDIRECT("第１の３表②!"&amp;CELL("address",DS176))="×××"</formula>
    </cfRule>
    <cfRule type="expression" dxfId="10647" priority="10648" stopIfTrue="1">
      <formula>INDIRECT("第１の３表②!"&amp;CELL("address",DS176))="××"</formula>
    </cfRule>
    <cfRule type="expression" dxfId="10646" priority="10649" stopIfTrue="1">
      <formula>INDIRECT("第１の３表②!"&amp;CELL("address",DS176))="×"</formula>
    </cfRule>
    <cfRule type="expression" dxfId="10645" priority="10650" stopIfTrue="1">
      <formula>ISBLANK(AZ176)=FALSE</formula>
    </cfRule>
  </conditionalFormatting>
  <conditionalFormatting sqref="BC176:BD177">
    <cfRule type="expression" dxfId="10644" priority="10641" stopIfTrue="1">
      <formula>ISBLANK(BC176)=TRUE</formula>
    </cfRule>
    <cfRule type="expression" dxfId="10643" priority="10642" stopIfTrue="1">
      <formula>INDIRECT("第１の３表②!"&amp;CELL("address",DV176))="×××"</formula>
    </cfRule>
    <cfRule type="expression" dxfId="10642" priority="10643" stopIfTrue="1">
      <formula>INDIRECT("第１の３表②!"&amp;CELL("address",DV176))="××"</formula>
    </cfRule>
    <cfRule type="expression" dxfId="10641" priority="10644" stopIfTrue="1">
      <formula>INDIRECT("第１の３表②!"&amp;CELL("address",DV176))="×"</formula>
    </cfRule>
    <cfRule type="expression" dxfId="10640" priority="10645" stopIfTrue="1">
      <formula>ISBLANK(BC176)=FALSE</formula>
    </cfRule>
  </conditionalFormatting>
  <conditionalFormatting sqref="BF176:BG177">
    <cfRule type="expression" dxfId="10639" priority="10636" stopIfTrue="1">
      <formula>ISBLANK(BF176)=TRUE</formula>
    </cfRule>
    <cfRule type="expression" dxfId="10638" priority="10637" stopIfTrue="1">
      <formula>INDIRECT("第１の３表②!"&amp;CELL("address",DY176))="×××"</formula>
    </cfRule>
    <cfRule type="expression" dxfId="10637" priority="10638" stopIfTrue="1">
      <formula>INDIRECT("第１の３表②!"&amp;CELL("address",DY176))="××"</formula>
    </cfRule>
    <cfRule type="expression" dxfId="10636" priority="10639" stopIfTrue="1">
      <formula>INDIRECT("第１の３表②!"&amp;CELL("address",DY176))="×"</formula>
    </cfRule>
    <cfRule type="expression" dxfId="10635" priority="10640" stopIfTrue="1">
      <formula>ISBLANK(BF176)=FALSE</formula>
    </cfRule>
  </conditionalFormatting>
  <conditionalFormatting sqref="BI176:BJ177">
    <cfRule type="expression" dxfId="10634" priority="10631" stopIfTrue="1">
      <formula>ISBLANK(BI176)=TRUE</formula>
    </cfRule>
    <cfRule type="expression" dxfId="10633" priority="10632" stopIfTrue="1">
      <formula>INDIRECT("第１の３表②!"&amp;CELL("address",EB176))="×××"</formula>
    </cfRule>
    <cfRule type="expression" dxfId="10632" priority="10633" stopIfTrue="1">
      <formula>INDIRECT("第１の３表②!"&amp;CELL("address",EB176))="××"</formula>
    </cfRule>
    <cfRule type="expression" dxfId="10631" priority="10634" stopIfTrue="1">
      <formula>INDIRECT("第１の３表②!"&amp;CELL("address",EB176))="×"</formula>
    </cfRule>
    <cfRule type="expression" dxfId="10630" priority="10635" stopIfTrue="1">
      <formula>ISBLANK(BI176)=FALSE</formula>
    </cfRule>
  </conditionalFormatting>
  <conditionalFormatting sqref="BL176:BM177">
    <cfRule type="expression" dxfId="10629" priority="10626" stopIfTrue="1">
      <formula>ISBLANK(BL176)=TRUE</formula>
    </cfRule>
    <cfRule type="expression" dxfId="10628" priority="10627" stopIfTrue="1">
      <formula>INDIRECT("第１の３表②!"&amp;CELL("address",EE176))="×××"</formula>
    </cfRule>
    <cfRule type="expression" dxfId="10627" priority="10628" stopIfTrue="1">
      <formula>INDIRECT("第１の３表②!"&amp;CELL("address",EE176))="××"</formula>
    </cfRule>
    <cfRule type="expression" dxfId="10626" priority="10629" stopIfTrue="1">
      <formula>INDIRECT("第１の３表②!"&amp;CELL("address",EE176))="×"</formula>
    </cfRule>
    <cfRule type="expression" dxfId="10625" priority="10630" stopIfTrue="1">
      <formula>ISBLANK(BL176)=FALSE</formula>
    </cfRule>
  </conditionalFormatting>
  <conditionalFormatting sqref="BO176:BP177">
    <cfRule type="expression" dxfId="10624" priority="10621" stopIfTrue="1">
      <formula>ISBLANK(BO176)=TRUE</formula>
    </cfRule>
    <cfRule type="expression" dxfId="10623" priority="10622" stopIfTrue="1">
      <formula>INDIRECT("第１の３表②!"&amp;CELL("address",EH176))="×××"</formula>
    </cfRule>
    <cfRule type="expression" dxfId="10622" priority="10623" stopIfTrue="1">
      <formula>INDIRECT("第１の３表②!"&amp;CELL("address",EH176))="××"</formula>
    </cfRule>
    <cfRule type="expression" dxfId="10621" priority="10624" stopIfTrue="1">
      <formula>INDIRECT("第１の３表②!"&amp;CELL("address",EH176))="×"</formula>
    </cfRule>
    <cfRule type="expression" dxfId="10620" priority="10625" stopIfTrue="1">
      <formula>ISBLANK(BO176)=FALSE</formula>
    </cfRule>
  </conditionalFormatting>
  <conditionalFormatting sqref="D82:BQ82 D85:BQ85 D88:BQ88 D91:BQ91 D94:BQ94 D97:BQ97 D100:BQ100 D80:F81 D83:F84 D86:F87 D89:F90 D92:F93 D95:F96 D98:F99 I80:I81 I83:I84 I86:I87 I89:I90 I92:I93 I95:I96 I98:I99 L80:L81 L83:L84 L86:L87 L89:L90 L92:L93 L95:L96 L98:L99 O80:O81 O83:O84 O86:O87 O89:O90 O92:O93 O95:O96 O98:O99 R80:R81 R83:R84 R86:R87 R89:R90 R92:R93 R95:R96 R98:R99 U80:U81 U83:U84 U86:U87 U89:U90 U92:U93 U95:U96 U98:U99 X80:X81 X83:X84 X86:X87 X89:X90 X92:X93 X95:X96 X98:X99 AA80:AA81 AA83:AA84 AA86:AA87 AA89:AA90 AA92:AA93 AA95:AA96 AA98:AA99 AD80:AD81 AD83:AD84 AD86:AD87 AD89:AD90 AD92:AD93 AD95:AD96 AD98:AD99 AG80:AG81 AG83:AG84 AG86:AG87 AG89:AG90 AG92:AG93 AG95:AG96 AG98:AG99 AJ80:AJ81 AJ83:AJ84 AJ86:AJ87 AJ89:AJ90 AJ92:AJ93 AJ95:AJ96 AJ98:AJ99 AM80:AM81 AM83:AM84 AM86:AM87 AM89:AM90 AM92:AM93 AM95:AM96 AM98:AM99 AP80:AP81 AP83:AP84 AP86:AP87 AP89:AP90 AP92:AP93 AP95:AP96 AP98:AP99 AS80:AS81 AS83:AS84 AS86:AS87 AS89:AS90 AS92:AS93 AS95:AS96 AS98:AS99 AV80:AV81 AV83:AV84 AV86:AV87 AV89:AV90 AV92:AV93 AV95:AV96 AV98:AV99 AY80:AY81 AY83:AY84 AY86:AY87 AY89:AY90 AY92:AY93 AY95:AY96 AY98:AY99 BB80:BB81 BB83:BB84 BB86:BB87 BB89:BB90 BB92:BB93 BB95:BB96 BB98:BB99 BE80:BE81 BE83:BE84 BE86:BE87 BE89:BE90 BE92:BE93 BE95:BE96 BE98:BE99 BH80:BH81 BH83:BH84 BH86:BH87 BH89:BH90 BH92:BH93 BH95:BH96 BH98:BH99 BK80:BK81 BK83:BK84 BK86:BK87 BK89:BK90 BK92:BK93 BK95:BK96 BK98:BK99 BN80:BN81 BN83:BN84 BN86:BN87 BN89:BN90 BN92:BN93 BN95:BN96 BN98:BN99 BQ80:BQ81 BQ83:BQ84 BQ86:BQ87 BQ89:BQ90 BQ92:BQ93 BQ95:BQ96 BQ98:BQ99">
    <cfRule type="expression" dxfId="10619" priority="10616" stopIfTrue="1">
      <formula>ISBLANK(D80)=TRUE</formula>
    </cfRule>
    <cfRule type="expression" dxfId="10618" priority="10617" stopIfTrue="1">
      <formula>INDIRECT("第１の３表②!"&amp;CELL("address",BW80))="×××"</formula>
    </cfRule>
    <cfRule type="expression" dxfId="10617" priority="10618" stopIfTrue="1">
      <formula>INDIRECT("第１の３表②!"&amp;CELL("address",BW80))="××"</formula>
    </cfRule>
    <cfRule type="expression" dxfId="10616" priority="10619" stopIfTrue="1">
      <formula>INDIRECT("第１の３表②!"&amp;CELL("address",BW80))="×"</formula>
    </cfRule>
    <cfRule type="expression" dxfId="10615" priority="10620" stopIfTrue="1">
      <formula>ISBLANK(D80)=FALSE</formula>
    </cfRule>
  </conditionalFormatting>
  <conditionalFormatting sqref="G89:H90">
    <cfRule type="expression" dxfId="10614" priority="10611" stopIfTrue="1">
      <formula>ISBLANK(G89)=TRUE</formula>
    </cfRule>
    <cfRule type="expression" dxfId="10613" priority="10612" stopIfTrue="1">
      <formula>INDIRECT("第１の３表②!"&amp;CELL("address",BZ89))="×××"</formula>
    </cfRule>
    <cfRule type="expression" dxfId="10612" priority="10613" stopIfTrue="1">
      <formula>INDIRECT("第１の３表②!"&amp;CELL("address",BZ89))="××"</formula>
    </cfRule>
    <cfRule type="expression" dxfId="10611" priority="10614" stopIfTrue="1">
      <formula>INDIRECT("第１の３表②!"&amp;CELL("address",BZ89))="×"</formula>
    </cfRule>
    <cfRule type="expression" dxfId="10610" priority="10615" stopIfTrue="1">
      <formula>ISBLANK(G89)=FALSE</formula>
    </cfRule>
  </conditionalFormatting>
  <conditionalFormatting sqref="J89:K90">
    <cfRule type="expression" dxfId="10609" priority="10606" stopIfTrue="1">
      <formula>ISBLANK(J89)=TRUE</formula>
    </cfRule>
    <cfRule type="expression" dxfId="10608" priority="10607" stopIfTrue="1">
      <formula>INDIRECT("第１の３表②!"&amp;CELL("address",CC89))="×××"</formula>
    </cfRule>
    <cfRule type="expression" dxfId="10607" priority="10608" stopIfTrue="1">
      <formula>INDIRECT("第１の３表②!"&amp;CELL("address",CC89))="××"</formula>
    </cfRule>
    <cfRule type="expression" dxfId="10606" priority="10609" stopIfTrue="1">
      <formula>INDIRECT("第１の３表②!"&amp;CELL("address",CC89))="×"</formula>
    </cfRule>
    <cfRule type="expression" dxfId="10605" priority="10610" stopIfTrue="1">
      <formula>ISBLANK(J89)=FALSE</formula>
    </cfRule>
  </conditionalFormatting>
  <conditionalFormatting sqref="M89:N90">
    <cfRule type="expression" dxfId="10604" priority="10601" stopIfTrue="1">
      <formula>ISBLANK(M89)=TRUE</formula>
    </cfRule>
    <cfRule type="expression" dxfId="10603" priority="10602" stopIfTrue="1">
      <formula>INDIRECT("第１の３表②!"&amp;CELL("address",CF89))="×××"</formula>
    </cfRule>
    <cfRule type="expression" dxfId="10602" priority="10603" stopIfTrue="1">
      <formula>INDIRECT("第１の３表②!"&amp;CELL("address",CF89))="××"</formula>
    </cfRule>
    <cfRule type="expression" dxfId="10601" priority="10604" stopIfTrue="1">
      <formula>INDIRECT("第１の３表②!"&amp;CELL("address",CF89))="×"</formula>
    </cfRule>
    <cfRule type="expression" dxfId="10600" priority="10605" stopIfTrue="1">
      <formula>ISBLANK(M89)=FALSE</formula>
    </cfRule>
  </conditionalFormatting>
  <conditionalFormatting sqref="P89:Q90">
    <cfRule type="expression" dxfId="10599" priority="10596" stopIfTrue="1">
      <formula>ISBLANK(P89)=TRUE</formula>
    </cfRule>
    <cfRule type="expression" dxfId="10598" priority="10597" stopIfTrue="1">
      <formula>INDIRECT("第１の３表②!"&amp;CELL("address",CI89))="×××"</formula>
    </cfRule>
    <cfRule type="expression" dxfId="10597" priority="10598" stopIfTrue="1">
      <formula>INDIRECT("第１の３表②!"&amp;CELL("address",CI89))="××"</formula>
    </cfRule>
    <cfRule type="expression" dxfId="10596" priority="10599" stopIfTrue="1">
      <formula>INDIRECT("第１の３表②!"&amp;CELL("address",CI89))="×"</formula>
    </cfRule>
    <cfRule type="expression" dxfId="10595" priority="10600" stopIfTrue="1">
      <formula>ISBLANK(P89)=FALSE</formula>
    </cfRule>
  </conditionalFormatting>
  <conditionalFormatting sqref="S89:T90">
    <cfRule type="expression" dxfId="10594" priority="10591" stopIfTrue="1">
      <formula>ISBLANK(S89)=TRUE</formula>
    </cfRule>
    <cfRule type="expression" dxfId="10593" priority="10592" stopIfTrue="1">
      <formula>INDIRECT("第１の３表②!"&amp;CELL("address",CL89))="×××"</formula>
    </cfRule>
    <cfRule type="expression" dxfId="10592" priority="10593" stopIfTrue="1">
      <formula>INDIRECT("第１の３表②!"&amp;CELL("address",CL89))="××"</formula>
    </cfRule>
    <cfRule type="expression" dxfId="10591" priority="10594" stopIfTrue="1">
      <formula>INDIRECT("第１の３表②!"&amp;CELL("address",CL89))="×"</formula>
    </cfRule>
    <cfRule type="expression" dxfId="10590" priority="10595" stopIfTrue="1">
      <formula>ISBLANK(S89)=FALSE</formula>
    </cfRule>
  </conditionalFormatting>
  <conditionalFormatting sqref="V89:W90">
    <cfRule type="expression" dxfId="10589" priority="10586" stopIfTrue="1">
      <formula>ISBLANK(V89)=TRUE</formula>
    </cfRule>
    <cfRule type="expression" dxfId="10588" priority="10587" stopIfTrue="1">
      <formula>INDIRECT("第１の３表②!"&amp;CELL("address",CO89))="×××"</formula>
    </cfRule>
    <cfRule type="expression" dxfId="10587" priority="10588" stopIfTrue="1">
      <formula>INDIRECT("第１の３表②!"&amp;CELL("address",CO89))="××"</formula>
    </cfRule>
    <cfRule type="expression" dxfId="10586" priority="10589" stopIfTrue="1">
      <formula>INDIRECT("第１の３表②!"&amp;CELL("address",CO89))="×"</formula>
    </cfRule>
    <cfRule type="expression" dxfId="10585" priority="10590" stopIfTrue="1">
      <formula>ISBLANK(V89)=FALSE</formula>
    </cfRule>
  </conditionalFormatting>
  <conditionalFormatting sqref="Y89:Z90">
    <cfRule type="expression" dxfId="10584" priority="10581" stopIfTrue="1">
      <formula>ISBLANK(Y89)=TRUE</formula>
    </cfRule>
    <cfRule type="expression" dxfId="10583" priority="10582" stopIfTrue="1">
      <formula>INDIRECT("第１の３表②!"&amp;CELL("address",CR89))="×××"</formula>
    </cfRule>
    <cfRule type="expression" dxfId="10582" priority="10583" stopIfTrue="1">
      <formula>INDIRECT("第１の３表②!"&amp;CELL("address",CR89))="××"</formula>
    </cfRule>
    <cfRule type="expression" dxfId="10581" priority="10584" stopIfTrue="1">
      <formula>INDIRECT("第１の３表②!"&amp;CELL("address",CR89))="×"</formula>
    </cfRule>
    <cfRule type="expression" dxfId="10580" priority="10585" stopIfTrue="1">
      <formula>ISBLANK(Y89)=FALSE</formula>
    </cfRule>
  </conditionalFormatting>
  <conditionalFormatting sqref="AB89:AC90">
    <cfRule type="expression" dxfId="10579" priority="10576" stopIfTrue="1">
      <formula>ISBLANK(AB89)=TRUE</formula>
    </cfRule>
    <cfRule type="expression" dxfId="10578" priority="10577" stopIfTrue="1">
      <formula>INDIRECT("第１の３表②!"&amp;CELL("address",CU89))="×××"</formula>
    </cfRule>
    <cfRule type="expression" dxfId="10577" priority="10578" stopIfTrue="1">
      <formula>INDIRECT("第１の３表②!"&amp;CELL("address",CU89))="××"</formula>
    </cfRule>
    <cfRule type="expression" dxfId="10576" priority="10579" stopIfTrue="1">
      <formula>INDIRECT("第１の３表②!"&amp;CELL("address",CU89))="×"</formula>
    </cfRule>
    <cfRule type="expression" dxfId="10575" priority="10580" stopIfTrue="1">
      <formula>ISBLANK(AB89)=FALSE</formula>
    </cfRule>
  </conditionalFormatting>
  <conditionalFormatting sqref="AE89:AF90">
    <cfRule type="expression" dxfId="10574" priority="10571" stopIfTrue="1">
      <formula>ISBLANK(AE89)=TRUE</formula>
    </cfRule>
    <cfRule type="expression" dxfId="10573" priority="10572" stopIfTrue="1">
      <formula>INDIRECT("第１の３表②!"&amp;CELL("address",CX89))="×××"</formula>
    </cfRule>
    <cfRule type="expression" dxfId="10572" priority="10573" stopIfTrue="1">
      <formula>INDIRECT("第１の３表②!"&amp;CELL("address",CX89))="××"</formula>
    </cfRule>
    <cfRule type="expression" dxfId="10571" priority="10574" stopIfTrue="1">
      <formula>INDIRECT("第１の３表②!"&amp;CELL("address",CX89))="×"</formula>
    </cfRule>
    <cfRule type="expression" dxfId="10570" priority="10575" stopIfTrue="1">
      <formula>ISBLANK(AE89)=FALSE</formula>
    </cfRule>
  </conditionalFormatting>
  <conditionalFormatting sqref="AH89:AI90">
    <cfRule type="expression" dxfId="10569" priority="10566" stopIfTrue="1">
      <formula>ISBLANK(AH89)=TRUE</formula>
    </cfRule>
    <cfRule type="expression" dxfId="10568" priority="10567" stopIfTrue="1">
      <formula>INDIRECT("第１の３表②!"&amp;CELL("address",DA89))="×××"</formula>
    </cfRule>
    <cfRule type="expression" dxfId="10567" priority="10568" stopIfTrue="1">
      <formula>INDIRECT("第１の３表②!"&amp;CELL("address",DA89))="××"</formula>
    </cfRule>
    <cfRule type="expression" dxfId="10566" priority="10569" stopIfTrue="1">
      <formula>INDIRECT("第１の３表②!"&amp;CELL("address",DA89))="×"</formula>
    </cfRule>
    <cfRule type="expression" dxfId="10565" priority="10570" stopIfTrue="1">
      <formula>ISBLANK(AH89)=FALSE</formula>
    </cfRule>
  </conditionalFormatting>
  <conditionalFormatting sqref="AK89:AL90">
    <cfRule type="expression" dxfId="10564" priority="10561" stopIfTrue="1">
      <formula>ISBLANK(AK89)=TRUE</formula>
    </cfRule>
    <cfRule type="expression" dxfId="10563" priority="10562" stopIfTrue="1">
      <formula>INDIRECT("第１の３表②!"&amp;CELL("address",DD89))="×××"</formula>
    </cfRule>
    <cfRule type="expression" dxfId="10562" priority="10563" stopIfTrue="1">
      <formula>INDIRECT("第１の３表②!"&amp;CELL("address",DD89))="××"</formula>
    </cfRule>
    <cfRule type="expression" dxfId="10561" priority="10564" stopIfTrue="1">
      <formula>INDIRECT("第１の３表②!"&amp;CELL("address",DD89))="×"</formula>
    </cfRule>
    <cfRule type="expression" dxfId="10560" priority="10565" stopIfTrue="1">
      <formula>ISBLANK(AK89)=FALSE</formula>
    </cfRule>
  </conditionalFormatting>
  <conditionalFormatting sqref="AN89:AO90">
    <cfRule type="expression" dxfId="10559" priority="10556" stopIfTrue="1">
      <formula>ISBLANK(AN89)=TRUE</formula>
    </cfRule>
    <cfRule type="expression" dxfId="10558" priority="10557" stopIfTrue="1">
      <formula>INDIRECT("第１の３表②!"&amp;CELL("address",DG89))="×××"</formula>
    </cfRule>
    <cfRule type="expression" dxfId="10557" priority="10558" stopIfTrue="1">
      <formula>INDIRECT("第１の３表②!"&amp;CELL("address",DG89))="××"</formula>
    </cfRule>
    <cfRule type="expression" dxfId="10556" priority="10559" stopIfTrue="1">
      <formula>INDIRECT("第１の３表②!"&amp;CELL("address",DG89))="×"</formula>
    </cfRule>
    <cfRule type="expression" dxfId="10555" priority="10560" stopIfTrue="1">
      <formula>ISBLANK(AN89)=FALSE</formula>
    </cfRule>
  </conditionalFormatting>
  <conditionalFormatting sqref="AQ89:AR90">
    <cfRule type="expression" dxfId="10554" priority="10551" stopIfTrue="1">
      <formula>ISBLANK(AQ89)=TRUE</formula>
    </cfRule>
    <cfRule type="expression" dxfId="10553" priority="10552" stopIfTrue="1">
      <formula>INDIRECT("第１の３表②!"&amp;CELL("address",DJ89))="×××"</formula>
    </cfRule>
    <cfRule type="expression" dxfId="10552" priority="10553" stopIfTrue="1">
      <formula>INDIRECT("第１の３表②!"&amp;CELL("address",DJ89))="××"</formula>
    </cfRule>
    <cfRule type="expression" dxfId="10551" priority="10554" stopIfTrue="1">
      <formula>INDIRECT("第１の３表②!"&amp;CELL("address",DJ89))="×"</formula>
    </cfRule>
    <cfRule type="expression" dxfId="10550" priority="10555" stopIfTrue="1">
      <formula>ISBLANK(AQ89)=FALSE</formula>
    </cfRule>
  </conditionalFormatting>
  <conditionalFormatting sqref="AT89:AU90">
    <cfRule type="expression" dxfId="10549" priority="10546" stopIfTrue="1">
      <formula>ISBLANK(AT89)=TRUE</formula>
    </cfRule>
    <cfRule type="expression" dxfId="10548" priority="10547" stopIfTrue="1">
      <formula>INDIRECT("第１の３表②!"&amp;CELL("address",DM89))="×××"</formula>
    </cfRule>
    <cfRule type="expression" dxfId="10547" priority="10548" stopIfTrue="1">
      <formula>INDIRECT("第１の３表②!"&amp;CELL("address",DM89))="××"</formula>
    </cfRule>
    <cfRule type="expression" dxfId="10546" priority="10549" stopIfTrue="1">
      <formula>INDIRECT("第１の３表②!"&amp;CELL("address",DM89))="×"</formula>
    </cfRule>
    <cfRule type="expression" dxfId="10545" priority="10550" stopIfTrue="1">
      <formula>ISBLANK(AT89)=FALSE</formula>
    </cfRule>
  </conditionalFormatting>
  <conditionalFormatting sqref="AW89:AX90">
    <cfRule type="expression" dxfId="10544" priority="10541" stopIfTrue="1">
      <formula>ISBLANK(AW89)=TRUE</formula>
    </cfRule>
    <cfRule type="expression" dxfId="10543" priority="10542" stopIfTrue="1">
      <formula>INDIRECT("第１の３表②!"&amp;CELL("address",DP89))="×××"</formula>
    </cfRule>
    <cfRule type="expression" dxfId="10542" priority="10543" stopIfTrue="1">
      <formula>INDIRECT("第１の３表②!"&amp;CELL("address",DP89))="××"</formula>
    </cfRule>
    <cfRule type="expression" dxfId="10541" priority="10544" stopIfTrue="1">
      <formula>INDIRECT("第１の３表②!"&amp;CELL("address",DP89))="×"</formula>
    </cfRule>
    <cfRule type="expression" dxfId="10540" priority="10545" stopIfTrue="1">
      <formula>ISBLANK(AW89)=FALSE</formula>
    </cfRule>
  </conditionalFormatting>
  <conditionalFormatting sqref="AZ89:BA90">
    <cfRule type="expression" dxfId="10539" priority="10536" stopIfTrue="1">
      <formula>ISBLANK(AZ89)=TRUE</formula>
    </cfRule>
    <cfRule type="expression" dxfId="10538" priority="10537" stopIfTrue="1">
      <formula>INDIRECT("第１の３表②!"&amp;CELL("address",DS89))="×××"</formula>
    </cfRule>
    <cfRule type="expression" dxfId="10537" priority="10538" stopIfTrue="1">
      <formula>INDIRECT("第１の３表②!"&amp;CELL("address",DS89))="××"</formula>
    </cfRule>
    <cfRule type="expression" dxfId="10536" priority="10539" stopIfTrue="1">
      <formula>INDIRECT("第１の３表②!"&amp;CELL("address",DS89))="×"</formula>
    </cfRule>
    <cfRule type="expression" dxfId="10535" priority="10540" stopIfTrue="1">
      <formula>ISBLANK(AZ89)=FALSE</formula>
    </cfRule>
  </conditionalFormatting>
  <conditionalFormatting sqref="BC89:BD90">
    <cfRule type="expression" dxfId="10534" priority="10531" stopIfTrue="1">
      <formula>ISBLANK(BC89)=TRUE</formula>
    </cfRule>
    <cfRule type="expression" dxfId="10533" priority="10532" stopIfTrue="1">
      <formula>INDIRECT("第１の３表②!"&amp;CELL("address",DV89))="×××"</formula>
    </cfRule>
    <cfRule type="expression" dxfId="10532" priority="10533" stopIfTrue="1">
      <formula>INDIRECT("第１の３表②!"&amp;CELL("address",DV89))="××"</formula>
    </cfRule>
    <cfRule type="expression" dxfId="10531" priority="10534" stopIfTrue="1">
      <formula>INDIRECT("第１の３表②!"&amp;CELL("address",DV89))="×"</formula>
    </cfRule>
    <cfRule type="expression" dxfId="10530" priority="10535" stopIfTrue="1">
      <formula>ISBLANK(BC89)=FALSE</formula>
    </cfRule>
  </conditionalFormatting>
  <conditionalFormatting sqref="BF89:BG90">
    <cfRule type="expression" dxfId="10529" priority="10526" stopIfTrue="1">
      <formula>ISBLANK(BF89)=TRUE</formula>
    </cfRule>
    <cfRule type="expression" dxfId="10528" priority="10527" stopIfTrue="1">
      <formula>INDIRECT("第１の３表②!"&amp;CELL("address",DY89))="×××"</formula>
    </cfRule>
    <cfRule type="expression" dxfId="10527" priority="10528" stopIfTrue="1">
      <formula>INDIRECT("第１の３表②!"&amp;CELL("address",DY89))="××"</formula>
    </cfRule>
    <cfRule type="expression" dxfId="10526" priority="10529" stopIfTrue="1">
      <formula>INDIRECT("第１の３表②!"&amp;CELL("address",DY89))="×"</formula>
    </cfRule>
    <cfRule type="expression" dxfId="10525" priority="10530" stopIfTrue="1">
      <formula>ISBLANK(BF89)=FALSE</formula>
    </cfRule>
  </conditionalFormatting>
  <conditionalFormatting sqref="BI89:BJ90">
    <cfRule type="expression" dxfId="10524" priority="10521" stopIfTrue="1">
      <formula>ISBLANK(BI89)=TRUE</formula>
    </cfRule>
    <cfRule type="expression" dxfId="10523" priority="10522" stopIfTrue="1">
      <formula>INDIRECT("第１の３表②!"&amp;CELL("address",EB89))="×××"</formula>
    </cfRule>
    <cfRule type="expression" dxfId="10522" priority="10523" stopIfTrue="1">
      <formula>INDIRECT("第１の３表②!"&amp;CELL("address",EB89))="××"</formula>
    </cfRule>
    <cfRule type="expression" dxfId="10521" priority="10524" stopIfTrue="1">
      <formula>INDIRECT("第１の３表②!"&amp;CELL("address",EB89))="×"</formula>
    </cfRule>
    <cfRule type="expression" dxfId="10520" priority="10525" stopIfTrue="1">
      <formula>ISBLANK(BI89)=FALSE</formula>
    </cfRule>
  </conditionalFormatting>
  <conditionalFormatting sqref="BL89:BM90">
    <cfRule type="expression" dxfId="10519" priority="10516" stopIfTrue="1">
      <formula>ISBLANK(BL89)=TRUE</formula>
    </cfRule>
    <cfRule type="expression" dxfId="10518" priority="10517" stopIfTrue="1">
      <formula>INDIRECT("第１の３表②!"&amp;CELL("address",EE89))="×××"</formula>
    </cfRule>
    <cfRule type="expression" dxfId="10517" priority="10518" stopIfTrue="1">
      <formula>INDIRECT("第１の３表②!"&amp;CELL("address",EE89))="××"</formula>
    </cfRule>
    <cfRule type="expression" dxfId="10516" priority="10519" stopIfTrue="1">
      <formula>INDIRECT("第１の３表②!"&amp;CELL("address",EE89))="×"</formula>
    </cfRule>
    <cfRule type="expression" dxfId="10515" priority="10520" stopIfTrue="1">
      <formula>ISBLANK(BL89)=FALSE</formula>
    </cfRule>
  </conditionalFormatting>
  <conditionalFormatting sqref="BO89:BP90">
    <cfRule type="expression" dxfId="10514" priority="10511" stopIfTrue="1">
      <formula>ISBLANK(BO89)=TRUE</formula>
    </cfRule>
    <cfRule type="expression" dxfId="10513" priority="10512" stopIfTrue="1">
      <formula>INDIRECT("第１の３表②!"&amp;CELL("address",EH89))="×××"</formula>
    </cfRule>
    <cfRule type="expression" dxfId="10512" priority="10513" stopIfTrue="1">
      <formula>INDIRECT("第１の３表②!"&amp;CELL("address",EH89))="××"</formula>
    </cfRule>
    <cfRule type="expression" dxfId="10511" priority="10514" stopIfTrue="1">
      <formula>INDIRECT("第１の３表②!"&amp;CELL("address",EH89))="×"</formula>
    </cfRule>
    <cfRule type="expression" dxfId="10510" priority="10515" stopIfTrue="1">
      <formula>ISBLANK(BO89)=FALSE</formula>
    </cfRule>
  </conditionalFormatting>
  <conditionalFormatting sqref="G65:H66">
    <cfRule type="expression" dxfId="10509" priority="10506" stopIfTrue="1">
      <formula>ISBLANK(G65)=TRUE</formula>
    </cfRule>
    <cfRule type="expression" dxfId="10508" priority="10507" stopIfTrue="1">
      <formula>INDIRECT("第１の３表②!"&amp;CELL("address",BZ65))="×××"</formula>
    </cfRule>
    <cfRule type="expression" dxfId="10507" priority="10508" stopIfTrue="1">
      <formula>INDIRECT("第１の３表②!"&amp;CELL("address",BZ65))="××"</formula>
    </cfRule>
    <cfRule type="expression" dxfId="10506" priority="10509" stopIfTrue="1">
      <formula>INDIRECT("第１の３表②!"&amp;CELL("address",BZ65))="×"</formula>
    </cfRule>
    <cfRule type="expression" dxfId="10505" priority="10510" stopIfTrue="1">
      <formula>ISBLANK(G65)=FALSE</formula>
    </cfRule>
  </conditionalFormatting>
  <conditionalFormatting sqref="J65:K66">
    <cfRule type="expression" dxfId="10504" priority="10501" stopIfTrue="1">
      <formula>ISBLANK(J65)=TRUE</formula>
    </cfRule>
    <cfRule type="expression" dxfId="10503" priority="10502" stopIfTrue="1">
      <formula>INDIRECT("第１の３表②!"&amp;CELL("address",CC65))="×××"</formula>
    </cfRule>
    <cfRule type="expression" dxfId="10502" priority="10503" stopIfTrue="1">
      <formula>INDIRECT("第１の３表②!"&amp;CELL("address",CC65))="××"</formula>
    </cfRule>
    <cfRule type="expression" dxfId="10501" priority="10504" stopIfTrue="1">
      <formula>INDIRECT("第１の３表②!"&amp;CELL("address",CC65))="×"</formula>
    </cfRule>
    <cfRule type="expression" dxfId="10500" priority="10505" stopIfTrue="1">
      <formula>ISBLANK(J65)=FALSE</formula>
    </cfRule>
  </conditionalFormatting>
  <conditionalFormatting sqref="M65:N66">
    <cfRule type="expression" dxfId="10499" priority="10496" stopIfTrue="1">
      <formula>ISBLANK(M65)=TRUE</formula>
    </cfRule>
    <cfRule type="expression" dxfId="10498" priority="10497" stopIfTrue="1">
      <formula>INDIRECT("第１の３表②!"&amp;CELL("address",CF65))="×××"</formula>
    </cfRule>
    <cfRule type="expression" dxfId="10497" priority="10498" stopIfTrue="1">
      <formula>INDIRECT("第１の３表②!"&amp;CELL("address",CF65))="××"</formula>
    </cfRule>
    <cfRule type="expression" dxfId="10496" priority="10499" stopIfTrue="1">
      <formula>INDIRECT("第１の３表②!"&amp;CELL("address",CF65))="×"</formula>
    </cfRule>
    <cfRule type="expression" dxfId="10495" priority="10500" stopIfTrue="1">
      <formula>ISBLANK(M65)=FALSE</formula>
    </cfRule>
  </conditionalFormatting>
  <conditionalFormatting sqref="P65:Q66">
    <cfRule type="expression" dxfId="10494" priority="10491" stopIfTrue="1">
      <formula>ISBLANK(P65)=TRUE</formula>
    </cfRule>
    <cfRule type="expression" dxfId="10493" priority="10492" stopIfTrue="1">
      <formula>INDIRECT("第１の３表②!"&amp;CELL("address",CI65))="×××"</formula>
    </cfRule>
    <cfRule type="expression" dxfId="10492" priority="10493" stopIfTrue="1">
      <formula>INDIRECT("第１の３表②!"&amp;CELL("address",CI65))="××"</formula>
    </cfRule>
    <cfRule type="expression" dxfId="10491" priority="10494" stopIfTrue="1">
      <formula>INDIRECT("第１の３表②!"&amp;CELL("address",CI65))="×"</formula>
    </cfRule>
    <cfRule type="expression" dxfId="10490" priority="10495" stopIfTrue="1">
      <formula>ISBLANK(P65)=FALSE</formula>
    </cfRule>
  </conditionalFormatting>
  <conditionalFormatting sqref="S65:T66">
    <cfRule type="expression" dxfId="10489" priority="10486" stopIfTrue="1">
      <formula>ISBLANK(S65)=TRUE</formula>
    </cfRule>
    <cfRule type="expression" dxfId="10488" priority="10487" stopIfTrue="1">
      <formula>INDIRECT("第１の３表②!"&amp;CELL("address",CL65))="×××"</formula>
    </cfRule>
    <cfRule type="expression" dxfId="10487" priority="10488" stopIfTrue="1">
      <formula>INDIRECT("第１の３表②!"&amp;CELL("address",CL65))="××"</formula>
    </cfRule>
    <cfRule type="expression" dxfId="10486" priority="10489" stopIfTrue="1">
      <formula>INDIRECT("第１の３表②!"&amp;CELL("address",CL65))="×"</formula>
    </cfRule>
    <cfRule type="expression" dxfId="10485" priority="10490" stopIfTrue="1">
      <formula>ISBLANK(S65)=FALSE</formula>
    </cfRule>
  </conditionalFormatting>
  <conditionalFormatting sqref="V65:W66">
    <cfRule type="expression" dxfId="10484" priority="10481" stopIfTrue="1">
      <formula>ISBLANK(V65)=TRUE</formula>
    </cfRule>
    <cfRule type="expression" dxfId="10483" priority="10482" stopIfTrue="1">
      <formula>INDIRECT("第１の３表②!"&amp;CELL("address",CO65))="×××"</formula>
    </cfRule>
    <cfRule type="expression" dxfId="10482" priority="10483" stopIfTrue="1">
      <formula>INDIRECT("第１の３表②!"&amp;CELL("address",CO65))="××"</formula>
    </cfRule>
    <cfRule type="expression" dxfId="10481" priority="10484" stopIfTrue="1">
      <formula>INDIRECT("第１の３表②!"&amp;CELL("address",CO65))="×"</formula>
    </cfRule>
    <cfRule type="expression" dxfId="10480" priority="10485" stopIfTrue="1">
      <formula>ISBLANK(V65)=FALSE</formula>
    </cfRule>
  </conditionalFormatting>
  <conditionalFormatting sqref="Y65:Z66">
    <cfRule type="expression" dxfId="10479" priority="10476" stopIfTrue="1">
      <formula>ISBLANK(Y65)=TRUE</formula>
    </cfRule>
    <cfRule type="expression" dxfId="10478" priority="10477" stopIfTrue="1">
      <formula>INDIRECT("第１の３表②!"&amp;CELL("address",CR65))="×××"</formula>
    </cfRule>
    <cfRule type="expression" dxfId="10477" priority="10478" stopIfTrue="1">
      <formula>INDIRECT("第１の３表②!"&amp;CELL("address",CR65))="××"</formula>
    </cfRule>
    <cfRule type="expression" dxfId="10476" priority="10479" stopIfTrue="1">
      <formula>INDIRECT("第１の３表②!"&amp;CELL("address",CR65))="×"</formula>
    </cfRule>
    <cfRule type="expression" dxfId="10475" priority="10480" stopIfTrue="1">
      <formula>ISBLANK(Y65)=FALSE</formula>
    </cfRule>
  </conditionalFormatting>
  <conditionalFormatting sqref="AB65:AC66">
    <cfRule type="expression" dxfId="10474" priority="10471" stopIfTrue="1">
      <formula>ISBLANK(AB65)=TRUE</formula>
    </cfRule>
    <cfRule type="expression" dxfId="10473" priority="10472" stopIfTrue="1">
      <formula>INDIRECT("第１の３表②!"&amp;CELL("address",CU65))="×××"</formula>
    </cfRule>
    <cfRule type="expression" dxfId="10472" priority="10473" stopIfTrue="1">
      <formula>INDIRECT("第１の３表②!"&amp;CELL("address",CU65))="××"</formula>
    </cfRule>
    <cfRule type="expression" dxfId="10471" priority="10474" stopIfTrue="1">
      <formula>INDIRECT("第１の３表②!"&amp;CELL("address",CU65))="×"</formula>
    </cfRule>
    <cfRule type="expression" dxfId="10470" priority="10475" stopIfTrue="1">
      <formula>ISBLANK(AB65)=FALSE</formula>
    </cfRule>
  </conditionalFormatting>
  <conditionalFormatting sqref="AE65:AF66">
    <cfRule type="expression" dxfId="10469" priority="10466" stopIfTrue="1">
      <formula>ISBLANK(AE65)=TRUE</formula>
    </cfRule>
    <cfRule type="expression" dxfId="10468" priority="10467" stopIfTrue="1">
      <formula>INDIRECT("第１の３表②!"&amp;CELL("address",CX65))="×××"</formula>
    </cfRule>
    <cfRule type="expression" dxfId="10467" priority="10468" stopIfTrue="1">
      <formula>INDIRECT("第１の３表②!"&amp;CELL("address",CX65))="××"</formula>
    </cfRule>
    <cfRule type="expression" dxfId="10466" priority="10469" stopIfTrue="1">
      <formula>INDIRECT("第１の３表②!"&amp;CELL("address",CX65))="×"</formula>
    </cfRule>
    <cfRule type="expression" dxfId="10465" priority="10470" stopIfTrue="1">
      <formula>ISBLANK(AE65)=FALSE</formula>
    </cfRule>
  </conditionalFormatting>
  <conditionalFormatting sqref="AH65:AI66">
    <cfRule type="expression" dxfId="10464" priority="10461" stopIfTrue="1">
      <formula>ISBLANK(AH65)=TRUE</formula>
    </cfRule>
    <cfRule type="expression" dxfId="10463" priority="10462" stopIfTrue="1">
      <formula>INDIRECT("第１の３表②!"&amp;CELL("address",DA65))="×××"</formula>
    </cfRule>
    <cfRule type="expression" dxfId="10462" priority="10463" stopIfTrue="1">
      <formula>INDIRECT("第１の３表②!"&amp;CELL("address",DA65))="××"</formula>
    </cfRule>
    <cfRule type="expression" dxfId="10461" priority="10464" stopIfTrue="1">
      <formula>INDIRECT("第１の３表②!"&amp;CELL("address",DA65))="×"</formula>
    </cfRule>
    <cfRule type="expression" dxfId="10460" priority="10465" stopIfTrue="1">
      <formula>ISBLANK(AH65)=FALSE</formula>
    </cfRule>
  </conditionalFormatting>
  <conditionalFormatting sqref="AK65:AL66">
    <cfRule type="expression" dxfId="10459" priority="10456" stopIfTrue="1">
      <formula>ISBLANK(AK65)=TRUE</formula>
    </cfRule>
    <cfRule type="expression" dxfId="10458" priority="10457" stopIfTrue="1">
      <formula>INDIRECT("第１の３表②!"&amp;CELL("address",DD65))="×××"</formula>
    </cfRule>
    <cfRule type="expression" dxfId="10457" priority="10458" stopIfTrue="1">
      <formula>INDIRECT("第１の３表②!"&amp;CELL("address",DD65))="××"</formula>
    </cfRule>
    <cfRule type="expression" dxfId="10456" priority="10459" stopIfTrue="1">
      <formula>INDIRECT("第１の３表②!"&amp;CELL("address",DD65))="×"</formula>
    </cfRule>
    <cfRule type="expression" dxfId="10455" priority="10460" stopIfTrue="1">
      <formula>ISBLANK(AK65)=FALSE</formula>
    </cfRule>
  </conditionalFormatting>
  <conditionalFormatting sqref="AN65:AO66">
    <cfRule type="expression" dxfId="10454" priority="10451" stopIfTrue="1">
      <formula>ISBLANK(AN65)=TRUE</formula>
    </cfRule>
    <cfRule type="expression" dxfId="10453" priority="10452" stopIfTrue="1">
      <formula>INDIRECT("第１の３表②!"&amp;CELL("address",DG65))="×××"</formula>
    </cfRule>
    <cfRule type="expression" dxfId="10452" priority="10453" stopIfTrue="1">
      <formula>INDIRECT("第１の３表②!"&amp;CELL("address",DG65))="××"</formula>
    </cfRule>
    <cfRule type="expression" dxfId="10451" priority="10454" stopIfTrue="1">
      <formula>INDIRECT("第１の３表②!"&amp;CELL("address",DG65))="×"</formula>
    </cfRule>
    <cfRule type="expression" dxfId="10450" priority="10455" stopIfTrue="1">
      <formula>ISBLANK(AN65)=FALSE</formula>
    </cfRule>
  </conditionalFormatting>
  <conditionalFormatting sqref="AQ65:AR66">
    <cfRule type="expression" dxfId="10449" priority="10446" stopIfTrue="1">
      <formula>ISBLANK(AQ65)=TRUE</formula>
    </cfRule>
    <cfRule type="expression" dxfId="10448" priority="10447" stopIfTrue="1">
      <formula>INDIRECT("第１の３表②!"&amp;CELL("address",DJ65))="×××"</formula>
    </cfRule>
    <cfRule type="expression" dxfId="10447" priority="10448" stopIfTrue="1">
      <formula>INDIRECT("第１の３表②!"&amp;CELL("address",DJ65))="××"</formula>
    </cfRule>
    <cfRule type="expression" dxfId="10446" priority="10449" stopIfTrue="1">
      <formula>INDIRECT("第１の３表②!"&amp;CELL("address",DJ65))="×"</formula>
    </cfRule>
    <cfRule type="expression" dxfId="10445" priority="10450" stopIfTrue="1">
      <formula>ISBLANK(AQ65)=FALSE</formula>
    </cfRule>
  </conditionalFormatting>
  <conditionalFormatting sqref="AT65:AU66">
    <cfRule type="expression" dxfId="10444" priority="10441" stopIfTrue="1">
      <formula>ISBLANK(AT65)=TRUE</formula>
    </cfRule>
    <cfRule type="expression" dxfId="10443" priority="10442" stopIfTrue="1">
      <formula>INDIRECT("第１の３表②!"&amp;CELL("address",DM65))="×××"</formula>
    </cfRule>
    <cfRule type="expression" dxfId="10442" priority="10443" stopIfTrue="1">
      <formula>INDIRECT("第１の３表②!"&amp;CELL("address",DM65))="××"</formula>
    </cfRule>
    <cfRule type="expression" dxfId="10441" priority="10444" stopIfTrue="1">
      <formula>INDIRECT("第１の３表②!"&amp;CELL("address",DM65))="×"</formula>
    </cfRule>
    <cfRule type="expression" dxfId="10440" priority="10445" stopIfTrue="1">
      <formula>ISBLANK(AT65)=FALSE</formula>
    </cfRule>
  </conditionalFormatting>
  <conditionalFormatting sqref="AW65:AX66">
    <cfRule type="expression" dxfId="10439" priority="10436" stopIfTrue="1">
      <formula>ISBLANK(AW65)=TRUE</formula>
    </cfRule>
    <cfRule type="expression" dxfId="10438" priority="10437" stopIfTrue="1">
      <formula>INDIRECT("第１の３表②!"&amp;CELL("address",DP65))="×××"</formula>
    </cfRule>
    <cfRule type="expression" dxfId="10437" priority="10438" stopIfTrue="1">
      <formula>INDIRECT("第１の３表②!"&amp;CELL("address",DP65))="××"</formula>
    </cfRule>
    <cfRule type="expression" dxfId="10436" priority="10439" stopIfTrue="1">
      <formula>INDIRECT("第１の３表②!"&amp;CELL("address",DP65))="×"</formula>
    </cfRule>
    <cfRule type="expression" dxfId="10435" priority="10440" stopIfTrue="1">
      <formula>ISBLANK(AW65)=FALSE</formula>
    </cfRule>
  </conditionalFormatting>
  <conditionalFormatting sqref="AZ65:BA66">
    <cfRule type="expression" dxfId="10434" priority="10431" stopIfTrue="1">
      <formula>ISBLANK(AZ65)=TRUE</formula>
    </cfRule>
    <cfRule type="expression" dxfId="10433" priority="10432" stopIfTrue="1">
      <formula>INDIRECT("第１の３表②!"&amp;CELL("address",DS65))="×××"</formula>
    </cfRule>
    <cfRule type="expression" dxfId="10432" priority="10433" stopIfTrue="1">
      <formula>INDIRECT("第１の３表②!"&amp;CELL("address",DS65))="××"</formula>
    </cfRule>
    <cfRule type="expression" dxfId="10431" priority="10434" stopIfTrue="1">
      <formula>INDIRECT("第１の３表②!"&amp;CELL("address",DS65))="×"</formula>
    </cfRule>
    <cfRule type="expression" dxfId="10430" priority="10435" stopIfTrue="1">
      <formula>ISBLANK(AZ65)=FALSE</formula>
    </cfRule>
  </conditionalFormatting>
  <conditionalFormatting sqref="BC65:BD66">
    <cfRule type="expression" dxfId="10429" priority="10426" stopIfTrue="1">
      <formula>ISBLANK(BC65)=TRUE</formula>
    </cfRule>
    <cfRule type="expression" dxfId="10428" priority="10427" stopIfTrue="1">
      <formula>INDIRECT("第１の３表②!"&amp;CELL("address",DV65))="×××"</formula>
    </cfRule>
    <cfRule type="expression" dxfId="10427" priority="10428" stopIfTrue="1">
      <formula>INDIRECT("第１の３表②!"&amp;CELL("address",DV65))="××"</formula>
    </cfRule>
    <cfRule type="expression" dxfId="10426" priority="10429" stopIfTrue="1">
      <formula>INDIRECT("第１の３表②!"&amp;CELL("address",DV65))="×"</formula>
    </cfRule>
    <cfRule type="expression" dxfId="10425" priority="10430" stopIfTrue="1">
      <formula>ISBLANK(BC65)=FALSE</formula>
    </cfRule>
  </conditionalFormatting>
  <conditionalFormatting sqref="BF65:BG66">
    <cfRule type="expression" dxfId="10424" priority="10421" stopIfTrue="1">
      <formula>ISBLANK(BF65)=TRUE</formula>
    </cfRule>
    <cfRule type="expression" dxfId="10423" priority="10422" stopIfTrue="1">
      <formula>INDIRECT("第１の３表②!"&amp;CELL("address",DY65))="×××"</formula>
    </cfRule>
    <cfRule type="expression" dxfId="10422" priority="10423" stopIfTrue="1">
      <formula>INDIRECT("第１の３表②!"&amp;CELL("address",DY65))="××"</formula>
    </cfRule>
    <cfRule type="expression" dxfId="10421" priority="10424" stopIfTrue="1">
      <formula>INDIRECT("第１の３表②!"&amp;CELL("address",DY65))="×"</formula>
    </cfRule>
    <cfRule type="expression" dxfId="10420" priority="10425" stopIfTrue="1">
      <formula>ISBLANK(BF65)=FALSE</formula>
    </cfRule>
  </conditionalFormatting>
  <conditionalFormatting sqref="BI65:BJ66">
    <cfRule type="expression" dxfId="10419" priority="10416" stopIfTrue="1">
      <formula>ISBLANK(BI65)=TRUE</formula>
    </cfRule>
    <cfRule type="expression" dxfId="10418" priority="10417" stopIfTrue="1">
      <formula>INDIRECT("第１の３表②!"&amp;CELL("address",EB65))="×××"</formula>
    </cfRule>
    <cfRule type="expression" dxfId="10417" priority="10418" stopIfTrue="1">
      <formula>INDIRECT("第１の３表②!"&amp;CELL("address",EB65))="××"</formula>
    </cfRule>
    <cfRule type="expression" dxfId="10416" priority="10419" stopIfTrue="1">
      <formula>INDIRECT("第１の３表②!"&amp;CELL("address",EB65))="×"</formula>
    </cfRule>
    <cfRule type="expression" dxfId="10415" priority="10420" stopIfTrue="1">
      <formula>ISBLANK(BI65)=FALSE</formula>
    </cfRule>
  </conditionalFormatting>
  <conditionalFormatting sqref="BL65:BM66">
    <cfRule type="expression" dxfId="10414" priority="10411" stopIfTrue="1">
      <formula>ISBLANK(BL65)=TRUE</formula>
    </cfRule>
    <cfRule type="expression" dxfId="10413" priority="10412" stopIfTrue="1">
      <formula>INDIRECT("第１の３表②!"&amp;CELL("address",EE65))="×××"</formula>
    </cfRule>
    <cfRule type="expression" dxfId="10412" priority="10413" stopIfTrue="1">
      <formula>INDIRECT("第１の３表②!"&amp;CELL("address",EE65))="××"</formula>
    </cfRule>
    <cfRule type="expression" dxfId="10411" priority="10414" stopIfTrue="1">
      <formula>INDIRECT("第１の３表②!"&amp;CELL("address",EE65))="×"</formula>
    </cfRule>
    <cfRule type="expression" dxfId="10410" priority="10415" stopIfTrue="1">
      <formula>ISBLANK(BL65)=FALSE</formula>
    </cfRule>
  </conditionalFormatting>
  <conditionalFormatting sqref="BO65:BP66">
    <cfRule type="expression" dxfId="10409" priority="10406" stopIfTrue="1">
      <formula>ISBLANK(BO65)=TRUE</formula>
    </cfRule>
    <cfRule type="expression" dxfId="10408" priority="10407" stopIfTrue="1">
      <formula>INDIRECT("第１の３表②!"&amp;CELL("address",EH65))="×××"</formula>
    </cfRule>
    <cfRule type="expression" dxfId="10407" priority="10408" stopIfTrue="1">
      <formula>INDIRECT("第１の３表②!"&amp;CELL("address",EH65))="××"</formula>
    </cfRule>
    <cfRule type="expression" dxfId="10406" priority="10409" stopIfTrue="1">
      <formula>INDIRECT("第１の３表②!"&amp;CELL("address",EH65))="×"</formula>
    </cfRule>
    <cfRule type="expression" dxfId="10405" priority="10410" stopIfTrue="1">
      <formula>ISBLANK(BO65)=FALSE</formula>
    </cfRule>
  </conditionalFormatting>
  <conditionalFormatting sqref="D13:BQ13 D16:BQ16 D19:BQ19 D22:BQ22 D25:BQ25 D28:BQ28 D31:BQ31 D34:BQ34 D37:BQ37 D40:BQ40 D43:BQ43 D46:BQ46 D49:BQ49 D52:BQ52 D55:BQ55 D58:BQ58 D61:BQ61 D64:BQ64 D67:BQ67 D70:BQ70 D73:BQ73 D76:BQ76 D79:BQ79 D11:F12 D14:F15 D17:F18 D20:F21 D23:F24 D26:F27 D29:F30 D32:F33 D35:F36 D38:F39 D41:F42 D44:F45 D47:F48 D50:F51 D53:F54 D56:F57 D59:F60 D62:F63 D65:F66 D68:F69 D71:F72 D74:F75 D77:F78 I11:I12 I14:I15 I17:I18 I20:I21 I23:I24 I26:I27 I29:I30 I32:I33 I35:I36 I38:I39 I41:I42 I44:I45 I47:I48 I50:I51 I53:I54 I56:I57 I59:I60 I62:I63 I65:I66 I68:I69 I71:I72 I74:I75 I77:I78 L11:L12 L14:L15 L17:L18 L20:L21 L23:L24 L26:L27 L29:L30 L32:L33 L35:L36 L38:L39 L41:L42 L44:L45 L47:L48 L50:L51 L53:L54 L56:L57 L59:L60 L62:L63 L65:L66 L68:L69 L71:L72 L74:L75 L77:L78 O11:O12 O14:O15 O17:O18 O20:O21 O23:O24 O26:O27 O29:O30 O32:O33 O35:O36 O38:O39 O41:O42 O44:O45 O47:O48 O50:O51 O53:O54 O56:O57 O59:O60 O62:O63 O65:O66 O68:O69 O71:O72 O74:O75 O77:O78 R11:R12 R14:R15 R17:R18 R20:R21 R23:R24 R26:R27 R29:R30 R32:R33 R35:R36 R38:R39 R41:R42 R44:R45 R47:R48 R50:R51 R53:R54 R56:R57 R59:R60 R62:R63 R65:R66 R68:R69 R71:R72 R74:R75 R77:R78 U11:U12 U14:U15 U17:U18 U20:U21 U23:U24 U26:U27 U29:U30 U32:U33 U35:U36 U38:U39 U41:U42 U44:U45 U47:U48 U50:U51 U53:U54 U56:U57 U59:U60 U62:U63 U65:U66 U68:U69 U71:U72 U74:U75 U77:U78 X11:X12 X14:X15 X17:X18 X20:X21 X23:X24 X26:X27 X29:X30 X32:X33 X35:X36 X38:X39 X41:X42 X44:X45 X47:X48 X50:X51 X53:X54 X56:X57 X59:X60 X62:X63 X65:X66 X68:X69 X71:X72 X74:X75 X77:X78 AA11:AA12 AA14:AA15 AA17:AA18 AA20:AA21 AA23:AA24 AA26:AA27 AA29:AA30 AA32:AA33 AA35:AA36 AA38:AA39 AA41:AA42 AA44:AA45 AA47:AA48 AA50:AA51 AA53:AA54 AA56:AA57 AA59:AA60 AA62:AA63 AA65:AA66 AA68:AA69 AA71:AA72 AA74:AA75 AA77:AA78 AD11:AD12 AD14:AD15 AD17:AD18 AD20:AD21 AD23:AD24 AD26:AD27 AD29:AD30 AD32:AD33 AD35:AD36 AD38:AD39 AD41:AD42 AD44:AD45 AD47:AD48 AD50:AD51 AD53:AD54 AD56:AD57 AD59:AD60 AD62:AD63 AD65:AD66 AD68:AD69 AD71:AD72 AD74:AD75 AD77:AD78 AG11:AG12 AG14:AG15 AG17:AG18 AG20:AG21 AG23:AG24 AG26:AG27 AG29:AG30 AG32:AG33 AG35:AG36 AG38:AG39 AG41:AG42 AG44:AG45 AG47:AG48 AG50:AG51 AG53:AG54 AG56:AG57 AG59:AG60 AG62:AG63 AG65:AG66 AG68:AG69 AG71:AG72 AG74:AG75 AG77:AG78 AJ11:AJ12 AJ14:AJ15 AJ17:AJ18 AJ20:AJ21 AJ23:AJ24 AJ26:AJ27 AJ29:AJ30 AJ32:AJ33 AJ35:AJ36 AJ38:AJ39 AJ41:AJ42 AJ44:AJ45 AJ47:AJ48 AJ50:AJ51 AJ53:AJ54 AJ56:AJ57 AJ59:AJ60 AJ62:AJ63 AJ65:AJ66 AJ68:AJ69 AJ71:AJ72 AJ74:AJ75 AJ77:AJ78 AM11:AM12 AM14:AM15 AM17:AM18 AM20:AM21 AM23:AM24 AM26:AM27 AM29:AM30 AM32:AM33 AM35:AM36 AM38:AM39 AM41:AM42 AM44:AM45 AM47:AM48 AM50:AM51 AM53:AM54 AM56:AM57 AM59:AM60 AM62:AM63 AM65:AM66 AM68:AM69 AM71:AM72 AM74:AM75 AM77:AM78 AP11:AP12 AP14:AP15 AP17:AP18 AP20:AP21 AP23:AP24 AP26:AP27 AP29:AP30 AP32:AP33 AP35:AP36 AP38:AP39 AP41:AP42 AP44:AP45 AP47:AP48 AP50:AP51 AP53:AP54 AP56:AP57 AP59:AP60 AP62:AP63 AP65:AP66 AP68:AP69 AP71:AP72 AP74:AP75 AP77:AP78 AS11:AS12 AS14:AS15 AS17:AS18 AS20:AS21 AS23:AS24 AS26:AS27 AS29:AS30 AS32:AS33 AS35:AS36 AS38:AS39 AS41:AS42 AS44:AS45 AS47:AS48 AS50:AS51 AS53:AS54 AS56:AS57 AS59:AS60 AS62:AS63 AS65:AS66 AS68:AS69 AS71:AS72 AS74:AS75 AS77:AS78 AV11:AV12 AV14:AV15 AV17:AV18 AV20:AV21 AV23:AV24 AV26:AV27 AV29:AV30 AV32:AV33 AV35:AV36 AV38:AV39 AV41:AV42 AV44:AV45 AV47:AV48 AV50:AV51 AV53:AV54 AV56:AV57 AV59:AV60 AV62:AV63 AV65:AV66 AV68:AV69 AV71:AV72 AV74:AV75 AV77:AV78 AY11:AY12 AY14:AY15 AY17:AY18 AY20:AY21 AY23:AY24 AY26:AY27 AY29:AY30 AY32:AY33 AY35:AY36 AY38:AY39 AY41:AY42 AY44:AY45 AY47:AY48 AY50:AY51 AY53:AY54 AY56:AY57 AY59:AY60 AY62:AY63 AY65:AY66 AY68:AY69 AY71:AY72 AY74:AY75 AY77:AY78 BB11:BB12 BB14:BB15 BB17:BB18 BB20:BB21 BB23:BB24 BB26:BB27 BB29:BB30 BB32:BB33 BB35:BB36 BB38:BB39 BB41:BB42 BB44:BB45 BB47:BB48 BB50:BB51 BB53:BB54 BB56:BB57 BB59:BB60 BB62:BB63 BB65:BB66 BB68:BB69 BB71:BB72 BB74:BB75 BB77:BB78 BE11:BE12 BE14:BE15 BE17:BE18 BE20:BE21 BE23:BE24 BE26:BE27 BE29:BE30 BE32:BE33 BE35:BE36 BE38:BE39 BE41:BE42 BE44:BE45 BE47:BE48 BE50:BE51 BE53:BE54 BE56:BE57 BE59:BE60 BE62:BE63 BE65:BE66 BE68:BE69 BE71:BE72 BE74:BE75 BE77:BE78 BH11:BH12 BH14:BH15 BH17:BH18 BH20:BH21 BH23:BH24 BH26:BH27 BH29:BH30 BH32:BH33 BH35:BH36 BH38:BH39 BH41:BH42 BH44:BH45 BH47:BH48 BH50:BH51 BH53:BH54 BH56:BH57 BH59:BH60 BH62:BH63 BH65:BH66 BH68:BH69 BH71:BH72 BH74:BH75 BH77:BH78 BK11:BK12 BK14:BK15 BK17:BK18 BK20:BK21 BK23:BK24 BK26:BK27 BK29:BK30 BK32:BK33 BK35:BK36 BK38:BK39 BK41:BK42 BK44:BK45 BK47:BK48 BK50:BK51 BK53:BK54 BK56:BK57 BK59:BK60 BK62:BK63 BK65:BK66 BK68:BK69 BK71:BK72 BK74:BK75 BK77:BK78 BN11:BN12 BN14:BN15 BN17:BN18 BN20:BN21 BN23:BN24 BN26:BN27 BN29:BN30 BN32:BN33 BN35:BN36 BN38:BN39 BN41:BN42 BN44:BN45 BN47:BN48 BN50:BN51 BN53:BN54 BN56:BN57 BN59:BN60 BN62:BN63 BN65:BN66 BN68:BN69 BN71:BN72 BN74:BN75 BN77:BN78 BQ11:BQ12 BQ14:BQ15 BQ17:BQ18 BQ20:BQ21 BQ23:BQ24 BQ26:BQ27 BQ29:BQ30">
    <cfRule type="expression" dxfId="10404" priority="10401" stopIfTrue="1">
      <formula>ISBLANK(D11)=TRUE</formula>
    </cfRule>
    <cfRule type="expression" dxfId="10403" priority="10402" stopIfTrue="1">
      <formula>INDIRECT("第１の３表②!"&amp;CELL("address",BW11))="×××"</formula>
    </cfRule>
    <cfRule type="expression" dxfId="10402" priority="10403" stopIfTrue="1">
      <formula>INDIRECT("第１の３表②!"&amp;CELL("address",BW11))="××"</formula>
    </cfRule>
    <cfRule type="expression" dxfId="10401" priority="10404" stopIfTrue="1">
      <formula>INDIRECT("第１の３表②!"&amp;CELL("address",BW11))="×"</formula>
    </cfRule>
    <cfRule type="expression" dxfId="10400" priority="10405" stopIfTrue="1">
      <formula>ISBLANK(D11)=FALSE</formula>
    </cfRule>
  </conditionalFormatting>
  <conditionalFormatting sqref="G65:H66">
    <cfRule type="expression" dxfId="10399" priority="10396" stopIfTrue="1">
      <formula>ISBLANK(G65)=TRUE</formula>
    </cfRule>
    <cfRule type="expression" dxfId="10398" priority="10397" stopIfTrue="1">
      <formula>INDIRECT("第１の３表②!"&amp;CELL("address",BZ65))="×××"</formula>
    </cfRule>
    <cfRule type="expression" dxfId="10397" priority="10398" stopIfTrue="1">
      <formula>INDIRECT("第１の３表②!"&amp;CELL("address",BZ65))="××"</formula>
    </cfRule>
    <cfRule type="expression" dxfId="10396" priority="10399" stopIfTrue="1">
      <formula>INDIRECT("第１の３表②!"&amp;CELL("address",BZ65))="×"</formula>
    </cfRule>
    <cfRule type="expression" dxfId="10395" priority="10400" stopIfTrue="1">
      <formula>ISBLANK(G65)=FALSE</formula>
    </cfRule>
  </conditionalFormatting>
  <conditionalFormatting sqref="J65:K66">
    <cfRule type="expression" dxfId="10394" priority="10391" stopIfTrue="1">
      <formula>ISBLANK(J65)=TRUE</formula>
    </cfRule>
    <cfRule type="expression" dxfId="10393" priority="10392" stopIfTrue="1">
      <formula>INDIRECT("第１の３表②!"&amp;CELL("address",CC65))="×××"</formula>
    </cfRule>
    <cfRule type="expression" dxfId="10392" priority="10393" stopIfTrue="1">
      <formula>INDIRECT("第１の３表②!"&amp;CELL("address",CC65))="××"</formula>
    </cfRule>
    <cfRule type="expression" dxfId="10391" priority="10394" stopIfTrue="1">
      <formula>INDIRECT("第１の３表②!"&amp;CELL("address",CC65))="×"</formula>
    </cfRule>
    <cfRule type="expression" dxfId="10390" priority="10395" stopIfTrue="1">
      <formula>ISBLANK(J65)=FALSE</formula>
    </cfRule>
  </conditionalFormatting>
  <conditionalFormatting sqref="M65:N66">
    <cfRule type="expression" dxfId="10389" priority="10386" stopIfTrue="1">
      <formula>ISBLANK(M65)=TRUE</formula>
    </cfRule>
    <cfRule type="expression" dxfId="10388" priority="10387" stopIfTrue="1">
      <formula>INDIRECT("第１の３表②!"&amp;CELL("address",CF65))="×××"</formula>
    </cfRule>
    <cfRule type="expression" dxfId="10387" priority="10388" stopIfTrue="1">
      <formula>INDIRECT("第１の３表②!"&amp;CELL("address",CF65))="××"</formula>
    </cfRule>
    <cfRule type="expression" dxfId="10386" priority="10389" stopIfTrue="1">
      <formula>INDIRECT("第１の３表②!"&amp;CELL("address",CF65))="×"</formula>
    </cfRule>
    <cfRule type="expression" dxfId="10385" priority="10390" stopIfTrue="1">
      <formula>ISBLANK(M65)=FALSE</formula>
    </cfRule>
  </conditionalFormatting>
  <conditionalFormatting sqref="P65:Q66">
    <cfRule type="expression" dxfId="10384" priority="10381" stopIfTrue="1">
      <formula>ISBLANK(P65)=TRUE</formula>
    </cfRule>
    <cfRule type="expression" dxfId="10383" priority="10382" stopIfTrue="1">
      <formula>INDIRECT("第１の３表②!"&amp;CELL("address",CI65))="×××"</formula>
    </cfRule>
    <cfRule type="expression" dxfId="10382" priority="10383" stopIfTrue="1">
      <formula>INDIRECT("第１の３表②!"&amp;CELL("address",CI65))="××"</formula>
    </cfRule>
    <cfRule type="expression" dxfId="10381" priority="10384" stopIfTrue="1">
      <formula>INDIRECT("第１の３表②!"&amp;CELL("address",CI65))="×"</formula>
    </cfRule>
    <cfRule type="expression" dxfId="10380" priority="10385" stopIfTrue="1">
      <formula>ISBLANK(P65)=FALSE</formula>
    </cfRule>
  </conditionalFormatting>
  <conditionalFormatting sqref="S65:T66">
    <cfRule type="expression" dxfId="10379" priority="10376" stopIfTrue="1">
      <formula>ISBLANK(S65)=TRUE</formula>
    </cfRule>
    <cfRule type="expression" dxfId="10378" priority="10377" stopIfTrue="1">
      <formula>INDIRECT("第１の３表②!"&amp;CELL("address",CL65))="×××"</formula>
    </cfRule>
    <cfRule type="expression" dxfId="10377" priority="10378" stopIfTrue="1">
      <formula>INDIRECT("第１の３表②!"&amp;CELL("address",CL65))="××"</formula>
    </cfRule>
    <cfRule type="expression" dxfId="10376" priority="10379" stopIfTrue="1">
      <formula>INDIRECT("第１の３表②!"&amp;CELL("address",CL65))="×"</formula>
    </cfRule>
    <cfRule type="expression" dxfId="10375" priority="10380" stopIfTrue="1">
      <formula>ISBLANK(S65)=FALSE</formula>
    </cfRule>
  </conditionalFormatting>
  <conditionalFormatting sqref="V65:W66">
    <cfRule type="expression" dxfId="10374" priority="10371" stopIfTrue="1">
      <formula>ISBLANK(V65)=TRUE</formula>
    </cfRule>
    <cfRule type="expression" dxfId="10373" priority="10372" stopIfTrue="1">
      <formula>INDIRECT("第１の３表②!"&amp;CELL("address",CO65))="×××"</formula>
    </cfRule>
    <cfRule type="expression" dxfId="10372" priority="10373" stopIfTrue="1">
      <formula>INDIRECT("第１の３表②!"&amp;CELL("address",CO65))="××"</formula>
    </cfRule>
    <cfRule type="expression" dxfId="10371" priority="10374" stopIfTrue="1">
      <formula>INDIRECT("第１の３表②!"&amp;CELL("address",CO65))="×"</formula>
    </cfRule>
    <cfRule type="expression" dxfId="10370" priority="10375" stopIfTrue="1">
      <formula>ISBLANK(V65)=FALSE</formula>
    </cfRule>
  </conditionalFormatting>
  <conditionalFormatting sqref="Y65:Z66">
    <cfRule type="expression" dxfId="10369" priority="10366" stopIfTrue="1">
      <formula>ISBLANK(Y65)=TRUE</formula>
    </cfRule>
    <cfRule type="expression" dxfId="10368" priority="10367" stopIfTrue="1">
      <formula>INDIRECT("第１の３表②!"&amp;CELL("address",CR65))="×××"</formula>
    </cfRule>
    <cfRule type="expression" dxfId="10367" priority="10368" stopIfTrue="1">
      <formula>INDIRECT("第１の３表②!"&amp;CELL("address",CR65))="××"</formula>
    </cfRule>
    <cfRule type="expression" dxfId="10366" priority="10369" stopIfTrue="1">
      <formula>INDIRECT("第１の３表②!"&amp;CELL("address",CR65))="×"</formula>
    </cfRule>
    <cfRule type="expression" dxfId="10365" priority="10370" stopIfTrue="1">
      <formula>ISBLANK(Y65)=FALSE</formula>
    </cfRule>
  </conditionalFormatting>
  <conditionalFormatting sqref="AB65:AC66">
    <cfRule type="expression" dxfId="10364" priority="10361" stopIfTrue="1">
      <formula>ISBLANK(AB65)=TRUE</formula>
    </cfRule>
    <cfRule type="expression" dxfId="10363" priority="10362" stopIfTrue="1">
      <formula>INDIRECT("第１の３表②!"&amp;CELL("address",CU65))="×××"</formula>
    </cfRule>
    <cfRule type="expression" dxfId="10362" priority="10363" stopIfTrue="1">
      <formula>INDIRECT("第１の３表②!"&amp;CELL("address",CU65))="××"</formula>
    </cfRule>
    <cfRule type="expression" dxfId="10361" priority="10364" stopIfTrue="1">
      <formula>INDIRECT("第１の３表②!"&amp;CELL("address",CU65))="×"</formula>
    </cfRule>
    <cfRule type="expression" dxfId="10360" priority="10365" stopIfTrue="1">
      <formula>ISBLANK(AB65)=FALSE</formula>
    </cfRule>
  </conditionalFormatting>
  <conditionalFormatting sqref="AE65:AF66">
    <cfRule type="expression" dxfId="10359" priority="10356" stopIfTrue="1">
      <formula>ISBLANK(AE65)=TRUE</formula>
    </cfRule>
    <cfRule type="expression" dxfId="10358" priority="10357" stopIfTrue="1">
      <formula>INDIRECT("第１の３表②!"&amp;CELL("address",CX65))="×××"</formula>
    </cfRule>
    <cfRule type="expression" dxfId="10357" priority="10358" stopIfTrue="1">
      <formula>INDIRECT("第１の３表②!"&amp;CELL("address",CX65))="××"</formula>
    </cfRule>
    <cfRule type="expression" dxfId="10356" priority="10359" stopIfTrue="1">
      <formula>INDIRECT("第１の３表②!"&amp;CELL("address",CX65))="×"</formula>
    </cfRule>
    <cfRule type="expression" dxfId="10355" priority="10360" stopIfTrue="1">
      <formula>ISBLANK(AE65)=FALSE</formula>
    </cfRule>
  </conditionalFormatting>
  <conditionalFormatting sqref="AH65:AI66">
    <cfRule type="expression" dxfId="10354" priority="10351" stopIfTrue="1">
      <formula>ISBLANK(AH65)=TRUE</formula>
    </cfRule>
    <cfRule type="expression" dxfId="10353" priority="10352" stopIfTrue="1">
      <formula>INDIRECT("第１の３表②!"&amp;CELL("address",DA65))="×××"</formula>
    </cfRule>
    <cfRule type="expression" dxfId="10352" priority="10353" stopIfTrue="1">
      <formula>INDIRECT("第１の３表②!"&amp;CELL("address",DA65))="××"</formula>
    </cfRule>
    <cfRule type="expression" dxfId="10351" priority="10354" stopIfTrue="1">
      <formula>INDIRECT("第１の３表②!"&amp;CELL("address",DA65))="×"</formula>
    </cfRule>
    <cfRule type="expression" dxfId="10350" priority="10355" stopIfTrue="1">
      <formula>ISBLANK(AH65)=FALSE</formula>
    </cfRule>
  </conditionalFormatting>
  <conditionalFormatting sqref="AK65:AL66">
    <cfRule type="expression" dxfId="10349" priority="10346" stopIfTrue="1">
      <formula>ISBLANK(AK65)=TRUE</formula>
    </cfRule>
    <cfRule type="expression" dxfId="10348" priority="10347" stopIfTrue="1">
      <formula>INDIRECT("第１の３表②!"&amp;CELL("address",DD65))="×××"</formula>
    </cfRule>
    <cfRule type="expression" dxfId="10347" priority="10348" stopIfTrue="1">
      <formula>INDIRECT("第１の３表②!"&amp;CELL("address",DD65))="××"</formula>
    </cfRule>
    <cfRule type="expression" dxfId="10346" priority="10349" stopIfTrue="1">
      <formula>INDIRECT("第１の３表②!"&amp;CELL("address",DD65))="×"</formula>
    </cfRule>
    <cfRule type="expression" dxfId="10345" priority="10350" stopIfTrue="1">
      <formula>ISBLANK(AK65)=FALSE</formula>
    </cfRule>
  </conditionalFormatting>
  <conditionalFormatting sqref="AN65:AO66">
    <cfRule type="expression" dxfId="10344" priority="10341" stopIfTrue="1">
      <formula>ISBLANK(AN65)=TRUE</formula>
    </cfRule>
    <cfRule type="expression" dxfId="10343" priority="10342" stopIfTrue="1">
      <formula>INDIRECT("第１の３表②!"&amp;CELL("address",DG65))="×××"</formula>
    </cfRule>
    <cfRule type="expression" dxfId="10342" priority="10343" stopIfTrue="1">
      <formula>INDIRECT("第１の３表②!"&amp;CELL("address",DG65))="××"</formula>
    </cfRule>
    <cfRule type="expression" dxfId="10341" priority="10344" stopIfTrue="1">
      <formula>INDIRECT("第１の３表②!"&amp;CELL("address",DG65))="×"</formula>
    </cfRule>
    <cfRule type="expression" dxfId="10340" priority="10345" stopIfTrue="1">
      <formula>ISBLANK(AN65)=FALSE</formula>
    </cfRule>
  </conditionalFormatting>
  <conditionalFormatting sqref="AQ65:AR66">
    <cfRule type="expression" dxfId="10339" priority="10336" stopIfTrue="1">
      <formula>ISBLANK(AQ65)=TRUE</formula>
    </cfRule>
    <cfRule type="expression" dxfId="10338" priority="10337" stopIfTrue="1">
      <formula>INDIRECT("第１の３表②!"&amp;CELL("address",DJ65))="×××"</formula>
    </cfRule>
    <cfRule type="expression" dxfId="10337" priority="10338" stopIfTrue="1">
      <formula>INDIRECT("第１の３表②!"&amp;CELL("address",DJ65))="××"</formula>
    </cfRule>
    <cfRule type="expression" dxfId="10336" priority="10339" stopIfTrue="1">
      <formula>INDIRECT("第１の３表②!"&amp;CELL("address",DJ65))="×"</formula>
    </cfRule>
    <cfRule type="expression" dxfId="10335" priority="10340" stopIfTrue="1">
      <formula>ISBLANK(AQ65)=FALSE</formula>
    </cfRule>
  </conditionalFormatting>
  <conditionalFormatting sqref="AT65:AU66">
    <cfRule type="expression" dxfId="10334" priority="10331" stopIfTrue="1">
      <formula>ISBLANK(AT65)=TRUE</formula>
    </cfRule>
    <cfRule type="expression" dxfId="10333" priority="10332" stopIfTrue="1">
      <formula>INDIRECT("第１の３表②!"&amp;CELL("address",DM65))="×××"</formula>
    </cfRule>
    <cfRule type="expression" dxfId="10332" priority="10333" stopIfTrue="1">
      <formula>INDIRECT("第１の３表②!"&amp;CELL("address",DM65))="××"</formula>
    </cfRule>
    <cfRule type="expression" dxfId="10331" priority="10334" stopIfTrue="1">
      <formula>INDIRECT("第１の３表②!"&amp;CELL("address",DM65))="×"</formula>
    </cfRule>
    <cfRule type="expression" dxfId="10330" priority="10335" stopIfTrue="1">
      <formula>ISBLANK(AT65)=FALSE</formula>
    </cfRule>
  </conditionalFormatting>
  <conditionalFormatting sqref="AW65:AX66">
    <cfRule type="expression" dxfId="10329" priority="10326" stopIfTrue="1">
      <formula>ISBLANK(AW65)=TRUE</formula>
    </cfRule>
    <cfRule type="expression" dxfId="10328" priority="10327" stopIfTrue="1">
      <formula>INDIRECT("第１の３表②!"&amp;CELL("address",DP65))="×××"</formula>
    </cfRule>
    <cfRule type="expression" dxfId="10327" priority="10328" stopIfTrue="1">
      <formula>INDIRECT("第１の３表②!"&amp;CELL("address",DP65))="××"</formula>
    </cfRule>
    <cfRule type="expression" dxfId="10326" priority="10329" stopIfTrue="1">
      <formula>INDIRECT("第１の３表②!"&amp;CELL("address",DP65))="×"</formula>
    </cfRule>
    <cfRule type="expression" dxfId="10325" priority="10330" stopIfTrue="1">
      <formula>ISBLANK(AW65)=FALSE</formula>
    </cfRule>
  </conditionalFormatting>
  <conditionalFormatting sqref="AZ65:BA66">
    <cfRule type="expression" dxfId="10324" priority="10321" stopIfTrue="1">
      <formula>ISBLANK(AZ65)=TRUE</formula>
    </cfRule>
    <cfRule type="expression" dxfId="10323" priority="10322" stopIfTrue="1">
      <formula>INDIRECT("第１の３表②!"&amp;CELL("address",DS65))="×××"</formula>
    </cfRule>
    <cfRule type="expression" dxfId="10322" priority="10323" stopIfTrue="1">
      <formula>INDIRECT("第１の３表②!"&amp;CELL("address",DS65))="××"</formula>
    </cfRule>
    <cfRule type="expression" dxfId="10321" priority="10324" stopIfTrue="1">
      <formula>INDIRECT("第１の３表②!"&amp;CELL("address",DS65))="×"</formula>
    </cfRule>
    <cfRule type="expression" dxfId="10320" priority="10325" stopIfTrue="1">
      <formula>ISBLANK(AZ65)=FALSE</formula>
    </cfRule>
  </conditionalFormatting>
  <conditionalFormatting sqref="BC65:BD66">
    <cfRule type="expression" dxfId="10319" priority="10316" stopIfTrue="1">
      <formula>ISBLANK(BC65)=TRUE</formula>
    </cfRule>
    <cfRule type="expression" dxfId="10318" priority="10317" stopIfTrue="1">
      <formula>INDIRECT("第１の３表②!"&amp;CELL("address",DV65))="×××"</formula>
    </cfRule>
    <cfRule type="expression" dxfId="10317" priority="10318" stopIfTrue="1">
      <formula>INDIRECT("第１の３表②!"&amp;CELL("address",DV65))="××"</formula>
    </cfRule>
    <cfRule type="expression" dxfId="10316" priority="10319" stopIfTrue="1">
      <formula>INDIRECT("第１の３表②!"&amp;CELL("address",DV65))="×"</formula>
    </cfRule>
    <cfRule type="expression" dxfId="10315" priority="10320" stopIfTrue="1">
      <formula>ISBLANK(BC65)=FALSE</formula>
    </cfRule>
  </conditionalFormatting>
  <conditionalFormatting sqref="BF65:BG66">
    <cfRule type="expression" dxfId="10314" priority="10311" stopIfTrue="1">
      <formula>ISBLANK(BF65)=TRUE</formula>
    </cfRule>
    <cfRule type="expression" dxfId="10313" priority="10312" stopIfTrue="1">
      <formula>INDIRECT("第１の３表②!"&amp;CELL("address",DY65))="×××"</formula>
    </cfRule>
    <cfRule type="expression" dxfId="10312" priority="10313" stopIfTrue="1">
      <formula>INDIRECT("第１の３表②!"&amp;CELL("address",DY65))="××"</formula>
    </cfRule>
    <cfRule type="expression" dxfId="10311" priority="10314" stopIfTrue="1">
      <formula>INDIRECT("第１の３表②!"&amp;CELL("address",DY65))="×"</formula>
    </cfRule>
    <cfRule type="expression" dxfId="10310" priority="10315" stopIfTrue="1">
      <formula>ISBLANK(BF65)=FALSE</formula>
    </cfRule>
  </conditionalFormatting>
  <conditionalFormatting sqref="BI65:BJ66">
    <cfRule type="expression" dxfId="10309" priority="10306" stopIfTrue="1">
      <formula>ISBLANK(BI65)=TRUE</formula>
    </cfRule>
    <cfRule type="expression" dxfId="10308" priority="10307" stopIfTrue="1">
      <formula>INDIRECT("第１の３表②!"&amp;CELL("address",EB65))="×××"</formula>
    </cfRule>
    <cfRule type="expression" dxfId="10307" priority="10308" stopIfTrue="1">
      <formula>INDIRECT("第１の３表②!"&amp;CELL("address",EB65))="××"</formula>
    </cfRule>
    <cfRule type="expression" dxfId="10306" priority="10309" stopIfTrue="1">
      <formula>INDIRECT("第１の３表②!"&amp;CELL("address",EB65))="×"</formula>
    </cfRule>
    <cfRule type="expression" dxfId="10305" priority="10310" stopIfTrue="1">
      <formula>ISBLANK(BI65)=FALSE</formula>
    </cfRule>
  </conditionalFormatting>
  <conditionalFormatting sqref="BL65:BM66">
    <cfRule type="expression" dxfId="10304" priority="10301" stopIfTrue="1">
      <formula>ISBLANK(BL65)=TRUE</formula>
    </cfRule>
    <cfRule type="expression" dxfId="10303" priority="10302" stopIfTrue="1">
      <formula>INDIRECT("第１の３表②!"&amp;CELL("address",EE65))="×××"</formula>
    </cfRule>
    <cfRule type="expression" dxfId="10302" priority="10303" stopIfTrue="1">
      <formula>INDIRECT("第１の３表②!"&amp;CELL("address",EE65))="××"</formula>
    </cfRule>
    <cfRule type="expression" dxfId="10301" priority="10304" stopIfTrue="1">
      <formula>INDIRECT("第１の３表②!"&amp;CELL("address",EE65))="×"</formula>
    </cfRule>
    <cfRule type="expression" dxfId="10300" priority="10305" stopIfTrue="1">
      <formula>ISBLANK(BL65)=FALSE</formula>
    </cfRule>
  </conditionalFormatting>
  <conditionalFormatting sqref="BO65:BP66">
    <cfRule type="expression" dxfId="10299" priority="10296" stopIfTrue="1">
      <formula>ISBLANK(BO65)=TRUE</formula>
    </cfRule>
    <cfRule type="expression" dxfId="10298" priority="10297" stopIfTrue="1">
      <formula>INDIRECT("第１の３表②!"&amp;CELL("address",EH65))="×××"</formula>
    </cfRule>
    <cfRule type="expression" dxfId="10297" priority="10298" stopIfTrue="1">
      <formula>INDIRECT("第１の３表②!"&amp;CELL("address",EH65))="××"</formula>
    </cfRule>
    <cfRule type="expression" dxfId="10296" priority="10299" stopIfTrue="1">
      <formula>INDIRECT("第１の３表②!"&amp;CELL("address",EH65))="×"</formula>
    </cfRule>
    <cfRule type="expression" dxfId="10295" priority="10300" stopIfTrue="1">
      <formula>ISBLANK(BO65)=FALSE</formula>
    </cfRule>
  </conditionalFormatting>
  <conditionalFormatting sqref="J11:K12">
    <cfRule type="expression" dxfId="10294" priority="10291" stopIfTrue="1">
      <formula>ISBLANK(J11)=TRUE</formula>
    </cfRule>
    <cfRule type="expression" dxfId="10293" priority="10292" stopIfTrue="1">
      <formula>INDIRECT("第１の３表②!"&amp;CELL("address",CC11))="×××"</formula>
    </cfRule>
    <cfRule type="expression" dxfId="10292" priority="10293" stopIfTrue="1">
      <formula>INDIRECT("第１の３表②!"&amp;CELL("address",CC11))="××"</formula>
    </cfRule>
    <cfRule type="expression" dxfId="10291" priority="10294" stopIfTrue="1">
      <formula>INDIRECT("第１の３表②!"&amp;CELL("address",CC11))="×"</formula>
    </cfRule>
    <cfRule type="expression" dxfId="10290" priority="10295" stopIfTrue="1">
      <formula>ISBLANK(J11)=FALSE</formula>
    </cfRule>
  </conditionalFormatting>
  <conditionalFormatting sqref="J11:K12">
    <cfRule type="expression" dxfId="10289" priority="10286" stopIfTrue="1">
      <formula>ISBLANK(J11)=TRUE</formula>
    </cfRule>
    <cfRule type="expression" dxfId="10288" priority="10287" stopIfTrue="1">
      <formula>INDIRECT("第１の３表②!"&amp;CELL("address",CC11))="×××"</formula>
    </cfRule>
    <cfRule type="expression" dxfId="10287" priority="10288" stopIfTrue="1">
      <formula>INDIRECT("第１の３表②!"&amp;CELL("address",CC11))="××"</formula>
    </cfRule>
    <cfRule type="expression" dxfId="10286" priority="10289" stopIfTrue="1">
      <formula>INDIRECT("第１の３表②!"&amp;CELL("address",CC11))="×"</formula>
    </cfRule>
    <cfRule type="expression" dxfId="10285" priority="10290" stopIfTrue="1">
      <formula>ISBLANK(J11)=FALSE</formula>
    </cfRule>
  </conditionalFormatting>
  <conditionalFormatting sqref="J11:K12">
    <cfRule type="expression" dxfId="10284" priority="10281" stopIfTrue="1">
      <formula>ISBLANK(J11)=TRUE</formula>
    </cfRule>
    <cfRule type="expression" dxfId="10283" priority="10282" stopIfTrue="1">
      <formula>INDIRECT("第１の３表②!"&amp;CELL("address",CC11))="×××"</formula>
    </cfRule>
    <cfRule type="expression" dxfId="10282" priority="10283" stopIfTrue="1">
      <formula>INDIRECT("第１の３表②!"&amp;CELL("address",CC11))="××"</formula>
    </cfRule>
    <cfRule type="expression" dxfId="10281" priority="10284" stopIfTrue="1">
      <formula>INDIRECT("第１の３表②!"&amp;CELL("address",CC11))="×"</formula>
    </cfRule>
    <cfRule type="expression" dxfId="10280" priority="10285" stopIfTrue="1">
      <formula>ISBLANK(J11)=FALSE</formula>
    </cfRule>
  </conditionalFormatting>
  <conditionalFormatting sqref="M11:N12">
    <cfRule type="expression" dxfId="10279" priority="10276" stopIfTrue="1">
      <formula>ISBLANK(M11)=TRUE</formula>
    </cfRule>
    <cfRule type="expression" dxfId="10278" priority="10277" stopIfTrue="1">
      <formula>INDIRECT("第１の３表②!"&amp;CELL("address",CF11))="×××"</formula>
    </cfRule>
    <cfRule type="expression" dxfId="10277" priority="10278" stopIfTrue="1">
      <formula>INDIRECT("第１の３表②!"&amp;CELL("address",CF11))="××"</formula>
    </cfRule>
    <cfRule type="expression" dxfId="10276" priority="10279" stopIfTrue="1">
      <formula>INDIRECT("第１の３表②!"&amp;CELL("address",CF11))="×"</formula>
    </cfRule>
    <cfRule type="expression" dxfId="10275" priority="10280" stopIfTrue="1">
      <formula>ISBLANK(M11)=FALSE</formula>
    </cfRule>
  </conditionalFormatting>
  <conditionalFormatting sqref="M11:N12">
    <cfRule type="expression" dxfId="10274" priority="10271" stopIfTrue="1">
      <formula>ISBLANK(M11)=TRUE</formula>
    </cfRule>
    <cfRule type="expression" dxfId="10273" priority="10272" stopIfTrue="1">
      <formula>INDIRECT("第１の３表②!"&amp;CELL("address",CF11))="×××"</formula>
    </cfRule>
    <cfRule type="expression" dxfId="10272" priority="10273" stopIfTrue="1">
      <formula>INDIRECT("第１の３表②!"&amp;CELL("address",CF11))="××"</formula>
    </cfRule>
    <cfRule type="expression" dxfId="10271" priority="10274" stopIfTrue="1">
      <formula>INDIRECT("第１の３表②!"&amp;CELL("address",CF11))="×"</formula>
    </cfRule>
    <cfRule type="expression" dxfId="10270" priority="10275" stopIfTrue="1">
      <formula>ISBLANK(M11)=FALSE</formula>
    </cfRule>
  </conditionalFormatting>
  <conditionalFormatting sqref="M11:N12">
    <cfRule type="expression" dxfId="10269" priority="10266" stopIfTrue="1">
      <formula>ISBLANK(M11)=TRUE</formula>
    </cfRule>
    <cfRule type="expression" dxfId="10268" priority="10267" stopIfTrue="1">
      <formula>INDIRECT("第１の３表②!"&amp;CELL("address",CF11))="×××"</formula>
    </cfRule>
    <cfRule type="expression" dxfId="10267" priority="10268" stopIfTrue="1">
      <formula>INDIRECT("第１の３表②!"&amp;CELL("address",CF11))="××"</formula>
    </cfRule>
    <cfRule type="expression" dxfId="10266" priority="10269" stopIfTrue="1">
      <formula>INDIRECT("第１の３表②!"&amp;CELL("address",CF11))="×"</formula>
    </cfRule>
    <cfRule type="expression" dxfId="10265" priority="10270" stopIfTrue="1">
      <formula>ISBLANK(M11)=FALSE</formula>
    </cfRule>
  </conditionalFormatting>
  <conditionalFormatting sqref="P11:Q12">
    <cfRule type="expression" dxfId="10264" priority="10261" stopIfTrue="1">
      <formula>ISBLANK(P11)=TRUE</formula>
    </cfRule>
    <cfRule type="expression" dxfId="10263" priority="10262" stopIfTrue="1">
      <formula>INDIRECT("第１の３表②!"&amp;CELL("address",CI11))="×××"</formula>
    </cfRule>
    <cfRule type="expression" dxfId="10262" priority="10263" stopIfTrue="1">
      <formula>INDIRECT("第１の３表②!"&amp;CELL("address",CI11))="××"</formula>
    </cfRule>
    <cfRule type="expression" dxfId="10261" priority="10264" stopIfTrue="1">
      <formula>INDIRECT("第１の３表②!"&amp;CELL("address",CI11))="×"</formula>
    </cfRule>
    <cfRule type="expression" dxfId="10260" priority="10265" stopIfTrue="1">
      <formula>ISBLANK(P11)=FALSE</formula>
    </cfRule>
  </conditionalFormatting>
  <conditionalFormatting sqref="P11:Q12">
    <cfRule type="expression" dxfId="10259" priority="10256" stopIfTrue="1">
      <formula>ISBLANK(P11)=TRUE</formula>
    </cfRule>
    <cfRule type="expression" dxfId="10258" priority="10257" stopIfTrue="1">
      <formula>INDIRECT("第１の３表②!"&amp;CELL("address",CI11))="×××"</formula>
    </cfRule>
    <cfRule type="expression" dxfId="10257" priority="10258" stopIfTrue="1">
      <formula>INDIRECT("第１の３表②!"&amp;CELL("address",CI11))="××"</formula>
    </cfRule>
    <cfRule type="expression" dxfId="10256" priority="10259" stopIfTrue="1">
      <formula>INDIRECT("第１の３表②!"&amp;CELL("address",CI11))="×"</formula>
    </cfRule>
    <cfRule type="expression" dxfId="10255" priority="10260" stopIfTrue="1">
      <formula>ISBLANK(P11)=FALSE</formula>
    </cfRule>
  </conditionalFormatting>
  <conditionalFormatting sqref="P11:Q12">
    <cfRule type="expression" dxfId="10254" priority="10251" stopIfTrue="1">
      <formula>ISBLANK(P11)=TRUE</formula>
    </cfRule>
    <cfRule type="expression" dxfId="10253" priority="10252" stopIfTrue="1">
      <formula>INDIRECT("第１の３表②!"&amp;CELL("address",CI11))="×××"</formula>
    </cfRule>
    <cfRule type="expression" dxfId="10252" priority="10253" stopIfTrue="1">
      <formula>INDIRECT("第１の３表②!"&amp;CELL("address",CI11))="××"</formula>
    </cfRule>
    <cfRule type="expression" dxfId="10251" priority="10254" stopIfTrue="1">
      <formula>INDIRECT("第１の３表②!"&amp;CELL("address",CI11))="×"</formula>
    </cfRule>
    <cfRule type="expression" dxfId="10250" priority="10255" stopIfTrue="1">
      <formula>ISBLANK(P11)=FALSE</formula>
    </cfRule>
  </conditionalFormatting>
  <conditionalFormatting sqref="S11:T12">
    <cfRule type="expression" dxfId="10249" priority="10246" stopIfTrue="1">
      <formula>ISBLANK(S11)=TRUE</formula>
    </cfRule>
    <cfRule type="expression" dxfId="10248" priority="10247" stopIfTrue="1">
      <formula>INDIRECT("第１の３表②!"&amp;CELL("address",CL11))="×××"</formula>
    </cfRule>
    <cfRule type="expression" dxfId="10247" priority="10248" stopIfTrue="1">
      <formula>INDIRECT("第１の３表②!"&amp;CELL("address",CL11))="××"</formula>
    </cfRule>
    <cfRule type="expression" dxfId="10246" priority="10249" stopIfTrue="1">
      <formula>INDIRECT("第１の３表②!"&amp;CELL("address",CL11))="×"</formula>
    </cfRule>
    <cfRule type="expression" dxfId="10245" priority="10250" stopIfTrue="1">
      <formula>ISBLANK(S11)=FALSE</formula>
    </cfRule>
  </conditionalFormatting>
  <conditionalFormatting sqref="S11:T12">
    <cfRule type="expression" dxfId="10244" priority="10241" stopIfTrue="1">
      <formula>ISBLANK(S11)=TRUE</formula>
    </cfRule>
    <cfRule type="expression" dxfId="10243" priority="10242" stopIfTrue="1">
      <formula>INDIRECT("第１の３表②!"&amp;CELL("address",CL11))="×××"</formula>
    </cfRule>
    <cfRule type="expression" dxfId="10242" priority="10243" stopIfTrue="1">
      <formula>INDIRECT("第１の３表②!"&amp;CELL("address",CL11))="××"</formula>
    </cfRule>
    <cfRule type="expression" dxfId="10241" priority="10244" stopIfTrue="1">
      <formula>INDIRECT("第１の３表②!"&amp;CELL("address",CL11))="×"</formula>
    </cfRule>
    <cfRule type="expression" dxfId="10240" priority="10245" stopIfTrue="1">
      <formula>ISBLANK(S11)=FALSE</formula>
    </cfRule>
  </conditionalFormatting>
  <conditionalFormatting sqref="S11:T12">
    <cfRule type="expression" dxfId="10239" priority="10236" stopIfTrue="1">
      <formula>ISBLANK(S11)=TRUE</formula>
    </cfRule>
    <cfRule type="expression" dxfId="10238" priority="10237" stopIfTrue="1">
      <formula>INDIRECT("第１の３表②!"&amp;CELL("address",CL11))="×××"</formula>
    </cfRule>
    <cfRule type="expression" dxfId="10237" priority="10238" stopIfTrue="1">
      <formula>INDIRECT("第１の３表②!"&amp;CELL("address",CL11))="××"</formula>
    </cfRule>
    <cfRule type="expression" dxfId="10236" priority="10239" stopIfTrue="1">
      <formula>INDIRECT("第１の３表②!"&amp;CELL("address",CL11))="×"</formula>
    </cfRule>
    <cfRule type="expression" dxfId="10235" priority="10240" stopIfTrue="1">
      <formula>ISBLANK(S11)=FALSE</formula>
    </cfRule>
  </conditionalFormatting>
  <conditionalFormatting sqref="V11:W12">
    <cfRule type="expression" dxfId="10234" priority="10231" stopIfTrue="1">
      <formula>ISBLANK(V11)=TRUE</formula>
    </cfRule>
    <cfRule type="expression" dxfId="10233" priority="10232" stopIfTrue="1">
      <formula>INDIRECT("第１の３表②!"&amp;CELL("address",CO11))="×××"</formula>
    </cfRule>
    <cfRule type="expression" dxfId="10232" priority="10233" stopIfTrue="1">
      <formula>INDIRECT("第１の３表②!"&amp;CELL("address",CO11))="××"</formula>
    </cfRule>
    <cfRule type="expression" dxfId="10231" priority="10234" stopIfTrue="1">
      <formula>INDIRECT("第１の３表②!"&amp;CELL("address",CO11))="×"</formula>
    </cfRule>
    <cfRule type="expression" dxfId="10230" priority="10235" stopIfTrue="1">
      <formula>ISBLANK(V11)=FALSE</formula>
    </cfRule>
  </conditionalFormatting>
  <conditionalFormatting sqref="V11:W12">
    <cfRule type="expression" dxfId="10229" priority="10226" stopIfTrue="1">
      <formula>ISBLANK(V11)=TRUE</formula>
    </cfRule>
    <cfRule type="expression" dxfId="10228" priority="10227" stopIfTrue="1">
      <formula>INDIRECT("第１の３表②!"&amp;CELL("address",CO11))="×××"</formula>
    </cfRule>
    <cfRule type="expression" dxfId="10227" priority="10228" stopIfTrue="1">
      <formula>INDIRECT("第１の３表②!"&amp;CELL("address",CO11))="××"</formula>
    </cfRule>
    <cfRule type="expression" dxfId="10226" priority="10229" stopIfTrue="1">
      <formula>INDIRECT("第１の３表②!"&amp;CELL("address",CO11))="×"</formula>
    </cfRule>
    <cfRule type="expression" dxfId="10225" priority="10230" stopIfTrue="1">
      <formula>ISBLANK(V11)=FALSE</formula>
    </cfRule>
  </conditionalFormatting>
  <conditionalFormatting sqref="V11:W12">
    <cfRule type="expression" dxfId="10224" priority="10221" stopIfTrue="1">
      <formula>ISBLANK(V11)=TRUE</formula>
    </cfRule>
    <cfRule type="expression" dxfId="10223" priority="10222" stopIfTrue="1">
      <formula>INDIRECT("第１の３表②!"&amp;CELL("address",CO11))="×××"</formula>
    </cfRule>
    <cfRule type="expression" dxfId="10222" priority="10223" stopIfTrue="1">
      <formula>INDIRECT("第１の３表②!"&amp;CELL("address",CO11))="××"</formula>
    </cfRule>
    <cfRule type="expression" dxfId="10221" priority="10224" stopIfTrue="1">
      <formula>INDIRECT("第１の３表②!"&amp;CELL("address",CO11))="×"</formula>
    </cfRule>
    <cfRule type="expression" dxfId="10220" priority="10225" stopIfTrue="1">
      <formula>ISBLANK(V11)=FALSE</formula>
    </cfRule>
  </conditionalFormatting>
  <conditionalFormatting sqref="Y11:Z12">
    <cfRule type="expression" dxfId="10219" priority="10216" stopIfTrue="1">
      <formula>ISBLANK(Y11)=TRUE</formula>
    </cfRule>
    <cfRule type="expression" dxfId="10218" priority="10217" stopIfTrue="1">
      <formula>INDIRECT("第１の３表②!"&amp;CELL("address",CR11))="×××"</formula>
    </cfRule>
    <cfRule type="expression" dxfId="10217" priority="10218" stopIfTrue="1">
      <formula>INDIRECT("第１の３表②!"&amp;CELL("address",CR11))="××"</formula>
    </cfRule>
    <cfRule type="expression" dxfId="10216" priority="10219" stopIfTrue="1">
      <formula>INDIRECT("第１の３表②!"&amp;CELL("address",CR11))="×"</formula>
    </cfRule>
    <cfRule type="expression" dxfId="10215" priority="10220" stopIfTrue="1">
      <formula>ISBLANK(Y11)=FALSE</formula>
    </cfRule>
  </conditionalFormatting>
  <conditionalFormatting sqref="Y11:Z12">
    <cfRule type="expression" dxfId="10214" priority="10211" stopIfTrue="1">
      <formula>ISBLANK(Y11)=TRUE</formula>
    </cfRule>
    <cfRule type="expression" dxfId="10213" priority="10212" stopIfTrue="1">
      <formula>INDIRECT("第１の３表②!"&amp;CELL("address",CR11))="×××"</formula>
    </cfRule>
    <cfRule type="expression" dxfId="10212" priority="10213" stopIfTrue="1">
      <formula>INDIRECT("第１の３表②!"&amp;CELL("address",CR11))="××"</formula>
    </cfRule>
    <cfRule type="expression" dxfId="10211" priority="10214" stopIfTrue="1">
      <formula>INDIRECT("第１の３表②!"&amp;CELL("address",CR11))="×"</formula>
    </cfRule>
    <cfRule type="expression" dxfId="10210" priority="10215" stopIfTrue="1">
      <formula>ISBLANK(Y11)=FALSE</formula>
    </cfRule>
  </conditionalFormatting>
  <conditionalFormatting sqref="Y11:Z12">
    <cfRule type="expression" dxfId="10209" priority="10206" stopIfTrue="1">
      <formula>ISBLANK(Y11)=TRUE</formula>
    </cfRule>
    <cfRule type="expression" dxfId="10208" priority="10207" stopIfTrue="1">
      <formula>INDIRECT("第１の３表②!"&amp;CELL("address",CR11))="×××"</formula>
    </cfRule>
    <cfRule type="expression" dxfId="10207" priority="10208" stopIfTrue="1">
      <formula>INDIRECT("第１の３表②!"&amp;CELL("address",CR11))="××"</formula>
    </cfRule>
    <cfRule type="expression" dxfId="10206" priority="10209" stopIfTrue="1">
      <formula>INDIRECT("第１の３表②!"&amp;CELL("address",CR11))="×"</formula>
    </cfRule>
    <cfRule type="expression" dxfId="10205" priority="10210" stopIfTrue="1">
      <formula>ISBLANK(Y11)=FALSE</formula>
    </cfRule>
  </conditionalFormatting>
  <conditionalFormatting sqref="AB11:AC12">
    <cfRule type="expression" dxfId="10204" priority="10201" stopIfTrue="1">
      <formula>ISBLANK(AB11)=TRUE</formula>
    </cfRule>
    <cfRule type="expression" dxfId="10203" priority="10202" stopIfTrue="1">
      <formula>INDIRECT("第１の３表②!"&amp;CELL("address",CU11))="×××"</formula>
    </cfRule>
    <cfRule type="expression" dxfId="10202" priority="10203" stopIfTrue="1">
      <formula>INDIRECT("第１の３表②!"&amp;CELL("address",CU11))="××"</formula>
    </cfRule>
    <cfRule type="expression" dxfId="10201" priority="10204" stopIfTrue="1">
      <formula>INDIRECT("第１の３表②!"&amp;CELL("address",CU11))="×"</formula>
    </cfRule>
    <cfRule type="expression" dxfId="10200" priority="10205" stopIfTrue="1">
      <formula>ISBLANK(AB11)=FALSE</formula>
    </cfRule>
  </conditionalFormatting>
  <conditionalFormatting sqref="AB11:AC12">
    <cfRule type="expression" dxfId="10199" priority="10196" stopIfTrue="1">
      <formula>ISBLANK(AB11)=TRUE</formula>
    </cfRule>
    <cfRule type="expression" dxfId="10198" priority="10197" stopIfTrue="1">
      <formula>INDIRECT("第１の３表②!"&amp;CELL("address",CU11))="×××"</formula>
    </cfRule>
    <cfRule type="expression" dxfId="10197" priority="10198" stopIfTrue="1">
      <formula>INDIRECT("第１の３表②!"&amp;CELL("address",CU11))="××"</formula>
    </cfRule>
    <cfRule type="expression" dxfId="10196" priority="10199" stopIfTrue="1">
      <formula>INDIRECT("第１の３表②!"&amp;CELL("address",CU11))="×"</formula>
    </cfRule>
    <cfRule type="expression" dxfId="10195" priority="10200" stopIfTrue="1">
      <formula>ISBLANK(AB11)=FALSE</formula>
    </cfRule>
  </conditionalFormatting>
  <conditionalFormatting sqref="AB11:AC12">
    <cfRule type="expression" dxfId="10194" priority="10191" stopIfTrue="1">
      <formula>ISBLANK(AB11)=TRUE</formula>
    </cfRule>
    <cfRule type="expression" dxfId="10193" priority="10192" stopIfTrue="1">
      <formula>INDIRECT("第１の３表②!"&amp;CELL("address",CU11))="×××"</formula>
    </cfRule>
    <cfRule type="expression" dxfId="10192" priority="10193" stopIfTrue="1">
      <formula>INDIRECT("第１の３表②!"&amp;CELL("address",CU11))="××"</formula>
    </cfRule>
    <cfRule type="expression" dxfId="10191" priority="10194" stopIfTrue="1">
      <formula>INDIRECT("第１の３表②!"&amp;CELL("address",CU11))="×"</formula>
    </cfRule>
    <cfRule type="expression" dxfId="10190" priority="10195" stopIfTrue="1">
      <formula>ISBLANK(AB11)=FALSE</formula>
    </cfRule>
  </conditionalFormatting>
  <conditionalFormatting sqref="AE11:AF12">
    <cfRule type="expression" dxfId="10189" priority="10186" stopIfTrue="1">
      <formula>ISBLANK(AE11)=TRUE</formula>
    </cfRule>
    <cfRule type="expression" dxfId="10188" priority="10187" stopIfTrue="1">
      <formula>INDIRECT("第１の３表②!"&amp;CELL("address",CX11))="×××"</formula>
    </cfRule>
    <cfRule type="expression" dxfId="10187" priority="10188" stopIfTrue="1">
      <formula>INDIRECT("第１の３表②!"&amp;CELL("address",CX11))="××"</formula>
    </cfRule>
    <cfRule type="expression" dxfId="10186" priority="10189" stopIfTrue="1">
      <formula>INDIRECT("第１の３表②!"&amp;CELL("address",CX11))="×"</formula>
    </cfRule>
    <cfRule type="expression" dxfId="10185" priority="10190" stopIfTrue="1">
      <formula>ISBLANK(AE11)=FALSE</formula>
    </cfRule>
  </conditionalFormatting>
  <conditionalFormatting sqref="AE11:AF12">
    <cfRule type="expression" dxfId="10184" priority="10181" stopIfTrue="1">
      <formula>ISBLANK(AE11)=TRUE</formula>
    </cfRule>
    <cfRule type="expression" dxfId="10183" priority="10182" stopIfTrue="1">
      <formula>INDIRECT("第１の３表②!"&amp;CELL("address",CX11))="×××"</formula>
    </cfRule>
    <cfRule type="expression" dxfId="10182" priority="10183" stopIfTrue="1">
      <formula>INDIRECT("第１の３表②!"&amp;CELL("address",CX11))="××"</formula>
    </cfRule>
    <cfRule type="expression" dxfId="10181" priority="10184" stopIfTrue="1">
      <formula>INDIRECT("第１の３表②!"&amp;CELL("address",CX11))="×"</formula>
    </cfRule>
    <cfRule type="expression" dxfId="10180" priority="10185" stopIfTrue="1">
      <formula>ISBLANK(AE11)=FALSE</formula>
    </cfRule>
  </conditionalFormatting>
  <conditionalFormatting sqref="AE11:AF12">
    <cfRule type="expression" dxfId="10179" priority="10176" stopIfTrue="1">
      <formula>ISBLANK(AE11)=TRUE</formula>
    </cfRule>
    <cfRule type="expression" dxfId="10178" priority="10177" stopIfTrue="1">
      <formula>INDIRECT("第１の３表②!"&amp;CELL("address",CX11))="×××"</formula>
    </cfRule>
    <cfRule type="expression" dxfId="10177" priority="10178" stopIfTrue="1">
      <formula>INDIRECT("第１の３表②!"&amp;CELL("address",CX11))="××"</formula>
    </cfRule>
    <cfRule type="expression" dxfId="10176" priority="10179" stopIfTrue="1">
      <formula>INDIRECT("第１の３表②!"&amp;CELL("address",CX11))="×"</formula>
    </cfRule>
    <cfRule type="expression" dxfId="10175" priority="10180" stopIfTrue="1">
      <formula>ISBLANK(AE11)=FALSE</formula>
    </cfRule>
  </conditionalFormatting>
  <conditionalFormatting sqref="AH11:AI12">
    <cfRule type="expression" dxfId="10174" priority="10171" stopIfTrue="1">
      <formula>ISBLANK(AH11)=TRUE</formula>
    </cfRule>
    <cfRule type="expression" dxfId="10173" priority="10172" stopIfTrue="1">
      <formula>INDIRECT("第１の３表②!"&amp;CELL("address",DA11))="×××"</formula>
    </cfRule>
    <cfRule type="expression" dxfId="10172" priority="10173" stopIfTrue="1">
      <formula>INDIRECT("第１の３表②!"&amp;CELL("address",DA11))="××"</formula>
    </cfRule>
    <cfRule type="expression" dxfId="10171" priority="10174" stopIfTrue="1">
      <formula>INDIRECT("第１の３表②!"&amp;CELL("address",DA11))="×"</formula>
    </cfRule>
    <cfRule type="expression" dxfId="10170" priority="10175" stopIfTrue="1">
      <formula>ISBLANK(AH11)=FALSE</formula>
    </cfRule>
  </conditionalFormatting>
  <conditionalFormatting sqref="AH11:AI12">
    <cfRule type="expression" dxfId="10169" priority="10166" stopIfTrue="1">
      <formula>ISBLANK(AH11)=TRUE</formula>
    </cfRule>
    <cfRule type="expression" dxfId="10168" priority="10167" stopIfTrue="1">
      <formula>INDIRECT("第１の３表②!"&amp;CELL("address",DA11))="×××"</formula>
    </cfRule>
    <cfRule type="expression" dxfId="10167" priority="10168" stopIfTrue="1">
      <formula>INDIRECT("第１の３表②!"&amp;CELL("address",DA11))="××"</formula>
    </cfRule>
    <cfRule type="expression" dxfId="10166" priority="10169" stopIfTrue="1">
      <formula>INDIRECT("第１の３表②!"&amp;CELL("address",DA11))="×"</formula>
    </cfRule>
    <cfRule type="expression" dxfId="10165" priority="10170" stopIfTrue="1">
      <formula>ISBLANK(AH11)=FALSE</formula>
    </cfRule>
  </conditionalFormatting>
  <conditionalFormatting sqref="AH11:AI12">
    <cfRule type="expression" dxfId="10164" priority="10161" stopIfTrue="1">
      <formula>ISBLANK(AH11)=TRUE</formula>
    </cfRule>
    <cfRule type="expression" dxfId="10163" priority="10162" stopIfTrue="1">
      <formula>INDIRECT("第１の３表②!"&amp;CELL("address",DA11))="×××"</formula>
    </cfRule>
    <cfRule type="expression" dxfId="10162" priority="10163" stopIfTrue="1">
      <formula>INDIRECT("第１の３表②!"&amp;CELL("address",DA11))="××"</formula>
    </cfRule>
    <cfRule type="expression" dxfId="10161" priority="10164" stopIfTrue="1">
      <formula>INDIRECT("第１の３表②!"&amp;CELL("address",DA11))="×"</formula>
    </cfRule>
    <cfRule type="expression" dxfId="10160" priority="10165" stopIfTrue="1">
      <formula>ISBLANK(AH11)=FALSE</formula>
    </cfRule>
  </conditionalFormatting>
  <conditionalFormatting sqref="AK11:AL12">
    <cfRule type="expression" dxfId="10159" priority="10156" stopIfTrue="1">
      <formula>ISBLANK(AK11)=TRUE</formula>
    </cfRule>
    <cfRule type="expression" dxfId="10158" priority="10157" stopIfTrue="1">
      <formula>INDIRECT("第１の３表②!"&amp;CELL("address",DD11))="×××"</formula>
    </cfRule>
    <cfRule type="expression" dxfId="10157" priority="10158" stopIfTrue="1">
      <formula>INDIRECT("第１の３表②!"&amp;CELL("address",DD11))="××"</formula>
    </cfRule>
    <cfRule type="expression" dxfId="10156" priority="10159" stopIfTrue="1">
      <formula>INDIRECT("第１の３表②!"&amp;CELL("address",DD11))="×"</formula>
    </cfRule>
    <cfRule type="expression" dxfId="10155" priority="10160" stopIfTrue="1">
      <formula>ISBLANK(AK11)=FALSE</formula>
    </cfRule>
  </conditionalFormatting>
  <conditionalFormatting sqref="AK11:AL12">
    <cfRule type="expression" dxfId="10154" priority="10151" stopIfTrue="1">
      <formula>ISBLANK(AK11)=TRUE</formula>
    </cfRule>
    <cfRule type="expression" dxfId="10153" priority="10152" stopIfTrue="1">
      <formula>INDIRECT("第１の３表②!"&amp;CELL("address",DD11))="×××"</formula>
    </cfRule>
    <cfRule type="expression" dxfId="10152" priority="10153" stopIfTrue="1">
      <formula>INDIRECT("第１の３表②!"&amp;CELL("address",DD11))="××"</formula>
    </cfRule>
    <cfRule type="expression" dxfId="10151" priority="10154" stopIfTrue="1">
      <formula>INDIRECT("第１の３表②!"&amp;CELL("address",DD11))="×"</formula>
    </cfRule>
    <cfRule type="expression" dxfId="10150" priority="10155" stopIfTrue="1">
      <formula>ISBLANK(AK11)=FALSE</formula>
    </cfRule>
  </conditionalFormatting>
  <conditionalFormatting sqref="AK11:AL12">
    <cfRule type="expression" dxfId="10149" priority="10146" stopIfTrue="1">
      <formula>ISBLANK(AK11)=TRUE</formula>
    </cfRule>
    <cfRule type="expression" dxfId="10148" priority="10147" stopIfTrue="1">
      <formula>INDIRECT("第１の３表②!"&amp;CELL("address",DD11))="×××"</formula>
    </cfRule>
    <cfRule type="expression" dxfId="10147" priority="10148" stopIfTrue="1">
      <formula>INDIRECT("第１の３表②!"&amp;CELL("address",DD11))="××"</formula>
    </cfRule>
    <cfRule type="expression" dxfId="10146" priority="10149" stopIfTrue="1">
      <formula>INDIRECT("第１の３表②!"&amp;CELL("address",DD11))="×"</formula>
    </cfRule>
    <cfRule type="expression" dxfId="10145" priority="10150" stopIfTrue="1">
      <formula>ISBLANK(AK11)=FALSE</formula>
    </cfRule>
  </conditionalFormatting>
  <conditionalFormatting sqref="AN11:AO12">
    <cfRule type="expression" dxfId="10144" priority="10141" stopIfTrue="1">
      <formula>ISBLANK(AN11)=TRUE</formula>
    </cfRule>
    <cfRule type="expression" dxfId="10143" priority="10142" stopIfTrue="1">
      <formula>INDIRECT("第１の３表②!"&amp;CELL("address",DG11))="×××"</formula>
    </cfRule>
    <cfRule type="expression" dxfId="10142" priority="10143" stopIfTrue="1">
      <formula>INDIRECT("第１の３表②!"&amp;CELL("address",DG11))="××"</formula>
    </cfRule>
    <cfRule type="expression" dxfId="10141" priority="10144" stopIfTrue="1">
      <formula>INDIRECT("第１の３表②!"&amp;CELL("address",DG11))="×"</formula>
    </cfRule>
    <cfRule type="expression" dxfId="10140" priority="10145" stopIfTrue="1">
      <formula>ISBLANK(AN11)=FALSE</formula>
    </cfRule>
  </conditionalFormatting>
  <conditionalFormatting sqref="AN11:AO12">
    <cfRule type="expression" dxfId="10139" priority="10136" stopIfTrue="1">
      <formula>ISBLANK(AN11)=TRUE</formula>
    </cfRule>
    <cfRule type="expression" dxfId="10138" priority="10137" stopIfTrue="1">
      <formula>INDIRECT("第１の３表②!"&amp;CELL("address",DG11))="×××"</formula>
    </cfRule>
    <cfRule type="expression" dxfId="10137" priority="10138" stopIfTrue="1">
      <formula>INDIRECT("第１の３表②!"&amp;CELL("address",DG11))="××"</formula>
    </cfRule>
    <cfRule type="expression" dxfId="10136" priority="10139" stopIfTrue="1">
      <formula>INDIRECT("第１の３表②!"&amp;CELL("address",DG11))="×"</formula>
    </cfRule>
    <cfRule type="expression" dxfId="10135" priority="10140" stopIfTrue="1">
      <formula>ISBLANK(AN11)=FALSE</formula>
    </cfRule>
  </conditionalFormatting>
  <conditionalFormatting sqref="AN11:AO12">
    <cfRule type="expression" dxfId="10134" priority="10131" stopIfTrue="1">
      <formula>ISBLANK(AN11)=TRUE</formula>
    </cfRule>
    <cfRule type="expression" dxfId="10133" priority="10132" stopIfTrue="1">
      <formula>INDIRECT("第１の３表②!"&amp;CELL("address",DG11))="×××"</formula>
    </cfRule>
    <cfRule type="expression" dxfId="10132" priority="10133" stopIfTrue="1">
      <formula>INDIRECT("第１の３表②!"&amp;CELL("address",DG11))="××"</formula>
    </cfRule>
    <cfRule type="expression" dxfId="10131" priority="10134" stopIfTrue="1">
      <formula>INDIRECT("第１の３表②!"&amp;CELL("address",DG11))="×"</formula>
    </cfRule>
    <cfRule type="expression" dxfId="10130" priority="10135" stopIfTrue="1">
      <formula>ISBLANK(AN11)=FALSE</formula>
    </cfRule>
  </conditionalFormatting>
  <conditionalFormatting sqref="AQ11:AR12">
    <cfRule type="expression" dxfId="10129" priority="10126" stopIfTrue="1">
      <formula>ISBLANK(AQ11)=TRUE</formula>
    </cfRule>
    <cfRule type="expression" dxfId="10128" priority="10127" stopIfTrue="1">
      <formula>INDIRECT("第１の３表②!"&amp;CELL("address",DJ11))="×××"</formula>
    </cfRule>
    <cfRule type="expression" dxfId="10127" priority="10128" stopIfTrue="1">
      <formula>INDIRECT("第１の３表②!"&amp;CELL("address",DJ11))="××"</formula>
    </cfRule>
    <cfRule type="expression" dxfId="10126" priority="10129" stopIfTrue="1">
      <formula>INDIRECT("第１の３表②!"&amp;CELL("address",DJ11))="×"</formula>
    </cfRule>
    <cfRule type="expression" dxfId="10125" priority="10130" stopIfTrue="1">
      <formula>ISBLANK(AQ11)=FALSE</formula>
    </cfRule>
  </conditionalFormatting>
  <conditionalFormatting sqref="AQ11:AR12">
    <cfRule type="expression" dxfId="10124" priority="10121" stopIfTrue="1">
      <formula>ISBLANK(AQ11)=TRUE</formula>
    </cfRule>
    <cfRule type="expression" dxfId="10123" priority="10122" stopIfTrue="1">
      <formula>INDIRECT("第１の３表②!"&amp;CELL("address",DJ11))="×××"</formula>
    </cfRule>
    <cfRule type="expression" dxfId="10122" priority="10123" stopIfTrue="1">
      <formula>INDIRECT("第１の３表②!"&amp;CELL("address",DJ11))="××"</formula>
    </cfRule>
    <cfRule type="expression" dxfId="10121" priority="10124" stopIfTrue="1">
      <formula>INDIRECT("第１の３表②!"&amp;CELL("address",DJ11))="×"</formula>
    </cfRule>
    <cfRule type="expression" dxfId="10120" priority="10125" stopIfTrue="1">
      <formula>ISBLANK(AQ11)=FALSE</formula>
    </cfRule>
  </conditionalFormatting>
  <conditionalFormatting sqref="AQ11:AR12">
    <cfRule type="expression" dxfId="10119" priority="10116" stopIfTrue="1">
      <formula>ISBLANK(AQ11)=TRUE</formula>
    </cfRule>
    <cfRule type="expression" dxfId="10118" priority="10117" stopIfTrue="1">
      <formula>INDIRECT("第１の３表②!"&amp;CELL("address",DJ11))="×××"</formula>
    </cfRule>
    <cfRule type="expression" dxfId="10117" priority="10118" stopIfTrue="1">
      <formula>INDIRECT("第１の３表②!"&amp;CELL("address",DJ11))="××"</formula>
    </cfRule>
    <cfRule type="expression" dxfId="10116" priority="10119" stopIfTrue="1">
      <formula>INDIRECT("第１の３表②!"&amp;CELL("address",DJ11))="×"</formula>
    </cfRule>
    <cfRule type="expression" dxfId="10115" priority="10120" stopIfTrue="1">
      <formula>ISBLANK(AQ11)=FALSE</formula>
    </cfRule>
  </conditionalFormatting>
  <conditionalFormatting sqref="AT11:AU12">
    <cfRule type="expression" dxfId="10114" priority="10111" stopIfTrue="1">
      <formula>ISBLANK(AT11)=TRUE</formula>
    </cfRule>
    <cfRule type="expression" dxfId="10113" priority="10112" stopIfTrue="1">
      <formula>INDIRECT("第１の３表②!"&amp;CELL("address",DM11))="×××"</formula>
    </cfRule>
    <cfRule type="expression" dxfId="10112" priority="10113" stopIfTrue="1">
      <formula>INDIRECT("第１の３表②!"&amp;CELL("address",DM11))="××"</formula>
    </cfRule>
    <cfRule type="expression" dxfId="10111" priority="10114" stopIfTrue="1">
      <formula>INDIRECT("第１の３表②!"&amp;CELL("address",DM11))="×"</formula>
    </cfRule>
    <cfRule type="expression" dxfId="10110" priority="10115" stopIfTrue="1">
      <formula>ISBLANK(AT11)=FALSE</formula>
    </cfRule>
  </conditionalFormatting>
  <conditionalFormatting sqref="AT11:AU12">
    <cfRule type="expression" dxfId="10109" priority="10106" stopIfTrue="1">
      <formula>ISBLANK(AT11)=TRUE</formula>
    </cfRule>
    <cfRule type="expression" dxfId="10108" priority="10107" stopIfTrue="1">
      <formula>INDIRECT("第１の３表②!"&amp;CELL("address",DM11))="×××"</formula>
    </cfRule>
    <cfRule type="expression" dxfId="10107" priority="10108" stopIfTrue="1">
      <formula>INDIRECT("第１の３表②!"&amp;CELL("address",DM11))="××"</formula>
    </cfRule>
    <cfRule type="expression" dxfId="10106" priority="10109" stopIfTrue="1">
      <formula>INDIRECT("第１の３表②!"&amp;CELL("address",DM11))="×"</formula>
    </cfRule>
    <cfRule type="expression" dxfId="10105" priority="10110" stopIfTrue="1">
      <formula>ISBLANK(AT11)=FALSE</formula>
    </cfRule>
  </conditionalFormatting>
  <conditionalFormatting sqref="AT11:AU12">
    <cfRule type="expression" dxfId="10104" priority="10101" stopIfTrue="1">
      <formula>ISBLANK(AT11)=TRUE</formula>
    </cfRule>
    <cfRule type="expression" dxfId="10103" priority="10102" stopIfTrue="1">
      <formula>INDIRECT("第１の３表②!"&amp;CELL("address",DM11))="×××"</formula>
    </cfRule>
    <cfRule type="expression" dxfId="10102" priority="10103" stopIfTrue="1">
      <formula>INDIRECT("第１の３表②!"&amp;CELL("address",DM11))="××"</formula>
    </cfRule>
    <cfRule type="expression" dxfId="10101" priority="10104" stopIfTrue="1">
      <formula>INDIRECT("第１の３表②!"&amp;CELL("address",DM11))="×"</formula>
    </cfRule>
    <cfRule type="expression" dxfId="10100" priority="10105" stopIfTrue="1">
      <formula>ISBLANK(AT11)=FALSE</formula>
    </cfRule>
  </conditionalFormatting>
  <conditionalFormatting sqref="AW11:AX12">
    <cfRule type="expression" dxfId="10099" priority="10096" stopIfTrue="1">
      <formula>ISBLANK(AW11)=TRUE</formula>
    </cfRule>
    <cfRule type="expression" dxfId="10098" priority="10097" stopIfTrue="1">
      <formula>INDIRECT("第１の３表②!"&amp;CELL("address",DP11))="×××"</formula>
    </cfRule>
    <cfRule type="expression" dxfId="10097" priority="10098" stopIfTrue="1">
      <formula>INDIRECT("第１の３表②!"&amp;CELL("address",DP11))="××"</formula>
    </cfRule>
    <cfRule type="expression" dxfId="10096" priority="10099" stopIfTrue="1">
      <formula>INDIRECT("第１の３表②!"&amp;CELL("address",DP11))="×"</formula>
    </cfRule>
    <cfRule type="expression" dxfId="10095" priority="10100" stopIfTrue="1">
      <formula>ISBLANK(AW11)=FALSE</formula>
    </cfRule>
  </conditionalFormatting>
  <conditionalFormatting sqref="AW11:AX12">
    <cfRule type="expression" dxfId="10094" priority="10091" stopIfTrue="1">
      <formula>ISBLANK(AW11)=TRUE</formula>
    </cfRule>
    <cfRule type="expression" dxfId="10093" priority="10092" stopIfTrue="1">
      <formula>INDIRECT("第１の３表②!"&amp;CELL("address",DP11))="×××"</formula>
    </cfRule>
    <cfRule type="expression" dxfId="10092" priority="10093" stopIfTrue="1">
      <formula>INDIRECT("第１の３表②!"&amp;CELL("address",DP11))="××"</formula>
    </cfRule>
    <cfRule type="expression" dxfId="10091" priority="10094" stopIfTrue="1">
      <formula>INDIRECT("第１の３表②!"&amp;CELL("address",DP11))="×"</formula>
    </cfRule>
    <cfRule type="expression" dxfId="10090" priority="10095" stopIfTrue="1">
      <formula>ISBLANK(AW11)=FALSE</formula>
    </cfRule>
  </conditionalFormatting>
  <conditionalFormatting sqref="AW11:AX12">
    <cfRule type="expression" dxfId="10089" priority="10086" stopIfTrue="1">
      <formula>ISBLANK(AW11)=TRUE</formula>
    </cfRule>
    <cfRule type="expression" dxfId="10088" priority="10087" stopIfTrue="1">
      <formula>INDIRECT("第１の３表②!"&amp;CELL("address",DP11))="×××"</formula>
    </cfRule>
    <cfRule type="expression" dxfId="10087" priority="10088" stopIfTrue="1">
      <formula>INDIRECT("第１の３表②!"&amp;CELL("address",DP11))="××"</formula>
    </cfRule>
    <cfRule type="expression" dxfId="10086" priority="10089" stopIfTrue="1">
      <formula>INDIRECT("第１の３表②!"&amp;CELL("address",DP11))="×"</formula>
    </cfRule>
    <cfRule type="expression" dxfId="10085" priority="10090" stopIfTrue="1">
      <formula>ISBLANK(AW11)=FALSE</formula>
    </cfRule>
  </conditionalFormatting>
  <conditionalFormatting sqref="AZ11:BA12">
    <cfRule type="expression" dxfId="10084" priority="10081" stopIfTrue="1">
      <formula>ISBLANK(AZ11)=TRUE</formula>
    </cfRule>
    <cfRule type="expression" dxfId="10083" priority="10082" stopIfTrue="1">
      <formula>INDIRECT("第１の３表②!"&amp;CELL("address",DS11))="×××"</formula>
    </cfRule>
    <cfRule type="expression" dxfId="10082" priority="10083" stopIfTrue="1">
      <formula>INDIRECT("第１の３表②!"&amp;CELL("address",DS11))="××"</formula>
    </cfRule>
    <cfRule type="expression" dxfId="10081" priority="10084" stopIfTrue="1">
      <formula>INDIRECT("第１の３表②!"&amp;CELL("address",DS11))="×"</formula>
    </cfRule>
    <cfRule type="expression" dxfId="10080" priority="10085" stopIfTrue="1">
      <formula>ISBLANK(AZ11)=FALSE</formula>
    </cfRule>
  </conditionalFormatting>
  <conditionalFormatting sqref="AZ11:BA12">
    <cfRule type="expression" dxfId="10079" priority="10076" stopIfTrue="1">
      <formula>ISBLANK(AZ11)=TRUE</formula>
    </cfRule>
    <cfRule type="expression" dxfId="10078" priority="10077" stopIfTrue="1">
      <formula>INDIRECT("第１の３表②!"&amp;CELL("address",DS11))="×××"</formula>
    </cfRule>
    <cfRule type="expression" dxfId="10077" priority="10078" stopIfTrue="1">
      <formula>INDIRECT("第１の３表②!"&amp;CELL("address",DS11))="××"</formula>
    </cfRule>
    <cfRule type="expression" dxfId="10076" priority="10079" stopIfTrue="1">
      <formula>INDIRECT("第１の３表②!"&amp;CELL("address",DS11))="×"</formula>
    </cfRule>
    <cfRule type="expression" dxfId="10075" priority="10080" stopIfTrue="1">
      <formula>ISBLANK(AZ11)=FALSE</formula>
    </cfRule>
  </conditionalFormatting>
  <conditionalFormatting sqref="AZ11:BA12">
    <cfRule type="expression" dxfId="10074" priority="10071" stopIfTrue="1">
      <formula>ISBLANK(AZ11)=TRUE</formula>
    </cfRule>
    <cfRule type="expression" dxfId="10073" priority="10072" stopIfTrue="1">
      <formula>INDIRECT("第１の３表②!"&amp;CELL("address",DS11))="×××"</formula>
    </cfRule>
    <cfRule type="expression" dxfId="10072" priority="10073" stopIfTrue="1">
      <formula>INDIRECT("第１の３表②!"&amp;CELL("address",DS11))="××"</formula>
    </cfRule>
    <cfRule type="expression" dxfId="10071" priority="10074" stopIfTrue="1">
      <formula>INDIRECT("第１の３表②!"&amp;CELL("address",DS11))="×"</formula>
    </cfRule>
    <cfRule type="expression" dxfId="10070" priority="10075" stopIfTrue="1">
      <formula>ISBLANK(AZ11)=FALSE</formula>
    </cfRule>
  </conditionalFormatting>
  <conditionalFormatting sqref="BC11:BD12">
    <cfRule type="expression" dxfId="10069" priority="10066" stopIfTrue="1">
      <formula>ISBLANK(BC11)=TRUE</formula>
    </cfRule>
    <cfRule type="expression" dxfId="10068" priority="10067" stopIfTrue="1">
      <formula>INDIRECT("第１の３表②!"&amp;CELL("address",DV11))="×××"</formula>
    </cfRule>
    <cfRule type="expression" dxfId="10067" priority="10068" stopIfTrue="1">
      <formula>INDIRECT("第１の３表②!"&amp;CELL("address",DV11))="××"</formula>
    </cfRule>
    <cfRule type="expression" dxfId="10066" priority="10069" stopIfTrue="1">
      <formula>INDIRECT("第１の３表②!"&amp;CELL("address",DV11))="×"</formula>
    </cfRule>
    <cfRule type="expression" dxfId="10065" priority="10070" stopIfTrue="1">
      <formula>ISBLANK(BC11)=FALSE</formula>
    </cfRule>
  </conditionalFormatting>
  <conditionalFormatting sqref="BC11:BD12">
    <cfRule type="expression" dxfId="10064" priority="10061" stopIfTrue="1">
      <formula>ISBLANK(BC11)=TRUE</formula>
    </cfRule>
    <cfRule type="expression" dxfId="10063" priority="10062" stopIfTrue="1">
      <formula>INDIRECT("第１の３表②!"&amp;CELL("address",DV11))="×××"</formula>
    </cfRule>
    <cfRule type="expression" dxfId="10062" priority="10063" stopIfTrue="1">
      <formula>INDIRECT("第１の３表②!"&amp;CELL("address",DV11))="××"</formula>
    </cfRule>
    <cfRule type="expression" dxfId="10061" priority="10064" stopIfTrue="1">
      <formula>INDIRECT("第１の３表②!"&amp;CELL("address",DV11))="×"</formula>
    </cfRule>
    <cfRule type="expression" dxfId="10060" priority="10065" stopIfTrue="1">
      <formula>ISBLANK(BC11)=FALSE</formula>
    </cfRule>
  </conditionalFormatting>
  <conditionalFormatting sqref="BC11:BD12">
    <cfRule type="expression" dxfId="10059" priority="10056" stopIfTrue="1">
      <formula>ISBLANK(BC11)=TRUE</formula>
    </cfRule>
    <cfRule type="expression" dxfId="10058" priority="10057" stopIfTrue="1">
      <formula>INDIRECT("第１の３表②!"&amp;CELL("address",DV11))="×××"</formula>
    </cfRule>
    <cfRule type="expression" dxfId="10057" priority="10058" stopIfTrue="1">
      <formula>INDIRECT("第１の３表②!"&amp;CELL("address",DV11))="××"</formula>
    </cfRule>
    <cfRule type="expression" dxfId="10056" priority="10059" stopIfTrue="1">
      <formula>INDIRECT("第１の３表②!"&amp;CELL("address",DV11))="×"</formula>
    </cfRule>
    <cfRule type="expression" dxfId="10055" priority="10060" stopIfTrue="1">
      <formula>ISBLANK(BC11)=FALSE</formula>
    </cfRule>
  </conditionalFormatting>
  <conditionalFormatting sqref="BF11:BG12">
    <cfRule type="expression" dxfId="10054" priority="10051" stopIfTrue="1">
      <formula>ISBLANK(BF11)=TRUE</formula>
    </cfRule>
    <cfRule type="expression" dxfId="10053" priority="10052" stopIfTrue="1">
      <formula>INDIRECT("第１の３表②!"&amp;CELL("address",DY11))="×××"</formula>
    </cfRule>
    <cfRule type="expression" dxfId="10052" priority="10053" stopIfTrue="1">
      <formula>INDIRECT("第１の３表②!"&amp;CELL("address",DY11))="××"</formula>
    </cfRule>
    <cfRule type="expression" dxfId="10051" priority="10054" stopIfTrue="1">
      <formula>INDIRECT("第１の３表②!"&amp;CELL("address",DY11))="×"</formula>
    </cfRule>
    <cfRule type="expression" dxfId="10050" priority="10055" stopIfTrue="1">
      <formula>ISBLANK(BF11)=FALSE</formula>
    </cfRule>
  </conditionalFormatting>
  <conditionalFormatting sqref="BF11:BG12">
    <cfRule type="expression" dxfId="10049" priority="10046" stopIfTrue="1">
      <formula>ISBLANK(BF11)=TRUE</formula>
    </cfRule>
    <cfRule type="expression" dxfId="10048" priority="10047" stopIfTrue="1">
      <formula>INDIRECT("第１の３表②!"&amp;CELL("address",DY11))="×××"</formula>
    </cfRule>
    <cfRule type="expression" dxfId="10047" priority="10048" stopIfTrue="1">
      <formula>INDIRECT("第１の３表②!"&amp;CELL("address",DY11))="××"</formula>
    </cfRule>
    <cfRule type="expression" dxfId="10046" priority="10049" stopIfTrue="1">
      <formula>INDIRECT("第１の３表②!"&amp;CELL("address",DY11))="×"</formula>
    </cfRule>
    <cfRule type="expression" dxfId="10045" priority="10050" stopIfTrue="1">
      <formula>ISBLANK(BF11)=FALSE</formula>
    </cfRule>
  </conditionalFormatting>
  <conditionalFormatting sqref="BF11:BG12">
    <cfRule type="expression" dxfId="10044" priority="10041" stopIfTrue="1">
      <formula>ISBLANK(BF11)=TRUE</formula>
    </cfRule>
    <cfRule type="expression" dxfId="10043" priority="10042" stopIfTrue="1">
      <formula>INDIRECT("第１の３表②!"&amp;CELL("address",DY11))="×××"</formula>
    </cfRule>
    <cfRule type="expression" dxfId="10042" priority="10043" stopIfTrue="1">
      <formula>INDIRECT("第１の３表②!"&amp;CELL("address",DY11))="××"</formula>
    </cfRule>
    <cfRule type="expression" dxfId="10041" priority="10044" stopIfTrue="1">
      <formula>INDIRECT("第１の３表②!"&amp;CELL("address",DY11))="×"</formula>
    </cfRule>
    <cfRule type="expression" dxfId="10040" priority="10045" stopIfTrue="1">
      <formula>ISBLANK(BF11)=FALSE</formula>
    </cfRule>
  </conditionalFormatting>
  <conditionalFormatting sqref="BI11:BJ12">
    <cfRule type="expression" dxfId="10039" priority="10036" stopIfTrue="1">
      <formula>ISBLANK(BI11)=TRUE</formula>
    </cfRule>
    <cfRule type="expression" dxfId="10038" priority="10037" stopIfTrue="1">
      <formula>INDIRECT("第１の３表②!"&amp;CELL("address",EB11))="×××"</formula>
    </cfRule>
    <cfRule type="expression" dxfId="10037" priority="10038" stopIfTrue="1">
      <formula>INDIRECT("第１の３表②!"&amp;CELL("address",EB11))="××"</formula>
    </cfRule>
    <cfRule type="expression" dxfId="10036" priority="10039" stopIfTrue="1">
      <formula>INDIRECT("第１の３表②!"&amp;CELL("address",EB11))="×"</formula>
    </cfRule>
    <cfRule type="expression" dxfId="10035" priority="10040" stopIfTrue="1">
      <formula>ISBLANK(BI11)=FALSE</formula>
    </cfRule>
  </conditionalFormatting>
  <conditionalFormatting sqref="BI11:BJ12">
    <cfRule type="expression" dxfId="10034" priority="10031" stopIfTrue="1">
      <formula>ISBLANK(BI11)=TRUE</formula>
    </cfRule>
    <cfRule type="expression" dxfId="10033" priority="10032" stopIfTrue="1">
      <formula>INDIRECT("第１の３表②!"&amp;CELL("address",EB11))="×××"</formula>
    </cfRule>
    <cfRule type="expression" dxfId="10032" priority="10033" stopIfTrue="1">
      <formula>INDIRECT("第１の３表②!"&amp;CELL("address",EB11))="××"</formula>
    </cfRule>
    <cfRule type="expression" dxfId="10031" priority="10034" stopIfTrue="1">
      <formula>INDIRECT("第１の３表②!"&amp;CELL("address",EB11))="×"</formula>
    </cfRule>
    <cfRule type="expression" dxfId="10030" priority="10035" stopIfTrue="1">
      <formula>ISBLANK(BI11)=FALSE</formula>
    </cfRule>
  </conditionalFormatting>
  <conditionalFormatting sqref="BI11:BJ12">
    <cfRule type="expression" dxfId="10029" priority="10026" stopIfTrue="1">
      <formula>ISBLANK(BI11)=TRUE</formula>
    </cfRule>
    <cfRule type="expression" dxfId="10028" priority="10027" stopIfTrue="1">
      <formula>INDIRECT("第１の３表②!"&amp;CELL("address",EB11))="×××"</formula>
    </cfRule>
    <cfRule type="expression" dxfId="10027" priority="10028" stopIfTrue="1">
      <formula>INDIRECT("第１の３表②!"&amp;CELL("address",EB11))="××"</formula>
    </cfRule>
    <cfRule type="expression" dxfId="10026" priority="10029" stopIfTrue="1">
      <formula>INDIRECT("第１の３表②!"&amp;CELL("address",EB11))="×"</formula>
    </cfRule>
    <cfRule type="expression" dxfId="10025" priority="10030" stopIfTrue="1">
      <formula>ISBLANK(BI11)=FALSE</formula>
    </cfRule>
  </conditionalFormatting>
  <conditionalFormatting sqref="BL11:BM12">
    <cfRule type="expression" dxfId="10024" priority="10021" stopIfTrue="1">
      <formula>ISBLANK(BL11)=TRUE</formula>
    </cfRule>
    <cfRule type="expression" dxfId="10023" priority="10022" stopIfTrue="1">
      <formula>INDIRECT("第１の３表②!"&amp;CELL("address",EE11))="×××"</formula>
    </cfRule>
    <cfRule type="expression" dxfId="10022" priority="10023" stopIfTrue="1">
      <formula>INDIRECT("第１の３表②!"&amp;CELL("address",EE11))="××"</formula>
    </cfRule>
    <cfRule type="expression" dxfId="10021" priority="10024" stopIfTrue="1">
      <formula>INDIRECT("第１の３表②!"&amp;CELL("address",EE11))="×"</formula>
    </cfRule>
    <cfRule type="expression" dxfId="10020" priority="10025" stopIfTrue="1">
      <formula>ISBLANK(BL11)=FALSE</formula>
    </cfRule>
  </conditionalFormatting>
  <conditionalFormatting sqref="BL11:BM12">
    <cfRule type="expression" dxfId="10019" priority="10016" stopIfTrue="1">
      <formula>ISBLANK(BL11)=TRUE</formula>
    </cfRule>
    <cfRule type="expression" dxfId="10018" priority="10017" stopIfTrue="1">
      <formula>INDIRECT("第１の３表②!"&amp;CELL("address",EE11))="×××"</formula>
    </cfRule>
    <cfRule type="expression" dxfId="10017" priority="10018" stopIfTrue="1">
      <formula>INDIRECT("第１の３表②!"&amp;CELL("address",EE11))="××"</formula>
    </cfRule>
    <cfRule type="expression" dxfId="10016" priority="10019" stopIfTrue="1">
      <formula>INDIRECT("第１の３表②!"&amp;CELL("address",EE11))="×"</formula>
    </cfRule>
    <cfRule type="expression" dxfId="10015" priority="10020" stopIfTrue="1">
      <formula>ISBLANK(BL11)=FALSE</formula>
    </cfRule>
  </conditionalFormatting>
  <conditionalFormatting sqref="BL11:BM12">
    <cfRule type="expression" dxfId="10014" priority="10011" stopIfTrue="1">
      <formula>ISBLANK(BL11)=TRUE</formula>
    </cfRule>
    <cfRule type="expression" dxfId="10013" priority="10012" stopIfTrue="1">
      <formula>INDIRECT("第１の３表②!"&amp;CELL("address",EE11))="×××"</formula>
    </cfRule>
    <cfRule type="expression" dxfId="10012" priority="10013" stopIfTrue="1">
      <formula>INDIRECT("第１の３表②!"&amp;CELL("address",EE11))="××"</formula>
    </cfRule>
    <cfRule type="expression" dxfId="10011" priority="10014" stopIfTrue="1">
      <formula>INDIRECT("第１の３表②!"&amp;CELL("address",EE11))="×"</formula>
    </cfRule>
    <cfRule type="expression" dxfId="10010" priority="10015" stopIfTrue="1">
      <formula>ISBLANK(BL11)=FALSE</formula>
    </cfRule>
  </conditionalFormatting>
  <conditionalFormatting sqref="BO11:BP12">
    <cfRule type="expression" dxfId="10009" priority="10006" stopIfTrue="1">
      <formula>ISBLANK(BO11)=TRUE</formula>
    </cfRule>
    <cfRule type="expression" dxfId="10008" priority="10007" stopIfTrue="1">
      <formula>INDIRECT("第１の３表②!"&amp;CELL("address",EH11))="×××"</formula>
    </cfRule>
    <cfRule type="expression" dxfId="10007" priority="10008" stopIfTrue="1">
      <formula>INDIRECT("第１の３表②!"&amp;CELL("address",EH11))="××"</formula>
    </cfRule>
    <cfRule type="expression" dxfId="10006" priority="10009" stopIfTrue="1">
      <formula>INDIRECT("第１の３表②!"&amp;CELL("address",EH11))="×"</formula>
    </cfRule>
    <cfRule type="expression" dxfId="10005" priority="10010" stopIfTrue="1">
      <formula>ISBLANK(BO11)=FALSE</formula>
    </cfRule>
  </conditionalFormatting>
  <conditionalFormatting sqref="BO11:BP12">
    <cfRule type="expression" dxfId="10004" priority="10001" stopIfTrue="1">
      <formula>ISBLANK(BO11)=TRUE</formula>
    </cfRule>
    <cfRule type="expression" dxfId="10003" priority="10002" stopIfTrue="1">
      <formula>INDIRECT("第１の３表②!"&amp;CELL("address",EH11))="×××"</formula>
    </cfRule>
    <cfRule type="expression" dxfId="10002" priority="10003" stopIfTrue="1">
      <formula>INDIRECT("第１の３表②!"&amp;CELL("address",EH11))="××"</formula>
    </cfRule>
    <cfRule type="expression" dxfId="10001" priority="10004" stopIfTrue="1">
      <formula>INDIRECT("第１の３表②!"&amp;CELL("address",EH11))="×"</formula>
    </cfRule>
    <cfRule type="expression" dxfId="10000" priority="10005" stopIfTrue="1">
      <formula>ISBLANK(BO11)=FALSE</formula>
    </cfRule>
  </conditionalFormatting>
  <conditionalFormatting sqref="BO11:BP12">
    <cfRule type="expression" dxfId="9999" priority="9996" stopIfTrue="1">
      <formula>ISBLANK(BO11)=TRUE</formula>
    </cfRule>
    <cfRule type="expression" dxfId="9998" priority="9997" stopIfTrue="1">
      <formula>INDIRECT("第１の３表②!"&amp;CELL("address",EH11))="×××"</formula>
    </cfRule>
    <cfRule type="expression" dxfId="9997" priority="9998" stopIfTrue="1">
      <formula>INDIRECT("第１の３表②!"&amp;CELL("address",EH11))="××"</formula>
    </cfRule>
    <cfRule type="expression" dxfId="9996" priority="9999" stopIfTrue="1">
      <formula>INDIRECT("第１の３表②!"&amp;CELL("address",EH11))="×"</formula>
    </cfRule>
    <cfRule type="expression" dxfId="9995" priority="10000" stopIfTrue="1">
      <formula>ISBLANK(BO11)=FALSE</formula>
    </cfRule>
  </conditionalFormatting>
  <conditionalFormatting sqref="J14:K15">
    <cfRule type="expression" dxfId="9994" priority="9991" stopIfTrue="1">
      <formula>ISBLANK(J14)=TRUE</formula>
    </cfRule>
    <cfRule type="expression" dxfId="9993" priority="9992" stopIfTrue="1">
      <formula>INDIRECT("第１の３表②!"&amp;CELL("address",CC14))="×××"</formula>
    </cfRule>
    <cfRule type="expression" dxfId="9992" priority="9993" stopIfTrue="1">
      <formula>INDIRECT("第１の３表②!"&amp;CELL("address",CC14))="××"</formula>
    </cfRule>
    <cfRule type="expression" dxfId="9991" priority="9994" stopIfTrue="1">
      <formula>INDIRECT("第１の３表②!"&amp;CELL("address",CC14))="×"</formula>
    </cfRule>
    <cfRule type="expression" dxfId="9990" priority="9995" stopIfTrue="1">
      <formula>ISBLANK(J14)=FALSE</formula>
    </cfRule>
  </conditionalFormatting>
  <conditionalFormatting sqref="J14:K15">
    <cfRule type="expression" dxfId="9989" priority="9986" stopIfTrue="1">
      <formula>ISBLANK(J14)=TRUE</formula>
    </cfRule>
    <cfRule type="expression" dxfId="9988" priority="9987" stopIfTrue="1">
      <formula>INDIRECT("第１の３表②!"&amp;CELL("address",CC14))="×××"</formula>
    </cfRule>
    <cfRule type="expression" dxfId="9987" priority="9988" stopIfTrue="1">
      <formula>INDIRECT("第１の３表②!"&amp;CELL("address",CC14))="××"</formula>
    </cfRule>
    <cfRule type="expression" dxfId="9986" priority="9989" stopIfTrue="1">
      <formula>INDIRECT("第１の３表②!"&amp;CELL("address",CC14))="×"</formula>
    </cfRule>
    <cfRule type="expression" dxfId="9985" priority="9990" stopIfTrue="1">
      <formula>ISBLANK(J14)=FALSE</formula>
    </cfRule>
  </conditionalFormatting>
  <conditionalFormatting sqref="J14:K15">
    <cfRule type="expression" dxfId="9984" priority="9981" stopIfTrue="1">
      <formula>ISBLANK(J14)=TRUE</formula>
    </cfRule>
    <cfRule type="expression" dxfId="9983" priority="9982" stopIfTrue="1">
      <formula>INDIRECT("第１の３表②!"&amp;CELL("address",CC14))="×××"</formula>
    </cfRule>
    <cfRule type="expression" dxfId="9982" priority="9983" stopIfTrue="1">
      <formula>INDIRECT("第１の３表②!"&amp;CELL("address",CC14))="××"</formula>
    </cfRule>
    <cfRule type="expression" dxfId="9981" priority="9984" stopIfTrue="1">
      <formula>INDIRECT("第１の３表②!"&amp;CELL("address",CC14))="×"</formula>
    </cfRule>
    <cfRule type="expression" dxfId="9980" priority="9985" stopIfTrue="1">
      <formula>ISBLANK(J14)=FALSE</formula>
    </cfRule>
  </conditionalFormatting>
  <conditionalFormatting sqref="M14:N15">
    <cfRule type="expression" dxfId="9979" priority="9976" stopIfTrue="1">
      <formula>ISBLANK(M14)=TRUE</formula>
    </cfRule>
    <cfRule type="expression" dxfId="9978" priority="9977" stopIfTrue="1">
      <formula>INDIRECT("第１の３表②!"&amp;CELL("address",CF14))="×××"</formula>
    </cfRule>
    <cfRule type="expression" dxfId="9977" priority="9978" stopIfTrue="1">
      <formula>INDIRECT("第１の３表②!"&amp;CELL("address",CF14))="××"</formula>
    </cfRule>
    <cfRule type="expression" dxfId="9976" priority="9979" stopIfTrue="1">
      <formula>INDIRECT("第１の３表②!"&amp;CELL("address",CF14))="×"</formula>
    </cfRule>
    <cfRule type="expression" dxfId="9975" priority="9980" stopIfTrue="1">
      <formula>ISBLANK(M14)=FALSE</formula>
    </cfRule>
  </conditionalFormatting>
  <conditionalFormatting sqref="M14:N15">
    <cfRule type="expression" dxfId="9974" priority="9971" stopIfTrue="1">
      <formula>ISBLANK(M14)=TRUE</formula>
    </cfRule>
    <cfRule type="expression" dxfId="9973" priority="9972" stopIfTrue="1">
      <formula>INDIRECT("第１の３表②!"&amp;CELL("address",CF14))="×××"</formula>
    </cfRule>
    <cfRule type="expression" dxfId="9972" priority="9973" stopIfTrue="1">
      <formula>INDIRECT("第１の３表②!"&amp;CELL("address",CF14))="××"</formula>
    </cfRule>
    <cfRule type="expression" dxfId="9971" priority="9974" stopIfTrue="1">
      <formula>INDIRECT("第１の３表②!"&amp;CELL("address",CF14))="×"</formula>
    </cfRule>
    <cfRule type="expression" dxfId="9970" priority="9975" stopIfTrue="1">
      <formula>ISBLANK(M14)=FALSE</formula>
    </cfRule>
  </conditionalFormatting>
  <conditionalFormatting sqref="M14:N15">
    <cfRule type="expression" dxfId="9969" priority="9966" stopIfTrue="1">
      <formula>ISBLANK(M14)=TRUE</formula>
    </cfRule>
    <cfRule type="expression" dxfId="9968" priority="9967" stopIfTrue="1">
      <formula>INDIRECT("第１の３表②!"&amp;CELL("address",CF14))="×××"</formula>
    </cfRule>
    <cfRule type="expression" dxfId="9967" priority="9968" stopIfTrue="1">
      <formula>INDIRECT("第１の３表②!"&amp;CELL("address",CF14))="××"</formula>
    </cfRule>
    <cfRule type="expression" dxfId="9966" priority="9969" stopIfTrue="1">
      <formula>INDIRECT("第１の３表②!"&amp;CELL("address",CF14))="×"</formula>
    </cfRule>
    <cfRule type="expression" dxfId="9965" priority="9970" stopIfTrue="1">
      <formula>ISBLANK(M14)=FALSE</formula>
    </cfRule>
  </conditionalFormatting>
  <conditionalFormatting sqref="P14:Q15">
    <cfRule type="expression" dxfId="9964" priority="9961" stopIfTrue="1">
      <formula>ISBLANK(P14)=TRUE</formula>
    </cfRule>
    <cfRule type="expression" dxfId="9963" priority="9962" stopIfTrue="1">
      <formula>INDIRECT("第１の３表②!"&amp;CELL("address",CI14))="×××"</formula>
    </cfRule>
    <cfRule type="expression" dxfId="9962" priority="9963" stopIfTrue="1">
      <formula>INDIRECT("第１の３表②!"&amp;CELL("address",CI14))="××"</formula>
    </cfRule>
    <cfRule type="expression" dxfId="9961" priority="9964" stopIfTrue="1">
      <formula>INDIRECT("第１の３表②!"&amp;CELL("address",CI14))="×"</formula>
    </cfRule>
    <cfRule type="expression" dxfId="9960" priority="9965" stopIfTrue="1">
      <formula>ISBLANK(P14)=FALSE</formula>
    </cfRule>
  </conditionalFormatting>
  <conditionalFormatting sqref="P14:Q15">
    <cfRule type="expression" dxfId="9959" priority="9956" stopIfTrue="1">
      <formula>ISBLANK(P14)=TRUE</formula>
    </cfRule>
    <cfRule type="expression" dxfId="9958" priority="9957" stopIfTrue="1">
      <formula>INDIRECT("第１の３表②!"&amp;CELL("address",CI14))="×××"</formula>
    </cfRule>
    <cfRule type="expression" dxfId="9957" priority="9958" stopIfTrue="1">
      <formula>INDIRECT("第１の３表②!"&amp;CELL("address",CI14))="××"</formula>
    </cfRule>
    <cfRule type="expression" dxfId="9956" priority="9959" stopIfTrue="1">
      <formula>INDIRECT("第１の３表②!"&amp;CELL("address",CI14))="×"</formula>
    </cfRule>
    <cfRule type="expression" dxfId="9955" priority="9960" stopIfTrue="1">
      <formula>ISBLANK(P14)=FALSE</formula>
    </cfRule>
  </conditionalFormatting>
  <conditionalFormatting sqref="P14:Q15">
    <cfRule type="expression" dxfId="9954" priority="9951" stopIfTrue="1">
      <formula>ISBLANK(P14)=TRUE</formula>
    </cfRule>
    <cfRule type="expression" dxfId="9953" priority="9952" stopIfTrue="1">
      <formula>INDIRECT("第１の３表②!"&amp;CELL("address",CI14))="×××"</formula>
    </cfRule>
    <cfRule type="expression" dxfId="9952" priority="9953" stopIfTrue="1">
      <formula>INDIRECT("第１の３表②!"&amp;CELL("address",CI14))="××"</formula>
    </cfRule>
    <cfRule type="expression" dxfId="9951" priority="9954" stopIfTrue="1">
      <formula>INDIRECT("第１の３表②!"&amp;CELL("address",CI14))="×"</formula>
    </cfRule>
    <cfRule type="expression" dxfId="9950" priority="9955" stopIfTrue="1">
      <formula>ISBLANK(P14)=FALSE</formula>
    </cfRule>
  </conditionalFormatting>
  <conditionalFormatting sqref="S14:T15">
    <cfRule type="expression" dxfId="9949" priority="9946" stopIfTrue="1">
      <formula>ISBLANK(S14)=TRUE</formula>
    </cfRule>
    <cfRule type="expression" dxfId="9948" priority="9947" stopIfTrue="1">
      <formula>INDIRECT("第１の３表②!"&amp;CELL("address",CL14))="×××"</formula>
    </cfRule>
    <cfRule type="expression" dxfId="9947" priority="9948" stopIfTrue="1">
      <formula>INDIRECT("第１の３表②!"&amp;CELL("address",CL14))="××"</formula>
    </cfRule>
    <cfRule type="expression" dxfId="9946" priority="9949" stopIfTrue="1">
      <formula>INDIRECT("第１の３表②!"&amp;CELL("address",CL14))="×"</formula>
    </cfRule>
    <cfRule type="expression" dxfId="9945" priority="9950" stopIfTrue="1">
      <formula>ISBLANK(S14)=FALSE</formula>
    </cfRule>
  </conditionalFormatting>
  <conditionalFormatting sqref="S14:T15">
    <cfRule type="expression" dxfId="9944" priority="9941" stopIfTrue="1">
      <formula>ISBLANK(S14)=TRUE</formula>
    </cfRule>
    <cfRule type="expression" dxfId="9943" priority="9942" stopIfTrue="1">
      <formula>INDIRECT("第１の３表②!"&amp;CELL("address",CL14))="×××"</formula>
    </cfRule>
    <cfRule type="expression" dxfId="9942" priority="9943" stopIfTrue="1">
      <formula>INDIRECT("第１の３表②!"&amp;CELL("address",CL14))="××"</formula>
    </cfRule>
    <cfRule type="expression" dxfId="9941" priority="9944" stopIfTrue="1">
      <formula>INDIRECT("第１の３表②!"&amp;CELL("address",CL14))="×"</formula>
    </cfRule>
    <cfRule type="expression" dxfId="9940" priority="9945" stopIfTrue="1">
      <formula>ISBLANK(S14)=FALSE</formula>
    </cfRule>
  </conditionalFormatting>
  <conditionalFormatting sqref="S14:T15">
    <cfRule type="expression" dxfId="9939" priority="9936" stopIfTrue="1">
      <formula>ISBLANK(S14)=TRUE</formula>
    </cfRule>
    <cfRule type="expression" dxfId="9938" priority="9937" stopIfTrue="1">
      <formula>INDIRECT("第１の３表②!"&amp;CELL("address",CL14))="×××"</formula>
    </cfRule>
    <cfRule type="expression" dxfId="9937" priority="9938" stopIfTrue="1">
      <formula>INDIRECT("第１の３表②!"&amp;CELL("address",CL14))="××"</formula>
    </cfRule>
    <cfRule type="expression" dxfId="9936" priority="9939" stopIfTrue="1">
      <formula>INDIRECT("第１の３表②!"&amp;CELL("address",CL14))="×"</formula>
    </cfRule>
    <cfRule type="expression" dxfId="9935" priority="9940" stopIfTrue="1">
      <formula>ISBLANK(S14)=FALSE</formula>
    </cfRule>
  </conditionalFormatting>
  <conditionalFormatting sqref="V14:W15">
    <cfRule type="expression" dxfId="9934" priority="9931" stopIfTrue="1">
      <formula>ISBLANK(V14)=TRUE</formula>
    </cfRule>
    <cfRule type="expression" dxfId="9933" priority="9932" stopIfTrue="1">
      <formula>INDIRECT("第１の３表②!"&amp;CELL("address",CO14))="×××"</formula>
    </cfRule>
    <cfRule type="expression" dxfId="9932" priority="9933" stopIfTrue="1">
      <formula>INDIRECT("第１の３表②!"&amp;CELL("address",CO14))="××"</formula>
    </cfRule>
    <cfRule type="expression" dxfId="9931" priority="9934" stopIfTrue="1">
      <formula>INDIRECT("第１の３表②!"&amp;CELL("address",CO14))="×"</formula>
    </cfRule>
    <cfRule type="expression" dxfId="9930" priority="9935" stopIfTrue="1">
      <formula>ISBLANK(V14)=FALSE</formula>
    </cfRule>
  </conditionalFormatting>
  <conditionalFormatting sqref="V14:W15">
    <cfRule type="expression" dxfId="9929" priority="9926" stopIfTrue="1">
      <formula>ISBLANK(V14)=TRUE</formula>
    </cfRule>
    <cfRule type="expression" dxfId="9928" priority="9927" stopIfTrue="1">
      <formula>INDIRECT("第１の３表②!"&amp;CELL("address",CO14))="×××"</formula>
    </cfRule>
    <cfRule type="expression" dxfId="9927" priority="9928" stopIfTrue="1">
      <formula>INDIRECT("第１の３表②!"&amp;CELL("address",CO14))="××"</formula>
    </cfRule>
    <cfRule type="expression" dxfId="9926" priority="9929" stopIfTrue="1">
      <formula>INDIRECT("第１の３表②!"&amp;CELL("address",CO14))="×"</formula>
    </cfRule>
    <cfRule type="expression" dxfId="9925" priority="9930" stopIfTrue="1">
      <formula>ISBLANK(V14)=FALSE</formula>
    </cfRule>
  </conditionalFormatting>
  <conditionalFormatting sqref="V14:W15">
    <cfRule type="expression" dxfId="9924" priority="9921" stopIfTrue="1">
      <formula>ISBLANK(V14)=TRUE</formula>
    </cfRule>
    <cfRule type="expression" dxfId="9923" priority="9922" stopIfTrue="1">
      <formula>INDIRECT("第１の３表②!"&amp;CELL("address",CO14))="×××"</formula>
    </cfRule>
    <cfRule type="expression" dxfId="9922" priority="9923" stopIfTrue="1">
      <formula>INDIRECT("第１の３表②!"&amp;CELL("address",CO14))="××"</formula>
    </cfRule>
    <cfRule type="expression" dxfId="9921" priority="9924" stopIfTrue="1">
      <formula>INDIRECT("第１の３表②!"&amp;CELL("address",CO14))="×"</formula>
    </cfRule>
    <cfRule type="expression" dxfId="9920" priority="9925" stopIfTrue="1">
      <formula>ISBLANK(V14)=FALSE</formula>
    </cfRule>
  </conditionalFormatting>
  <conditionalFormatting sqref="Y14:Z15">
    <cfRule type="expression" dxfId="9919" priority="9916" stopIfTrue="1">
      <formula>ISBLANK(Y14)=TRUE</formula>
    </cfRule>
    <cfRule type="expression" dxfId="9918" priority="9917" stopIfTrue="1">
      <formula>INDIRECT("第１の３表②!"&amp;CELL("address",CR14))="×××"</formula>
    </cfRule>
    <cfRule type="expression" dxfId="9917" priority="9918" stopIfTrue="1">
      <formula>INDIRECT("第１の３表②!"&amp;CELL("address",CR14))="××"</formula>
    </cfRule>
    <cfRule type="expression" dxfId="9916" priority="9919" stopIfTrue="1">
      <formula>INDIRECT("第１の３表②!"&amp;CELL("address",CR14))="×"</formula>
    </cfRule>
    <cfRule type="expression" dxfId="9915" priority="9920" stopIfTrue="1">
      <formula>ISBLANK(Y14)=FALSE</formula>
    </cfRule>
  </conditionalFormatting>
  <conditionalFormatting sqref="Y14:Z15">
    <cfRule type="expression" dxfId="9914" priority="9911" stopIfTrue="1">
      <formula>ISBLANK(Y14)=TRUE</formula>
    </cfRule>
    <cfRule type="expression" dxfId="9913" priority="9912" stopIfTrue="1">
      <formula>INDIRECT("第１の３表②!"&amp;CELL("address",CR14))="×××"</formula>
    </cfRule>
    <cfRule type="expression" dxfId="9912" priority="9913" stopIfTrue="1">
      <formula>INDIRECT("第１の３表②!"&amp;CELL("address",CR14))="××"</formula>
    </cfRule>
    <cfRule type="expression" dxfId="9911" priority="9914" stopIfTrue="1">
      <formula>INDIRECT("第１の３表②!"&amp;CELL("address",CR14))="×"</formula>
    </cfRule>
    <cfRule type="expression" dxfId="9910" priority="9915" stopIfTrue="1">
      <formula>ISBLANK(Y14)=FALSE</formula>
    </cfRule>
  </conditionalFormatting>
  <conditionalFormatting sqref="Y14:Z15">
    <cfRule type="expression" dxfId="9909" priority="9906" stopIfTrue="1">
      <formula>ISBLANK(Y14)=TRUE</formula>
    </cfRule>
    <cfRule type="expression" dxfId="9908" priority="9907" stopIfTrue="1">
      <formula>INDIRECT("第１の３表②!"&amp;CELL("address",CR14))="×××"</formula>
    </cfRule>
    <cfRule type="expression" dxfId="9907" priority="9908" stopIfTrue="1">
      <formula>INDIRECT("第１の３表②!"&amp;CELL("address",CR14))="××"</formula>
    </cfRule>
    <cfRule type="expression" dxfId="9906" priority="9909" stopIfTrue="1">
      <formula>INDIRECT("第１の３表②!"&amp;CELL("address",CR14))="×"</formula>
    </cfRule>
    <cfRule type="expression" dxfId="9905" priority="9910" stopIfTrue="1">
      <formula>ISBLANK(Y14)=FALSE</formula>
    </cfRule>
  </conditionalFormatting>
  <conditionalFormatting sqref="AB14:AC15">
    <cfRule type="expression" dxfId="9904" priority="9901" stopIfTrue="1">
      <formula>ISBLANK(AB14)=TRUE</formula>
    </cfRule>
    <cfRule type="expression" dxfId="9903" priority="9902" stopIfTrue="1">
      <formula>INDIRECT("第１の３表②!"&amp;CELL("address",CU14))="×××"</formula>
    </cfRule>
    <cfRule type="expression" dxfId="9902" priority="9903" stopIfTrue="1">
      <formula>INDIRECT("第１の３表②!"&amp;CELL("address",CU14))="××"</formula>
    </cfRule>
    <cfRule type="expression" dxfId="9901" priority="9904" stopIfTrue="1">
      <formula>INDIRECT("第１の３表②!"&amp;CELL("address",CU14))="×"</formula>
    </cfRule>
    <cfRule type="expression" dxfId="9900" priority="9905" stopIfTrue="1">
      <formula>ISBLANK(AB14)=FALSE</formula>
    </cfRule>
  </conditionalFormatting>
  <conditionalFormatting sqref="AB14:AC15">
    <cfRule type="expression" dxfId="9899" priority="9896" stopIfTrue="1">
      <formula>ISBLANK(AB14)=TRUE</formula>
    </cfRule>
    <cfRule type="expression" dxfId="9898" priority="9897" stopIfTrue="1">
      <formula>INDIRECT("第１の３表②!"&amp;CELL("address",CU14))="×××"</formula>
    </cfRule>
    <cfRule type="expression" dxfId="9897" priority="9898" stopIfTrue="1">
      <formula>INDIRECT("第１の３表②!"&amp;CELL("address",CU14))="××"</formula>
    </cfRule>
    <cfRule type="expression" dxfId="9896" priority="9899" stopIfTrue="1">
      <formula>INDIRECT("第１の３表②!"&amp;CELL("address",CU14))="×"</formula>
    </cfRule>
    <cfRule type="expression" dxfId="9895" priority="9900" stopIfTrue="1">
      <formula>ISBLANK(AB14)=FALSE</formula>
    </cfRule>
  </conditionalFormatting>
  <conditionalFormatting sqref="AB14:AC15">
    <cfRule type="expression" dxfId="9894" priority="9891" stopIfTrue="1">
      <formula>ISBLANK(AB14)=TRUE</formula>
    </cfRule>
    <cfRule type="expression" dxfId="9893" priority="9892" stopIfTrue="1">
      <formula>INDIRECT("第１の３表②!"&amp;CELL("address",CU14))="×××"</formula>
    </cfRule>
    <cfRule type="expression" dxfId="9892" priority="9893" stopIfTrue="1">
      <formula>INDIRECT("第１の３表②!"&amp;CELL("address",CU14))="××"</formula>
    </cfRule>
    <cfRule type="expression" dxfId="9891" priority="9894" stopIfTrue="1">
      <formula>INDIRECT("第１の３表②!"&amp;CELL("address",CU14))="×"</formula>
    </cfRule>
    <cfRule type="expression" dxfId="9890" priority="9895" stopIfTrue="1">
      <formula>ISBLANK(AB14)=FALSE</formula>
    </cfRule>
  </conditionalFormatting>
  <conditionalFormatting sqref="AE14:AF15">
    <cfRule type="expression" dxfId="9889" priority="9886" stopIfTrue="1">
      <formula>ISBLANK(AE14)=TRUE</formula>
    </cfRule>
    <cfRule type="expression" dxfId="9888" priority="9887" stopIfTrue="1">
      <formula>INDIRECT("第１の３表②!"&amp;CELL("address",CX14))="×××"</formula>
    </cfRule>
    <cfRule type="expression" dxfId="9887" priority="9888" stopIfTrue="1">
      <formula>INDIRECT("第１の３表②!"&amp;CELL("address",CX14))="××"</formula>
    </cfRule>
    <cfRule type="expression" dxfId="9886" priority="9889" stopIfTrue="1">
      <formula>INDIRECT("第１の３表②!"&amp;CELL("address",CX14))="×"</formula>
    </cfRule>
    <cfRule type="expression" dxfId="9885" priority="9890" stopIfTrue="1">
      <formula>ISBLANK(AE14)=FALSE</formula>
    </cfRule>
  </conditionalFormatting>
  <conditionalFormatting sqref="AE14:AF15">
    <cfRule type="expression" dxfId="9884" priority="9881" stopIfTrue="1">
      <formula>ISBLANK(AE14)=TRUE</formula>
    </cfRule>
    <cfRule type="expression" dxfId="9883" priority="9882" stopIfTrue="1">
      <formula>INDIRECT("第１の３表②!"&amp;CELL("address",CX14))="×××"</formula>
    </cfRule>
    <cfRule type="expression" dxfId="9882" priority="9883" stopIfTrue="1">
      <formula>INDIRECT("第１の３表②!"&amp;CELL("address",CX14))="××"</formula>
    </cfRule>
    <cfRule type="expression" dxfId="9881" priority="9884" stopIfTrue="1">
      <formula>INDIRECT("第１の３表②!"&amp;CELL("address",CX14))="×"</formula>
    </cfRule>
    <cfRule type="expression" dxfId="9880" priority="9885" stopIfTrue="1">
      <formula>ISBLANK(AE14)=FALSE</formula>
    </cfRule>
  </conditionalFormatting>
  <conditionalFormatting sqref="AE14:AF15">
    <cfRule type="expression" dxfId="9879" priority="9876" stopIfTrue="1">
      <formula>ISBLANK(AE14)=TRUE</formula>
    </cfRule>
    <cfRule type="expression" dxfId="9878" priority="9877" stopIfTrue="1">
      <formula>INDIRECT("第１の３表②!"&amp;CELL("address",CX14))="×××"</formula>
    </cfRule>
    <cfRule type="expression" dxfId="9877" priority="9878" stopIfTrue="1">
      <formula>INDIRECT("第１の３表②!"&amp;CELL("address",CX14))="××"</formula>
    </cfRule>
    <cfRule type="expression" dxfId="9876" priority="9879" stopIfTrue="1">
      <formula>INDIRECT("第１の３表②!"&amp;CELL("address",CX14))="×"</formula>
    </cfRule>
    <cfRule type="expression" dxfId="9875" priority="9880" stopIfTrue="1">
      <formula>ISBLANK(AE14)=FALSE</formula>
    </cfRule>
  </conditionalFormatting>
  <conditionalFormatting sqref="AH14:AI15">
    <cfRule type="expression" dxfId="9874" priority="9871" stopIfTrue="1">
      <formula>ISBLANK(AH14)=TRUE</formula>
    </cfRule>
    <cfRule type="expression" dxfId="9873" priority="9872" stopIfTrue="1">
      <formula>INDIRECT("第１の３表②!"&amp;CELL("address",DA14))="×××"</formula>
    </cfRule>
    <cfRule type="expression" dxfId="9872" priority="9873" stopIfTrue="1">
      <formula>INDIRECT("第１の３表②!"&amp;CELL("address",DA14))="××"</formula>
    </cfRule>
    <cfRule type="expression" dxfId="9871" priority="9874" stopIfTrue="1">
      <formula>INDIRECT("第１の３表②!"&amp;CELL("address",DA14))="×"</formula>
    </cfRule>
    <cfRule type="expression" dxfId="9870" priority="9875" stopIfTrue="1">
      <formula>ISBLANK(AH14)=FALSE</formula>
    </cfRule>
  </conditionalFormatting>
  <conditionalFormatting sqref="AH14:AI15">
    <cfRule type="expression" dxfId="9869" priority="9866" stopIfTrue="1">
      <formula>ISBLANK(AH14)=TRUE</formula>
    </cfRule>
    <cfRule type="expression" dxfId="9868" priority="9867" stopIfTrue="1">
      <formula>INDIRECT("第１の３表②!"&amp;CELL("address",DA14))="×××"</formula>
    </cfRule>
    <cfRule type="expression" dxfId="9867" priority="9868" stopIfTrue="1">
      <formula>INDIRECT("第１の３表②!"&amp;CELL("address",DA14))="××"</formula>
    </cfRule>
    <cfRule type="expression" dxfId="9866" priority="9869" stopIfTrue="1">
      <formula>INDIRECT("第１の３表②!"&amp;CELL("address",DA14))="×"</formula>
    </cfRule>
    <cfRule type="expression" dxfId="9865" priority="9870" stopIfTrue="1">
      <formula>ISBLANK(AH14)=FALSE</formula>
    </cfRule>
  </conditionalFormatting>
  <conditionalFormatting sqref="AH14:AI15">
    <cfRule type="expression" dxfId="9864" priority="9861" stopIfTrue="1">
      <formula>ISBLANK(AH14)=TRUE</formula>
    </cfRule>
    <cfRule type="expression" dxfId="9863" priority="9862" stopIfTrue="1">
      <formula>INDIRECT("第１の３表②!"&amp;CELL("address",DA14))="×××"</formula>
    </cfRule>
    <cfRule type="expression" dxfId="9862" priority="9863" stopIfTrue="1">
      <formula>INDIRECT("第１の３表②!"&amp;CELL("address",DA14))="××"</formula>
    </cfRule>
    <cfRule type="expression" dxfId="9861" priority="9864" stopIfTrue="1">
      <formula>INDIRECT("第１の３表②!"&amp;CELL("address",DA14))="×"</formula>
    </cfRule>
    <cfRule type="expression" dxfId="9860" priority="9865" stopIfTrue="1">
      <formula>ISBLANK(AH14)=FALSE</formula>
    </cfRule>
  </conditionalFormatting>
  <conditionalFormatting sqref="AK14:AL15">
    <cfRule type="expression" dxfId="9859" priority="9856" stopIfTrue="1">
      <formula>ISBLANK(AK14)=TRUE</formula>
    </cfRule>
    <cfRule type="expression" dxfId="9858" priority="9857" stopIfTrue="1">
      <formula>INDIRECT("第１の３表②!"&amp;CELL("address",DD14))="×××"</formula>
    </cfRule>
    <cfRule type="expression" dxfId="9857" priority="9858" stopIfTrue="1">
      <formula>INDIRECT("第１の３表②!"&amp;CELL("address",DD14))="××"</formula>
    </cfRule>
    <cfRule type="expression" dxfId="9856" priority="9859" stopIfTrue="1">
      <formula>INDIRECT("第１の３表②!"&amp;CELL("address",DD14))="×"</formula>
    </cfRule>
    <cfRule type="expression" dxfId="9855" priority="9860" stopIfTrue="1">
      <formula>ISBLANK(AK14)=FALSE</formula>
    </cfRule>
  </conditionalFormatting>
  <conditionalFormatting sqref="AK14:AL15">
    <cfRule type="expression" dxfId="9854" priority="9851" stopIfTrue="1">
      <formula>ISBLANK(AK14)=TRUE</formula>
    </cfRule>
    <cfRule type="expression" dxfId="9853" priority="9852" stopIfTrue="1">
      <formula>INDIRECT("第１の３表②!"&amp;CELL("address",DD14))="×××"</formula>
    </cfRule>
    <cfRule type="expression" dxfId="9852" priority="9853" stopIfTrue="1">
      <formula>INDIRECT("第１の３表②!"&amp;CELL("address",DD14))="××"</formula>
    </cfRule>
    <cfRule type="expression" dxfId="9851" priority="9854" stopIfTrue="1">
      <formula>INDIRECT("第１の３表②!"&amp;CELL("address",DD14))="×"</formula>
    </cfRule>
    <cfRule type="expression" dxfId="9850" priority="9855" stopIfTrue="1">
      <formula>ISBLANK(AK14)=FALSE</formula>
    </cfRule>
  </conditionalFormatting>
  <conditionalFormatting sqref="AK14:AL15">
    <cfRule type="expression" dxfId="9849" priority="9846" stopIfTrue="1">
      <formula>ISBLANK(AK14)=TRUE</formula>
    </cfRule>
    <cfRule type="expression" dxfId="9848" priority="9847" stopIfTrue="1">
      <formula>INDIRECT("第１の３表②!"&amp;CELL("address",DD14))="×××"</formula>
    </cfRule>
    <cfRule type="expression" dxfId="9847" priority="9848" stopIfTrue="1">
      <formula>INDIRECT("第１の３表②!"&amp;CELL("address",DD14))="××"</formula>
    </cfRule>
    <cfRule type="expression" dxfId="9846" priority="9849" stopIfTrue="1">
      <formula>INDIRECT("第１の３表②!"&amp;CELL("address",DD14))="×"</formula>
    </cfRule>
    <cfRule type="expression" dxfId="9845" priority="9850" stopIfTrue="1">
      <formula>ISBLANK(AK14)=FALSE</formula>
    </cfRule>
  </conditionalFormatting>
  <conditionalFormatting sqref="AN14:AO15">
    <cfRule type="expression" dxfId="9844" priority="9841" stopIfTrue="1">
      <formula>ISBLANK(AN14)=TRUE</formula>
    </cfRule>
    <cfRule type="expression" dxfId="9843" priority="9842" stopIfTrue="1">
      <formula>INDIRECT("第１の３表②!"&amp;CELL("address",DG14))="×××"</formula>
    </cfRule>
    <cfRule type="expression" dxfId="9842" priority="9843" stopIfTrue="1">
      <formula>INDIRECT("第１の３表②!"&amp;CELL("address",DG14))="××"</formula>
    </cfRule>
    <cfRule type="expression" dxfId="9841" priority="9844" stopIfTrue="1">
      <formula>INDIRECT("第１の３表②!"&amp;CELL("address",DG14))="×"</formula>
    </cfRule>
    <cfRule type="expression" dxfId="9840" priority="9845" stopIfTrue="1">
      <formula>ISBLANK(AN14)=FALSE</formula>
    </cfRule>
  </conditionalFormatting>
  <conditionalFormatting sqref="AN14:AO15">
    <cfRule type="expression" dxfId="9839" priority="9836" stopIfTrue="1">
      <formula>ISBLANK(AN14)=TRUE</formula>
    </cfRule>
    <cfRule type="expression" dxfId="9838" priority="9837" stopIfTrue="1">
      <formula>INDIRECT("第１の３表②!"&amp;CELL("address",DG14))="×××"</formula>
    </cfRule>
    <cfRule type="expression" dxfId="9837" priority="9838" stopIfTrue="1">
      <formula>INDIRECT("第１の３表②!"&amp;CELL("address",DG14))="××"</formula>
    </cfRule>
    <cfRule type="expression" dxfId="9836" priority="9839" stopIfTrue="1">
      <formula>INDIRECT("第１の３表②!"&amp;CELL("address",DG14))="×"</formula>
    </cfRule>
    <cfRule type="expression" dxfId="9835" priority="9840" stopIfTrue="1">
      <formula>ISBLANK(AN14)=FALSE</formula>
    </cfRule>
  </conditionalFormatting>
  <conditionalFormatting sqref="AN14:AO15">
    <cfRule type="expression" dxfId="9834" priority="9831" stopIfTrue="1">
      <formula>ISBLANK(AN14)=TRUE</formula>
    </cfRule>
    <cfRule type="expression" dxfId="9833" priority="9832" stopIfTrue="1">
      <formula>INDIRECT("第１の３表②!"&amp;CELL("address",DG14))="×××"</formula>
    </cfRule>
    <cfRule type="expression" dxfId="9832" priority="9833" stopIfTrue="1">
      <formula>INDIRECT("第１の３表②!"&amp;CELL("address",DG14))="××"</formula>
    </cfRule>
    <cfRule type="expression" dxfId="9831" priority="9834" stopIfTrue="1">
      <formula>INDIRECT("第１の３表②!"&amp;CELL("address",DG14))="×"</formula>
    </cfRule>
    <cfRule type="expression" dxfId="9830" priority="9835" stopIfTrue="1">
      <formula>ISBLANK(AN14)=FALSE</formula>
    </cfRule>
  </conditionalFormatting>
  <conditionalFormatting sqref="AQ14:AR15">
    <cfRule type="expression" dxfId="9829" priority="9826" stopIfTrue="1">
      <formula>ISBLANK(AQ14)=TRUE</formula>
    </cfRule>
    <cfRule type="expression" dxfId="9828" priority="9827" stopIfTrue="1">
      <formula>INDIRECT("第１の３表②!"&amp;CELL("address",DJ14))="×××"</formula>
    </cfRule>
    <cfRule type="expression" dxfId="9827" priority="9828" stopIfTrue="1">
      <formula>INDIRECT("第１の３表②!"&amp;CELL("address",DJ14))="××"</formula>
    </cfRule>
    <cfRule type="expression" dxfId="9826" priority="9829" stopIfTrue="1">
      <formula>INDIRECT("第１の３表②!"&amp;CELL("address",DJ14))="×"</formula>
    </cfRule>
    <cfRule type="expression" dxfId="9825" priority="9830" stopIfTrue="1">
      <formula>ISBLANK(AQ14)=FALSE</formula>
    </cfRule>
  </conditionalFormatting>
  <conditionalFormatting sqref="AQ14:AR15">
    <cfRule type="expression" dxfId="9824" priority="9821" stopIfTrue="1">
      <formula>ISBLANK(AQ14)=TRUE</formula>
    </cfRule>
    <cfRule type="expression" dxfId="9823" priority="9822" stopIfTrue="1">
      <formula>INDIRECT("第１の３表②!"&amp;CELL("address",DJ14))="×××"</formula>
    </cfRule>
    <cfRule type="expression" dxfId="9822" priority="9823" stopIfTrue="1">
      <formula>INDIRECT("第１の３表②!"&amp;CELL("address",DJ14))="××"</formula>
    </cfRule>
    <cfRule type="expression" dxfId="9821" priority="9824" stopIfTrue="1">
      <formula>INDIRECT("第１の３表②!"&amp;CELL("address",DJ14))="×"</formula>
    </cfRule>
    <cfRule type="expression" dxfId="9820" priority="9825" stopIfTrue="1">
      <formula>ISBLANK(AQ14)=FALSE</formula>
    </cfRule>
  </conditionalFormatting>
  <conditionalFormatting sqref="AQ14:AR15">
    <cfRule type="expression" dxfId="9819" priority="9816" stopIfTrue="1">
      <formula>ISBLANK(AQ14)=TRUE</formula>
    </cfRule>
    <cfRule type="expression" dxfId="9818" priority="9817" stopIfTrue="1">
      <formula>INDIRECT("第１の３表②!"&amp;CELL("address",DJ14))="×××"</formula>
    </cfRule>
    <cfRule type="expression" dxfId="9817" priority="9818" stopIfTrue="1">
      <formula>INDIRECT("第１の３表②!"&amp;CELL("address",DJ14))="××"</formula>
    </cfRule>
    <cfRule type="expression" dxfId="9816" priority="9819" stopIfTrue="1">
      <formula>INDIRECT("第１の３表②!"&amp;CELL("address",DJ14))="×"</formula>
    </cfRule>
    <cfRule type="expression" dxfId="9815" priority="9820" stopIfTrue="1">
      <formula>ISBLANK(AQ14)=FALSE</formula>
    </cfRule>
  </conditionalFormatting>
  <conditionalFormatting sqref="AT14:AU15">
    <cfRule type="expression" dxfId="9814" priority="9811" stopIfTrue="1">
      <formula>ISBLANK(AT14)=TRUE</formula>
    </cfRule>
    <cfRule type="expression" dxfId="9813" priority="9812" stopIfTrue="1">
      <formula>INDIRECT("第１の３表②!"&amp;CELL("address",DM14))="×××"</formula>
    </cfRule>
    <cfRule type="expression" dxfId="9812" priority="9813" stopIfTrue="1">
      <formula>INDIRECT("第１の３表②!"&amp;CELL("address",DM14))="××"</formula>
    </cfRule>
    <cfRule type="expression" dxfId="9811" priority="9814" stopIfTrue="1">
      <formula>INDIRECT("第１の３表②!"&amp;CELL("address",DM14))="×"</formula>
    </cfRule>
    <cfRule type="expression" dxfId="9810" priority="9815" stopIfTrue="1">
      <formula>ISBLANK(AT14)=FALSE</formula>
    </cfRule>
  </conditionalFormatting>
  <conditionalFormatting sqref="AT14:AU15">
    <cfRule type="expression" dxfId="9809" priority="9806" stopIfTrue="1">
      <formula>ISBLANK(AT14)=TRUE</formula>
    </cfRule>
    <cfRule type="expression" dxfId="9808" priority="9807" stopIfTrue="1">
      <formula>INDIRECT("第１の３表②!"&amp;CELL("address",DM14))="×××"</formula>
    </cfRule>
    <cfRule type="expression" dxfId="9807" priority="9808" stopIfTrue="1">
      <formula>INDIRECT("第１の３表②!"&amp;CELL("address",DM14))="××"</formula>
    </cfRule>
    <cfRule type="expression" dxfId="9806" priority="9809" stopIfTrue="1">
      <formula>INDIRECT("第１の３表②!"&amp;CELL("address",DM14))="×"</formula>
    </cfRule>
    <cfRule type="expression" dxfId="9805" priority="9810" stopIfTrue="1">
      <formula>ISBLANK(AT14)=FALSE</formula>
    </cfRule>
  </conditionalFormatting>
  <conditionalFormatting sqref="AT14:AU15">
    <cfRule type="expression" dxfId="9804" priority="9801" stopIfTrue="1">
      <formula>ISBLANK(AT14)=TRUE</formula>
    </cfRule>
    <cfRule type="expression" dxfId="9803" priority="9802" stopIfTrue="1">
      <formula>INDIRECT("第１の３表②!"&amp;CELL("address",DM14))="×××"</formula>
    </cfRule>
    <cfRule type="expression" dxfId="9802" priority="9803" stopIfTrue="1">
      <formula>INDIRECT("第１の３表②!"&amp;CELL("address",DM14))="××"</formula>
    </cfRule>
    <cfRule type="expression" dxfId="9801" priority="9804" stopIfTrue="1">
      <formula>INDIRECT("第１の３表②!"&amp;CELL("address",DM14))="×"</formula>
    </cfRule>
    <cfRule type="expression" dxfId="9800" priority="9805" stopIfTrue="1">
      <formula>ISBLANK(AT14)=FALSE</formula>
    </cfRule>
  </conditionalFormatting>
  <conditionalFormatting sqref="AW14:AX15">
    <cfRule type="expression" dxfId="9799" priority="9796" stopIfTrue="1">
      <formula>ISBLANK(AW14)=TRUE</formula>
    </cfRule>
    <cfRule type="expression" dxfId="9798" priority="9797" stopIfTrue="1">
      <formula>INDIRECT("第１の３表②!"&amp;CELL("address",DP14))="×××"</formula>
    </cfRule>
    <cfRule type="expression" dxfId="9797" priority="9798" stopIfTrue="1">
      <formula>INDIRECT("第１の３表②!"&amp;CELL("address",DP14))="××"</formula>
    </cfRule>
    <cfRule type="expression" dxfId="9796" priority="9799" stopIfTrue="1">
      <formula>INDIRECT("第１の３表②!"&amp;CELL("address",DP14))="×"</formula>
    </cfRule>
    <cfRule type="expression" dxfId="9795" priority="9800" stopIfTrue="1">
      <formula>ISBLANK(AW14)=FALSE</formula>
    </cfRule>
  </conditionalFormatting>
  <conditionalFormatting sqref="AW14:AX15">
    <cfRule type="expression" dxfId="9794" priority="9791" stopIfTrue="1">
      <formula>ISBLANK(AW14)=TRUE</formula>
    </cfRule>
    <cfRule type="expression" dxfId="9793" priority="9792" stopIfTrue="1">
      <formula>INDIRECT("第１の３表②!"&amp;CELL("address",DP14))="×××"</formula>
    </cfRule>
    <cfRule type="expression" dxfId="9792" priority="9793" stopIfTrue="1">
      <formula>INDIRECT("第１の３表②!"&amp;CELL("address",DP14))="××"</formula>
    </cfRule>
    <cfRule type="expression" dxfId="9791" priority="9794" stopIfTrue="1">
      <formula>INDIRECT("第１の３表②!"&amp;CELL("address",DP14))="×"</formula>
    </cfRule>
    <cfRule type="expression" dxfId="9790" priority="9795" stopIfTrue="1">
      <formula>ISBLANK(AW14)=FALSE</formula>
    </cfRule>
  </conditionalFormatting>
  <conditionalFormatting sqref="AW14:AX15">
    <cfRule type="expression" dxfId="9789" priority="9786" stopIfTrue="1">
      <formula>ISBLANK(AW14)=TRUE</formula>
    </cfRule>
    <cfRule type="expression" dxfId="9788" priority="9787" stopIfTrue="1">
      <formula>INDIRECT("第１の３表②!"&amp;CELL("address",DP14))="×××"</formula>
    </cfRule>
    <cfRule type="expression" dxfId="9787" priority="9788" stopIfTrue="1">
      <formula>INDIRECT("第１の３表②!"&amp;CELL("address",DP14))="××"</formula>
    </cfRule>
    <cfRule type="expression" dxfId="9786" priority="9789" stopIfTrue="1">
      <formula>INDIRECT("第１の３表②!"&amp;CELL("address",DP14))="×"</formula>
    </cfRule>
    <cfRule type="expression" dxfId="9785" priority="9790" stopIfTrue="1">
      <formula>ISBLANK(AW14)=FALSE</formula>
    </cfRule>
  </conditionalFormatting>
  <conditionalFormatting sqref="AZ14:BA15">
    <cfRule type="expression" dxfId="9784" priority="9781" stopIfTrue="1">
      <formula>ISBLANK(AZ14)=TRUE</formula>
    </cfRule>
    <cfRule type="expression" dxfId="9783" priority="9782" stopIfTrue="1">
      <formula>INDIRECT("第１の３表②!"&amp;CELL("address",DS14))="×××"</formula>
    </cfRule>
    <cfRule type="expression" dxfId="9782" priority="9783" stopIfTrue="1">
      <formula>INDIRECT("第１の３表②!"&amp;CELL("address",DS14))="××"</formula>
    </cfRule>
    <cfRule type="expression" dxfId="9781" priority="9784" stopIfTrue="1">
      <formula>INDIRECT("第１の３表②!"&amp;CELL("address",DS14))="×"</formula>
    </cfRule>
    <cfRule type="expression" dxfId="9780" priority="9785" stopIfTrue="1">
      <formula>ISBLANK(AZ14)=FALSE</formula>
    </cfRule>
  </conditionalFormatting>
  <conditionalFormatting sqref="AZ14:BA15">
    <cfRule type="expression" dxfId="9779" priority="9776" stopIfTrue="1">
      <formula>ISBLANK(AZ14)=TRUE</formula>
    </cfRule>
    <cfRule type="expression" dxfId="9778" priority="9777" stopIfTrue="1">
      <formula>INDIRECT("第１の３表②!"&amp;CELL("address",DS14))="×××"</formula>
    </cfRule>
    <cfRule type="expression" dxfId="9777" priority="9778" stopIfTrue="1">
      <formula>INDIRECT("第１の３表②!"&amp;CELL("address",DS14))="××"</formula>
    </cfRule>
    <cfRule type="expression" dxfId="9776" priority="9779" stopIfTrue="1">
      <formula>INDIRECT("第１の３表②!"&amp;CELL("address",DS14))="×"</formula>
    </cfRule>
    <cfRule type="expression" dxfId="9775" priority="9780" stopIfTrue="1">
      <formula>ISBLANK(AZ14)=FALSE</formula>
    </cfRule>
  </conditionalFormatting>
  <conditionalFormatting sqref="AZ14:BA15">
    <cfRule type="expression" dxfId="9774" priority="9771" stopIfTrue="1">
      <formula>ISBLANK(AZ14)=TRUE</formula>
    </cfRule>
    <cfRule type="expression" dxfId="9773" priority="9772" stopIfTrue="1">
      <formula>INDIRECT("第１の３表②!"&amp;CELL("address",DS14))="×××"</formula>
    </cfRule>
    <cfRule type="expression" dxfId="9772" priority="9773" stopIfTrue="1">
      <formula>INDIRECT("第１の３表②!"&amp;CELL("address",DS14))="××"</formula>
    </cfRule>
    <cfRule type="expression" dxfId="9771" priority="9774" stopIfTrue="1">
      <formula>INDIRECT("第１の３表②!"&amp;CELL("address",DS14))="×"</formula>
    </cfRule>
    <cfRule type="expression" dxfId="9770" priority="9775" stopIfTrue="1">
      <formula>ISBLANK(AZ14)=FALSE</formula>
    </cfRule>
  </conditionalFormatting>
  <conditionalFormatting sqref="BC14:BD15">
    <cfRule type="expression" dxfId="9769" priority="9766" stopIfTrue="1">
      <formula>ISBLANK(BC14)=TRUE</formula>
    </cfRule>
    <cfRule type="expression" dxfId="9768" priority="9767" stopIfTrue="1">
      <formula>INDIRECT("第１の３表②!"&amp;CELL("address",DV14))="×××"</formula>
    </cfRule>
    <cfRule type="expression" dxfId="9767" priority="9768" stopIfTrue="1">
      <formula>INDIRECT("第１の３表②!"&amp;CELL("address",DV14))="××"</formula>
    </cfRule>
    <cfRule type="expression" dxfId="9766" priority="9769" stopIfTrue="1">
      <formula>INDIRECT("第１の３表②!"&amp;CELL("address",DV14))="×"</formula>
    </cfRule>
    <cfRule type="expression" dxfId="9765" priority="9770" stopIfTrue="1">
      <formula>ISBLANK(BC14)=FALSE</formula>
    </cfRule>
  </conditionalFormatting>
  <conditionalFormatting sqref="BC14:BD15">
    <cfRule type="expression" dxfId="9764" priority="9761" stopIfTrue="1">
      <formula>ISBLANK(BC14)=TRUE</formula>
    </cfRule>
    <cfRule type="expression" dxfId="9763" priority="9762" stopIfTrue="1">
      <formula>INDIRECT("第１の３表②!"&amp;CELL("address",DV14))="×××"</formula>
    </cfRule>
    <cfRule type="expression" dxfId="9762" priority="9763" stopIfTrue="1">
      <formula>INDIRECT("第１の３表②!"&amp;CELL("address",DV14))="××"</formula>
    </cfRule>
    <cfRule type="expression" dxfId="9761" priority="9764" stopIfTrue="1">
      <formula>INDIRECT("第１の３表②!"&amp;CELL("address",DV14))="×"</formula>
    </cfRule>
    <cfRule type="expression" dxfId="9760" priority="9765" stopIfTrue="1">
      <formula>ISBLANK(BC14)=FALSE</formula>
    </cfRule>
  </conditionalFormatting>
  <conditionalFormatting sqref="BC14:BD15">
    <cfRule type="expression" dxfId="9759" priority="9756" stopIfTrue="1">
      <formula>ISBLANK(BC14)=TRUE</formula>
    </cfRule>
    <cfRule type="expression" dxfId="9758" priority="9757" stopIfTrue="1">
      <formula>INDIRECT("第１の３表②!"&amp;CELL("address",DV14))="×××"</formula>
    </cfRule>
    <cfRule type="expression" dxfId="9757" priority="9758" stopIfTrue="1">
      <formula>INDIRECT("第１の３表②!"&amp;CELL("address",DV14))="××"</formula>
    </cfRule>
    <cfRule type="expression" dxfId="9756" priority="9759" stopIfTrue="1">
      <formula>INDIRECT("第１の３表②!"&amp;CELL("address",DV14))="×"</formula>
    </cfRule>
    <cfRule type="expression" dxfId="9755" priority="9760" stopIfTrue="1">
      <formula>ISBLANK(BC14)=FALSE</formula>
    </cfRule>
  </conditionalFormatting>
  <conditionalFormatting sqref="BF14:BG15">
    <cfRule type="expression" dxfId="9754" priority="9751" stopIfTrue="1">
      <formula>ISBLANK(BF14)=TRUE</formula>
    </cfRule>
    <cfRule type="expression" dxfId="9753" priority="9752" stopIfTrue="1">
      <formula>INDIRECT("第１の３表②!"&amp;CELL("address",DY14))="×××"</formula>
    </cfRule>
    <cfRule type="expression" dxfId="9752" priority="9753" stopIfTrue="1">
      <formula>INDIRECT("第１の３表②!"&amp;CELL("address",DY14))="××"</formula>
    </cfRule>
    <cfRule type="expression" dxfId="9751" priority="9754" stopIfTrue="1">
      <formula>INDIRECT("第１の３表②!"&amp;CELL("address",DY14))="×"</formula>
    </cfRule>
    <cfRule type="expression" dxfId="9750" priority="9755" stopIfTrue="1">
      <formula>ISBLANK(BF14)=FALSE</formula>
    </cfRule>
  </conditionalFormatting>
  <conditionalFormatting sqref="BF14:BG15">
    <cfRule type="expression" dxfId="9749" priority="9746" stopIfTrue="1">
      <formula>ISBLANK(BF14)=TRUE</formula>
    </cfRule>
    <cfRule type="expression" dxfId="9748" priority="9747" stopIfTrue="1">
      <formula>INDIRECT("第１の３表②!"&amp;CELL("address",DY14))="×××"</formula>
    </cfRule>
    <cfRule type="expression" dxfId="9747" priority="9748" stopIfTrue="1">
      <formula>INDIRECT("第１の３表②!"&amp;CELL("address",DY14))="××"</formula>
    </cfRule>
    <cfRule type="expression" dxfId="9746" priority="9749" stopIfTrue="1">
      <formula>INDIRECT("第１の３表②!"&amp;CELL("address",DY14))="×"</formula>
    </cfRule>
    <cfRule type="expression" dxfId="9745" priority="9750" stopIfTrue="1">
      <formula>ISBLANK(BF14)=FALSE</formula>
    </cfRule>
  </conditionalFormatting>
  <conditionalFormatting sqref="BF14:BG15">
    <cfRule type="expression" dxfId="9744" priority="9741" stopIfTrue="1">
      <formula>ISBLANK(BF14)=TRUE</formula>
    </cfRule>
    <cfRule type="expression" dxfId="9743" priority="9742" stopIfTrue="1">
      <formula>INDIRECT("第１の３表②!"&amp;CELL("address",DY14))="×××"</formula>
    </cfRule>
    <cfRule type="expression" dxfId="9742" priority="9743" stopIfTrue="1">
      <formula>INDIRECT("第１の３表②!"&amp;CELL("address",DY14))="××"</formula>
    </cfRule>
    <cfRule type="expression" dxfId="9741" priority="9744" stopIfTrue="1">
      <formula>INDIRECT("第１の３表②!"&amp;CELL("address",DY14))="×"</formula>
    </cfRule>
    <cfRule type="expression" dxfId="9740" priority="9745" stopIfTrue="1">
      <formula>ISBLANK(BF14)=FALSE</formula>
    </cfRule>
  </conditionalFormatting>
  <conditionalFormatting sqref="BI14:BJ15">
    <cfRule type="expression" dxfId="9739" priority="9736" stopIfTrue="1">
      <formula>ISBLANK(BI14)=TRUE</formula>
    </cfRule>
    <cfRule type="expression" dxfId="9738" priority="9737" stopIfTrue="1">
      <formula>INDIRECT("第１の３表②!"&amp;CELL("address",EB14))="×××"</formula>
    </cfRule>
    <cfRule type="expression" dxfId="9737" priority="9738" stopIfTrue="1">
      <formula>INDIRECT("第１の３表②!"&amp;CELL("address",EB14))="××"</formula>
    </cfRule>
    <cfRule type="expression" dxfId="9736" priority="9739" stopIfTrue="1">
      <formula>INDIRECT("第１の３表②!"&amp;CELL("address",EB14))="×"</formula>
    </cfRule>
    <cfRule type="expression" dxfId="9735" priority="9740" stopIfTrue="1">
      <formula>ISBLANK(BI14)=FALSE</formula>
    </cfRule>
  </conditionalFormatting>
  <conditionalFormatting sqref="BI14:BJ15">
    <cfRule type="expression" dxfId="9734" priority="9731" stopIfTrue="1">
      <formula>ISBLANK(BI14)=TRUE</formula>
    </cfRule>
    <cfRule type="expression" dxfId="9733" priority="9732" stopIfTrue="1">
      <formula>INDIRECT("第１の３表②!"&amp;CELL("address",EB14))="×××"</formula>
    </cfRule>
    <cfRule type="expression" dxfId="9732" priority="9733" stopIfTrue="1">
      <formula>INDIRECT("第１の３表②!"&amp;CELL("address",EB14))="××"</formula>
    </cfRule>
    <cfRule type="expression" dxfId="9731" priority="9734" stopIfTrue="1">
      <formula>INDIRECT("第１の３表②!"&amp;CELL("address",EB14))="×"</formula>
    </cfRule>
    <cfRule type="expression" dxfId="9730" priority="9735" stopIfTrue="1">
      <formula>ISBLANK(BI14)=FALSE</formula>
    </cfRule>
  </conditionalFormatting>
  <conditionalFormatting sqref="BI14:BJ15">
    <cfRule type="expression" dxfId="9729" priority="9726" stopIfTrue="1">
      <formula>ISBLANK(BI14)=TRUE</formula>
    </cfRule>
    <cfRule type="expression" dxfId="9728" priority="9727" stopIfTrue="1">
      <formula>INDIRECT("第１の３表②!"&amp;CELL("address",EB14))="×××"</formula>
    </cfRule>
    <cfRule type="expression" dxfId="9727" priority="9728" stopIfTrue="1">
      <formula>INDIRECT("第１の３表②!"&amp;CELL("address",EB14))="××"</formula>
    </cfRule>
    <cfRule type="expression" dxfId="9726" priority="9729" stopIfTrue="1">
      <formula>INDIRECT("第１の３表②!"&amp;CELL("address",EB14))="×"</formula>
    </cfRule>
    <cfRule type="expression" dxfId="9725" priority="9730" stopIfTrue="1">
      <formula>ISBLANK(BI14)=FALSE</formula>
    </cfRule>
  </conditionalFormatting>
  <conditionalFormatting sqref="BL14:BM15">
    <cfRule type="expression" dxfId="9724" priority="9721" stopIfTrue="1">
      <formula>ISBLANK(BL14)=TRUE</formula>
    </cfRule>
    <cfRule type="expression" dxfId="9723" priority="9722" stopIfTrue="1">
      <formula>INDIRECT("第１の３表②!"&amp;CELL("address",EE14))="×××"</formula>
    </cfRule>
    <cfRule type="expression" dxfId="9722" priority="9723" stopIfTrue="1">
      <formula>INDIRECT("第１の３表②!"&amp;CELL("address",EE14))="××"</formula>
    </cfRule>
    <cfRule type="expression" dxfId="9721" priority="9724" stopIfTrue="1">
      <formula>INDIRECT("第１の３表②!"&amp;CELL("address",EE14))="×"</formula>
    </cfRule>
    <cfRule type="expression" dxfId="9720" priority="9725" stopIfTrue="1">
      <formula>ISBLANK(BL14)=FALSE</formula>
    </cfRule>
  </conditionalFormatting>
  <conditionalFormatting sqref="BL14:BM15">
    <cfRule type="expression" dxfId="9719" priority="9716" stopIfTrue="1">
      <formula>ISBLANK(BL14)=TRUE</formula>
    </cfRule>
    <cfRule type="expression" dxfId="9718" priority="9717" stopIfTrue="1">
      <formula>INDIRECT("第１の３表②!"&amp;CELL("address",EE14))="×××"</formula>
    </cfRule>
    <cfRule type="expression" dxfId="9717" priority="9718" stopIfTrue="1">
      <formula>INDIRECT("第１の３表②!"&amp;CELL("address",EE14))="××"</formula>
    </cfRule>
    <cfRule type="expression" dxfId="9716" priority="9719" stopIfTrue="1">
      <formula>INDIRECT("第１の３表②!"&amp;CELL("address",EE14))="×"</formula>
    </cfRule>
    <cfRule type="expression" dxfId="9715" priority="9720" stopIfTrue="1">
      <formula>ISBLANK(BL14)=FALSE</formula>
    </cfRule>
  </conditionalFormatting>
  <conditionalFormatting sqref="BL14:BM15">
    <cfRule type="expression" dxfId="9714" priority="9711" stopIfTrue="1">
      <formula>ISBLANK(BL14)=TRUE</formula>
    </cfRule>
    <cfRule type="expression" dxfId="9713" priority="9712" stopIfTrue="1">
      <formula>INDIRECT("第１の３表②!"&amp;CELL("address",EE14))="×××"</formula>
    </cfRule>
    <cfRule type="expression" dxfId="9712" priority="9713" stopIfTrue="1">
      <formula>INDIRECT("第１の３表②!"&amp;CELL("address",EE14))="××"</formula>
    </cfRule>
    <cfRule type="expression" dxfId="9711" priority="9714" stopIfTrue="1">
      <formula>INDIRECT("第１の３表②!"&amp;CELL("address",EE14))="×"</formula>
    </cfRule>
    <cfRule type="expression" dxfId="9710" priority="9715" stopIfTrue="1">
      <formula>ISBLANK(BL14)=FALSE</formula>
    </cfRule>
  </conditionalFormatting>
  <conditionalFormatting sqref="BO14:BP15">
    <cfRule type="expression" dxfId="9709" priority="9706" stopIfTrue="1">
      <formula>ISBLANK(BO14)=TRUE</formula>
    </cfRule>
    <cfRule type="expression" dxfId="9708" priority="9707" stopIfTrue="1">
      <formula>INDIRECT("第１の３表②!"&amp;CELL("address",EH14))="×××"</formula>
    </cfRule>
    <cfRule type="expression" dxfId="9707" priority="9708" stopIfTrue="1">
      <formula>INDIRECT("第１の３表②!"&amp;CELL("address",EH14))="××"</formula>
    </cfRule>
    <cfRule type="expression" dxfId="9706" priority="9709" stopIfTrue="1">
      <formula>INDIRECT("第１の３表②!"&amp;CELL("address",EH14))="×"</formula>
    </cfRule>
    <cfRule type="expression" dxfId="9705" priority="9710" stopIfTrue="1">
      <formula>ISBLANK(BO14)=FALSE</formula>
    </cfRule>
  </conditionalFormatting>
  <conditionalFormatting sqref="BO14:BP15">
    <cfRule type="expression" dxfId="9704" priority="9701" stopIfTrue="1">
      <formula>ISBLANK(BO14)=TRUE</formula>
    </cfRule>
    <cfRule type="expression" dxfId="9703" priority="9702" stopIfTrue="1">
      <formula>INDIRECT("第１の３表②!"&amp;CELL("address",EH14))="×××"</formula>
    </cfRule>
    <cfRule type="expression" dxfId="9702" priority="9703" stopIfTrue="1">
      <formula>INDIRECT("第１の３表②!"&amp;CELL("address",EH14))="××"</formula>
    </cfRule>
    <cfRule type="expression" dxfId="9701" priority="9704" stopIfTrue="1">
      <formula>INDIRECT("第１の３表②!"&amp;CELL("address",EH14))="×"</formula>
    </cfRule>
    <cfRule type="expression" dxfId="9700" priority="9705" stopIfTrue="1">
      <formula>ISBLANK(BO14)=FALSE</formula>
    </cfRule>
  </conditionalFormatting>
  <conditionalFormatting sqref="BO14:BP15">
    <cfRule type="expression" dxfId="9699" priority="9696" stopIfTrue="1">
      <formula>ISBLANK(BO14)=TRUE</formula>
    </cfRule>
    <cfRule type="expression" dxfId="9698" priority="9697" stopIfTrue="1">
      <formula>INDIRECT("第１の３表②!"&amp;CELL("address",EH14))="×××"</formula>
    </cfRule>
    <cfRule type="expression" dxfId="9697" priority="9698" stopIfTrue="1">
      <formula>INDIRECT("第１の３表②!"&amp;CELL("address",EH14))="××"</formula>
    </cfRule>
    <cfRule type="expression" dxfId="9696" priority="9699" stopIfTrue="1">
      <formula>INDIRECT("第１の３表②!"&amp;CELL("address",EH14))="×"</formula>
    </cfRule>
    <cfRule type="expression" dxfId="9695" priority="9700" stopIfTrue="1">
      <formula>ISBLANK(BO14)=FALSE</formula>
    </cfRule>
  </conditionalFormatting>
  <conditionalFormatting sqref="J17:K18">
    <cfRule type="expression" dxfId="9694" priority="9691" stopIfTrue="1">
      <formula>ISBLANK(J17)=TRUE</formula>
    </cfRule>
    <cfRule type="expression" dxfId="9693" priority="9692" stopIfTrue="1">
      <formula>INDIRECT("第１の３表②!"&amp;CELL("address",CC17))="×××"</formula>
    </cfRule>
    <cfRule type="expression" dxfId="9692" priority="9693" stopIfTrue="1">
      <formula>INDIRECT("第１の３表②!"&amp;CELL("address",CC17))="××"</formula>
    </cfRule>
    <cfRule type="expression" dxfId="9691" priority="9694" stopIfTrue="1">
      <formula>INDIRECT("第１の３表②!"&amp;CELL("address",CC17))="×"</formula>
    </cfRule>
    <cfRule type="expression" dxfId="9690" priority="9695" stopIfTrue="1">
      <formula>ISBLANK(J17)=FALSE</formula>
    </cfRule>
  </conditionalFormatting>
  <conditionalFormatting sqref="J17:K18">
    <cfRule type="expression" dxfId="9689" priority="9686" stopIfTrue="1">
      <formula>ISBLANK(J17)=TRUE</formula>
    </cfRule>
    <cfRule type="expression" dxfId="9688" priority="9687" stopIfTrue="1">
      <formula>INDIRECT("第１の３表②!"&amp;CELL("address",CC17))="×××"</formula>
    </cfRule>
    <cfRule type="expression" dxfId="9687" priority="9688" stopIfTrue="1">
      <formula>INDIRECT("第１の３表②!"&amp;CELL("address",CC17))="××"</formula>
    </cfRule>
    <cfRule type="expression" dxfId="9686" priority="9689" stopIfTrue="1">
      <formula>INDIRECT("第１の３表②!"&amp;CELL("address",CC17))="×"</formula>
    </cfRule>
    <cfRule type="expression" dxfId="9685" priority="9690" stopIfTrue="1">
      <formula>ISBLANK(J17)=FALSE</formula>
    </cfRule>
  </conditionalFormatting>
  <conditionalFormatting sqref="J17:K18">
    <cfRule type="expression" dxfId="9684" priority="9681" stopIfTrue="1">
      <formula>ISBLANK(J17)=TRUE</formula>
    </cfRule>
    <cfRule type="expression" dxfId="9683" priority="9682" stopIfTrue="1">
      <formula>INDIRECT("第１の３表②!"&amp;CELL("address",CC17))="×××"</formula>
    </cfRule>
    <cfRule type="expression" dxfId="9682" priority="9683" stopIfTrue="1">
      <formula>INDIRECT("第１の３表②!"&amp;CELL("address",CC17))="××"</formula>
    </cfRule>
    <cfRule type="expression" dxfId="9681" priority="9684" stopIfTrue="1">
      <formula>INDIRECT("第１の３表②!"&amp;CELL("address",CC17))="×"</formula>
    </cfRule>
    <cfRule type="expression" dxfId="9680" priority="9685" stopIfTrue="1">
      <formula>ISBLANK(J17)=FALSE</formula>
    </cfRule>
  </conditionalFormatting>
  <conditionalFormatting sqref="M17:N18">
    <cfRule type="expression" dxfId="9679" priority="9676" stopIfTrue="1">
      <formula>ISBLANK(M17)=TRUE</formula>
    </cfRule>
    <cfRule type="expression" dxfId="9678" priority="9677" stopIfTrue="1">
      <formula>INDIRECT("第１の３表②!"&amp;CELL("address",CF17))="×××"</formula>
    </cfRule>
    <cfRule type="expression" dxfId="9677" priority="9678" stopIfTrue="1">
      <formula>INDIRECT("第１の３表②!"&amp;CELL("address",CF17))="××"</formula>
    </cfRule>
    <cfRule type="expression" dxfId="9676" priority="9679" stopIfTrue="1">
      <formula>INDIRECT("第１の３表②!"&amp;CELL("address",CF17))="×"</formula>
    </cfRule>
    <cfRule type="expression" dxfId="9675" priority="9680" stopIfTrue="1">
      <formula>ISBLANK(M17)=FALSE</formula>
    </cfRule>
  </conditionalFormatting>
  <conditionalFormatting sqref="M17:N18">
    <cfRule type="expression" dxfId="9674" priority="9671" stopIfTrue="1">
      <formula>ISBLANK(M17)=TRUE</formula>
    </cfRule>
    <cfRule type="expression" dxfId="9673" priority="9672" stopIfTrue="1">
      <formula>INDIRECT("第１の３表②!"&amp;CELL("address",CF17))="×××"</formula>
    </cfRule>
    <cfRule type="expression" dxfId="9672" priority="9673" stopIfTrue="1">
      <formula>INDIRECT("第１の３表②!"&amp;CELL("address",CF17))="××"</formula>
    </cfRule>
    <cfRule type="expression" dxfId="9671" priority="9674" stopIfTrue="1">
      <formula>INDIRECT("第１の３表②!"&amp;CELL("address",CF17))="×"</formula>
    </cfRule>
    <cfRule type="expression" dxfId="9670" priority="9675" stopIfTrue="1">
      <formula>ISBLANK(M17)=FALSE</formula>
    </cfRule>
  </conditionalFormatting>
  <conditionalFormatting sqref="M17:N18">
    <cfRule type="expression" dxfId="9669" priority="9666" stopIfTrue="1">
      <formula>ISBLANK(M17)=TRUE</formula>
    </cfRule>
    <cfRule type="expression" dxfId="9668" priority="9667" stopIfTrue="1">
      <formula>INDIRECT("第１の３表②!"&amp;CELL("address",CF17))="×××"</formula>
    </cfRule>
    <cfRule type="expression" dxfId="9667" priority="9668" stopIfTrue="1">
      <formula>INDIRECT("第１の３表②!"&amp;CELL("address",CF17))="××"</formula>
    </cfRule>
    <cfRule type="expression" dxfId="9666" priority="9669" stopIfTrue="1">
      <formula>INDIRECT("第１の３表②!"&amp;CELL("address",CF17))="×"</formula>
    </cfRule>
    <cfRule type="expression" dxfId="9665" priority="9670" stopIfTrue="1">
      <formula>ISBLANK(M17)=FALSE</formula>
    </cfRule>
  </conditionalFormatting>
  <conditionalFormatting sqref="P17:Q18">
    <cfRule type="expression" dxfId="9664" priority="9661" stopIfTrue="1">
      <formula>ISBLANK(P17)=TRUE</formula>
    </cfRule>
    <cfRule type="expression" dxfId="9663" priority="9662" stopIfTrue="1">
      <formula>INDIRECT("第１の３表②!"&amp;CELL("address",CI17))="×××"</formula>
    </cfRule>
    <cfRule type="expression" dxfId="9662" priority="9663" stopIfTrue="1">
      <formula>INDIRECT("第１の３表②!"&amp;CELL("address",CI17))="××"</formula>
    </cfRule>
    <cfRule type="expression" dxfId="9661" priority="9664" stopIfTrue="1">
      <formula>INDIRECT("第１の３表②!"&amp;CELL("address",CI17))="×"</formula>
    </cfRule>
    <cfRule type="expression" dxfId="9660" priority="9665" stopIfTrue="1">
      <formula>ISBLANK(P17)=FALSE</formula>
    </cfRule>
  </conditionalFormatting>
  <conditionalFormatting sqref="P17:Q18">
    <cfRule type="expression" dxfId="9659" priority="9656" stopIfTrue="1">
      <formula>ISBLANK(P17)=TRUE</formula>
    </cfRule>
    <cfRule type="expression" dxfId="9658" priority="9657" stopIfTrue="1">
      <formula>INDIRECT("第１の３表②!"&amp;CELL("address",CI17))="×××"</formula>
    </cfRule>
    <cfRule type="expression" dxfId="9657" priority="9658" stopIfTrue="1">
      <formula>INDIRECT("第１の３表②!"&amp;CELL("address",CI17))="××"</formula>
    </cfRule>
    <cfRule type="expression" dxfId="9656" priority="9659" stopIfTrue="1">
      <formula>INDIRECT("第１の３表②!"&amp;CELL("address",CI17))="×"</formula>
    </cfRule>
    <cfRule type="expression" dxfId="9655" priority="9660" stopIfTrue="1">
      <formula>ISBLANK(P17)=FALSE</formula>
    </cfRule>
  </conditionalFormatting>
  <conditionalFormatting sqref="P17:Q18">
    <cfRule type="expression" dxfId="9654" priority="9651" stopIfTrue="1">
      <formula>ISBLANK(P17)=TRUE</formula>
    </cfRule>
    <cfRule type="expression" dxfId="9653" priority="9652" stopIfTrue="1">
      <formula>INDIRECT("第１の３表②!"&amp;CELL("address",CI17))="×××"</formula>
    </cfRule>
    <cfRule type="expression" dxfId="9652" priority="9653" stopIfTrue="1">
      <formula>INDIRECT("第１の３表②!"&amp;CELL("address",CI17))="××"</formula>
    </cfRule>
    <cfRule type="expression" dxfId="9651" priority="9654" stopIfTrue="1">
      <formula>INDIRECT("第１の３表②!"&amp;CELL("address",CI17))="×"</formula>
    </cfRule>
    <cfRule type="expression" dxfId="9650" priority="9655" stopIfTrue="1">
      <formula>ISBLANK(P17)=FALSE</formula>
    </cfRule>
  </conditionalFormatting>
  <conditionalFormatting sqref="S17:T18">
    <cfRule type="expression" dxfId="9649" priority="9646" stopIfTrue="1">
      <formula>ISBLANK(S17)=TRUE</formula>
    </cfRule>
    <cfRule type="expression" dxfId="9648" priority="9647" stopIfTrue="1">
      <formula>INDIRECT("第１の３表②!"&amp;CELL("address",CL17))="×××"</formula>
    </cfRule>
    <cfRule type="expression" dxfId="9647" priority="9648" stopIfTrue="1">
      <formula>INDIRECT("第１の３表②!"&amp;CELL("address",CL17))="××"</formula>
    </cfRule>
    <cfRule type="expression" dxfId="9646" priority="9649" stopIfTrue="1">
      <formula>INDIRECT("第１の３表②!"&amp;CELL("address",CL17))="×"</formula>
    </cfRule>
    <cfRule type="expression" dxfId="9645" priority="9650" stopIfTrue="1">
      <formula>ISBLANK(S17)=FALSE</formula>
    </cfRule>
  </conditionalFormatting>
  <conditionalFormatting sqref="S17:T18">
    <cfRule type="expression" dxfId="9644" priority="9641" stopIfTrue="1">
      <formula>ISBLANK(S17)=TRUE</formula>
    </cfRule>
    <cfRule type="expression" dxfId="9643" priority="9642" stopIfTrue="1">
      <formula>INDIRECT("第１の３表②!"&amp;CELL("address",CL17))="×××"</formula>
    </cfRule>
    <cfRule type="expression" dxfId="9642" priority="9643" stopIfTrue="1">
      <formula>INDIRECT("第１の３表②!"&amp;CELL("address",CL17))="××"</formula>
    </cfRule>
    <cfRule type="expression" dxfId="9641" priority="9644" stopIfTrue="1">
      <formula>INDIRECT("第１の３表②!"&amp;CELL("address",CL17))="×"</formula>
    </cfRule>
    <cfRule type="expression" dxfId="9640" priority="9645" stopIfTrue="1">
      <formula>ISBLANK(S17)=FALSE</formula>
    </cfRule>
  </conditionalFormatting>
  <conditionalFormatting sqref="S17:T18">
    <cfRule type="expression" dxfId="9639" priority="9636" stopIfTrue="1">
      <formula>ISBLANK(S17)=TRUE</formula>
    </cfRule>
    <cfRule type="expression" dxfId="9638" priority="9637" stopIfTrue="1">
      <formula>INDIRECT("第１の３表②!"&amp;CELL("address",CL17))="×××"</formula>
    </cfRule>
    <cfRule type="expression" dxfId="9637" priority="9638" stopIfTrue="1">
      <formula>INDIRECT("第１の３表②!"&amp;CELL("address",CL17))="××"</formula>
    </cfRule>
    <cfRule type="expression" dxfId="9636" priority="9639" stopIfTrue="1">
      <formula>INDIRECT("第１の３表②!"&amp;CELL("address",CL17))="×"</formula>
    </cfRule>
    <cfRule type="expression" dxfId="9635" priority="9640" stopIfTrue="1">
      <formula>ISBLANK(S17)=FALSE</formula>
    </cfRule>
  </conditionalFormatting>
  <conditionalFormatting sqref="V17:W18">
    <cfRule type="expression" dxfId="9634" priority="9631" stopIfTrue="1">
      <formula>ISBLANK(V17)=TRUE</formula>
    </cfRule>
    <cfRule type="expression" dxfId="9633" priority="9632" stopIfTrue="1">
      <formula>INDIRECT("第１の３表②!"&amp;CELL("address",CO17))="×××"</formula>
    </cfRule>
    <cfRule type="expression" dxfId="9632" priority="9633" stopIfTrue="1">
      <formula>INDIRECT("第１の３表②!"&amp;CELL("address",CO17))="××"</formula>
    </cfRule>
    <cfRule type="expression" dxfId="9631" priority="9634" stopIfTrue="1">
      <formula>INDIRECT("第１の３表②!"&amp;CELL("address",CO17))="×"</formula>
    </cfRule>
    <cfRule type="expression" dxfId="9630" priority="9635" stopIfTrue="1">
      <formula>ISBLANK(V17)=FALSE</formula>
    </cfRule>
  </conditionalFormatting>
  <conditionalFormatting sqref="V17:W18">
    <cfRule type="expression" dxfId="9629" priority="9626" stopIfTrue="1">
      <formula>ISBLANK(V17)=TRUE</formula>
    </cfRule>
    <cfRule type="expression" dxfId="9628" priority="9627" stopIfTrue="1">
      <formula>INDIRECT("第１の３表②!"&amp;CELL("address",CO17))="×××"</formula>
    </cfRule>
    <cfRule type="expression" dxfId="9627" priority="9628" stopIfTrue="1">
      <formula>INDIRECT("第１の３表②!"&amp;CELL("address",CO17))="××"</formula>
    </cfRule>
    <cfRule type="expression" dxfId="9626" priority="9629" stopIfTrue="1">
      <formula>INDIRECT("第１の３表②!"&amp;CELL("address",CO17))="×"</formula>
    </cfRule>
    <cfRule type="expression" dxfId="9625" priority="9630" stopIfTrue="1">
      <formula>ISBLANK(V17)=FALSE</formula>
    </cfRule>
  </conditionalFormatting>
  <conditionalFormatting sqref="V17:W18">
    <cfRule type="expression" dxfId="9624" priority="9621" stopIfTrue="1">
      <formula>ISBLANK(V17)=TRUE</formula>
    </cfRule>
    <cfRule type="expression" dxfId="9623" priority="9622" stopIfTrue="1">
      <formula>INDIRECT("第１の３表②!"&amp;CELL("address",CO17))="×××"</formula>
    </cfRule>
    <cfRule type="expression" dxfId="9622" priority="9623" stopIfTrue="1">
      <formula>INDIRECT("第１の３表②!"&amp;CELL("address",CO17))="××"</formula>
    </cfRule>
    <cfRule type="expression" dxfId="9621" priority="9624" stopIfTrue="1">
      <formula>INDIRECT("第１の３表②!"&amp;CELL("address",CO17))="×"</formula>
    </cfRule>
    <cfRule type="expression" dxfId="9620" priority="9625" stopIfTrue="1">
      <formula>ISBLANK(V17)=FALSE</formula>
    </cfRule>
  </conditionalFormatting>
  <conditionalFormatting sqref="Y17:Z18">
    <cfRule type="expression" dxfId="9619" priority="9616" stopIfTrue="1">
      <formula>ISBLANK(Y17)=TRUE</formula>
    </cfRule>
    <cfRule type="expression" dxfId="9618" priority="9617" stopIfTrue="1">
      <formula>INDIRECT("第１の３表②!"&amp;CELL("address",CR17))="×××"</formula>
    </cfRule>
    <cfRule type="expression" dxfId="9617" priority="9618" stopIfTrue="1">
      <formula>INDIRECT("第１の３表②!"&amp;CELL("address",CR17))="××"</formula>
    </cfRule>
    <cfRule type="expression" dxfId="9616" priority="9619" stopIfTrue="1">
      <formula>INDIRECT("第１の３表②!"&amp;CELL("address",CR17))="×"</formula>
    </cfRule>
    <cfRule type="expression" dxfId="9615" priority="9620" stopIfTrue="1">
      <formula>ISBLANK(Y17)=FALSE</formula>
    </cfRule>
  </conditionalFormatting>
  <conditionalFormatting sqref="Y17:Z18">
    <cfRule type="expression" dxfId="9614" priority="9611" stopIfTrue="1">
      <formula>ISBLANK(Y17)=TRUE</formula>
    </cfRule>
    <cfRule type="expression" dxfId="9613" priority="9612" stopIfTrue="1">
      <formula>INDIRECT("第１の３表②!"&amp;CELL("address",CR17))="×××"</formula>
    </cfRule>
    <cfRule type="expression" dxfId="9612" priority="9613" stopIfTrue="1">
      <formula>INDIRECT("第１の３表②!"&amp;CELL("address",CR17))="××"</formula>
    </cfRule>
    <cfRule type="expression" dxfId="9611" priority="9614" stopIfTrue="1">
      <formula>INDIRECT("第１の３表②!"&amp;CELL("address",CR17))="×"</formula>
    </cfRule>
    <cfRule type="expression" dxfId="9610" priority="9615" stopIfTrue="1">
      <formula>ISBLANK(Y17)=FALSE</formula>
    </cfRule>
  </conditionalFormatting>
  <conditionalFormatting sqref="Y17:Z18">
    <cfRule type="expression" dxfId="9609" priority="9606" stopIfTrue="1">
      <formula>ISBLANK(Y17)=TRUE</formula>
    </cfRule>
    <cfRule type="expression" dxfId="9608" priority="9607" stopIfTrue="1">
      <formula>INDIRECT("第１の３表②!"&amp;CELL("address",CR17))="×××"</formula>
    </cfRule>
    <cfRule type="expression" dxfId="9607" priority="9608" stopIfTrue="1">
      <formula>INDIRECT("第１の３表②!"&amp;CELL("address",CR17))="××"</formula>
    </cfRule>
    <cfRule type="expression" dxfId="9606" priority="9609" stopIfTrue="1">
      <formula>INDIRECT("第１の３表②!"&amp;CELL("address",CR17))="×"</formula>
    </cfRule>
    <cfRule type="expression" dxfId="9605" priority="9610" stopIfTrue="1">
      <formula>ISBLANK(Y17)=FALSE</formula>
    </cfRule>
  </conditionalFormatting>
  <conditionalFormatting sqref="AB17:AC18">
    <cfRule type="expression" dxfId="9604" priority="9601" stopIfTrue="1">
      <formula>ISBLANK(AB17)=TRUE</formula>
    </cfRule>
    <cfRule type="expression" dxfId="9603" priority="9602" stopIfTrue="1">
      <formula>INDIRECT("第１の３表②!"&amp;CELL("address",CU17))="×××"</formula>
    </cfRule>
    <cfRule type="expression" dxfId="9602" priority="9603" stopIfTrue="1">
      <formula>INDIRECT("第１の３表②!"&amp;CELL("address",CU17))="××"</formula>
    </cfRule>
    <cfRule type="expression" dxfId="9601" priority="9604" stopIfTrue="1">
      <formula>INDIRECT("第１の３表②!"&amp;CELL("address",CU17))="×"</formula>
    </cfRule>
    <cfRule type="expression" dxfId="9600" priority="9605" stopIfTrue="1">
      <formula>ISBLANK(AB17)=FALSE</formula>
    </cfRule>
  </conditionalFormatting>
  <conditionalFormatting sqref="AB17:AC18">
    <cfRule type="expression" dxfId="9599" priority="9596" stopIfTrue="1">
      <formula>ISBLANK(AB17)=TRUE</formula>
    </cfRule>
    <cfRule type="expression" dxfId="9598" priority="9597" stopIfTrue="1">
      <formula>INDIRECT("第１の３表②!"&amp;CELL("address",CU17))="×××"</formula>
    </cfRule>
    <cfRule type="expression" dxfId="9597" priority="9598" stopIfTrue="1">
      <formula>INDIRECT("第１の３表②!"&amp;CELL("address",CU17))="××"</formula>
    </cfRule>
    <cfRule type="expression" dxfId="9596" priority="9599" stopIfTrue="1">
      <formula>INDIRECT("第１の３表②!"&amp;CELL("address",CU17))="×"</formula>
    </cfRule>
    <cfRule type="expression" dxfId="9595" priority="9600" stopIfTrue="1">
      <formula>ISBLANK(AB17)=FALSE</formula>
    </cfRule>
  </conditionalFormatting>
  <conditionalFormatting sqref="AB17:AC18">
    <cfRule type="expression" dxfId="9594" priority="9591" stopIfTrue="1">
      <formula>ISBLANK(AB17)=TRUE</formula>
    </cfRule>
    <cfRule type="expression" dxfId="9593" priority="9592" stopIfTrue="1">
      <formula>INDIRECT("第１の３表②!"&amp;CELL("address",CU17))="×××"</formula>
    </cfRule>
    <cfRule type="expression" dxfId="9592" priority="9593" stopIfTrue="1">
      <formula>INDIRECT("第１の３表②!"&amp;CELL("address",CU17))="××"</formula>
    </cfRule>
    <cfRule type="expression" dxfId="9591" priority="9594" stopIfTrue="1">
      <formula>INDIRECT("第１の３表②!"&amp;CELL("address",CU17))="×"</formula>
    </cfRule>
    <cfRule type="expression" dxfId="9590" priority="9595" stopIfTrue="1">
      <formula>ISBLANK(AB17)=FALSE</formula>
    </cfRule>
  </conditionalFormatting>
  <conditionalFormatting sqref="AE17:AF18">
    <cfRule type="expression" dxfId="9589" priority="9586" stopIfTrue="1">
      <formula>ISBLANK(AE17)=TRUE</formula>
    </cfRule>
    <cfRule type="expression" dxfId="9588" priority="9587" stopIfTrue="1">
      <formula>INDIRECT("第１の３表②!"&amp;CELL("address",CX17))="×××"</formula>
    </cfRule>
    <cfRule type="expression" dxfId="9587" priority="9588" stopIfTrue="1">
      <formula>INDIRECT("第１の３表②!"&amp;CELL("address",CX17))="××"</formula>
    </cfRule>
    <cfRule type="expression" dxfId="9586" priority="9589" stopIfTrue="1">
      <formula>INDIRECT("第１の３表②!"&amp;CELL("address",CX17))="×"</formula>
    </cfRule>
    <cfRule type="expression" dxfId="9585" priority="9590" stopIfTrue="1">
      <formula>ISBLANK(AE17)=FALSE</formula>
    </cfRule>
  </conditionalFormatting>
  <conditionalFormatting sqref="AE17:AF18">
    <cfRule type="expression" dxfId="9584" priority="9581" stopIfTrue="1">
      <formula>ISBLANK(AE17)=TRUE</formula>
    </cfRule>
    <cfRule type="expression" dxfId="9583" priority="9582" stopIfTrue="1">
      <formula>INDIRECT("第１の３表②!"&amp;CELL("address",CX17))="×××"</formula>
    </cfRule>
    <cfRule type="expression" dxfId="9582" priority="9583" stopIfTrue="1">
      <formula>INDIRECT("第１の３表②!"&amp;CELL("address",CX17))="××"</formula>
    </cfRule>
    <cfRule type="expression" dxfId="9581" priority="9584" stopIfTrue="1">
      <formula>INDIRECT("第１の３表②!"&amp;CELL("address",CX17))="×"</formula>
    </cfRule>
    <cfRule type="expression" dxfId="9580" priority="9585" stopIfTrue="1">
      <formula>ISBLANK(AE17)=FALSE</formula>
    </cfRule>
  </conditionalFormatting>
  <conditionalFormatting sqref="AE17:AF18">
    <cfRule type="expression" dxfId="9579" priority="9576" stopIfTrue="1">
      <formula>ISBLANK(AE17)=TRUE</formula>
    </cfRule>
    <cfRule type="expression" dxfId="9578" priority="9577" stopIfTrue="1">
      <formula>INDIRECT("第１の３表②!"&amp;CELL("address",CX17))="×××"</formula>
    </cfRule>
    <cfRule type="expression" dxfId="9577" priority="9578" stopIfTrue="1">
      <formula>INDIRECT("第１の３表②!"&amp;CELL("address",CX17))="××"</formula>
    </cfRule>
    <cfRule type="expression" dxfId="9576" priority="9579" stopIfTrue="1">
      <formula>INDIRECT("第１の３表②!"&amp;CELL("address",CX17))="×"</formula>
    </cfRule>
    <cfRule type="expression" dxfId="9575" priority="9580" stopIfTrue="1">
      <formula>ISBLANK(AE17)=FALSE</formula>
    </cfRule>
  </conditionalFormatting>
  <conditionalFormatting sqref="AH17:AI18">
    <cfRule type="expression" dxfId="9574" priority="9571" stopIfTrue="1">
      <formula>ISBLANK(AH17)=TRUE</formula>
    </cfRule>
    <cfRule type="expression" dxfId="9573" priority="9572" stopIfTrue="1">
      <formula>INDIRECT("第１の３表②!"&amp;CELL("address",DA17))="×××"</formula>
    </cfRule>
    <cfRule type="expression" dxfId="9572" priority="9573" stopIfTrue="1">
      <formula>INDIRECT("第１の３表②!"&amp;CELL("address",DA17))="××"</formula>
    </cfRule>
    <cfRule type="expression" dxfId="9571" priority="9574" stopIfTrue="1">
      <formula>INDIRECT("第１の３表②!"&amp;CELL("address",DA17))="×"</formula>
    </cfRule>
    <cfRule type="expression" dxfId="9570" priority="9575" stopIfTrue="1">
      <formula>ISBLANK(AH17)=FALSE</formula>
    </cfRule>
  </conditionalFormatting>
  <conditionalFormatting sqref="AH17:AI18">
    <cfRule type="expression" dxfId="9569" priority="9566" stopIfTrue="1">
      <formula>ISBLANK(AH17)=TRUE</formula>
    </cfRule>
    <cfRule type="expression" dxfId="9568" priority="9567" stopIfTrue="1">
      <formula>INDIRECT("第１の３表②!"&amp;CELL("address",DA17))="×××"</formula>
    </cfRule>
    <cfRule type="expression" dxfId="9567" priority="9568" stopIfTrue="1">
      <formula>INDIRECT("第１の３表②!"&amp;CELL("address",DA17))="××"</formula>
    </cfRule>
    <cfRule type="expression" dxfId="9566" priority="9569" stopIfTrue="1">
      <formula>INDIRECT("第１の３表②!"&amp;CELL("address",DA17))="×"</formula>
    </cfRule>
    <cfRule type="expression" dxfId="9565" priority="9570" stopIfTrue="1">
      <formula>ISBLANK(AH17)=FALSE</formula>
    </cfRule>
  </conditionalFormatting>
  <conditionalFormatting sqref="AH17:AI18">
    <cfRule type="expression" dxfId="9564" priority="9561" stopIfTrue="1">
      <formula>ISBLANK(AH17)=TRUE</formula>
    </cfRule>
    <cfRule type="expression" dxfId="9563" priority="9562" stopIfTrue="1">
      <formula>INDIRECT("第１の３表②!"&amp;CELL("address",DA17))="×××"</formula>
    </cfRule>
    <cfRule type="expression" dxfId="9562" priority="9563" stopIfTrue="1">
      <formula>INDIRECT("第１の３表②!"&amp;CELL("address",DA17))="××"</formula>
    </cfRule>
    <cfRule type="expression" dxfId="9561" priority="9564" stopIfTrue="1">
      <formula>INDIRECT("第１の３表②!"&amp;CELL("address",DA17))="×"</formula>
    </cfRule>
    <cfRule type="expression" dxfId="9560" priority="9565" stopIfTrue="1">
      <formula>ISBLANK(AH17)=FALSE</formula>
    </cfRule>
  </conditionalFormatting>
  <conditionalFormatting sqref="AK17:AL18">
    <cfRule type="expression" dxfId="9559" priority="9556" stopIfTrue="1">
      <formula>ISBLANK(AK17)=TRUE</formula>
    </cfRule>
    <cfRule type="expression" dxfId="9558" priority="9557" stopIfTrue="1">
      <formula>INDIRECT("第１の３表②!"&amp;CELL("address",DD17))="×××"</formula>
    </cfRule>
    <cfRule type="expression" dxfId="9557" priority="9558" stopIfTrue="1">
      <formula>INDIRECT("第１の３表②!"&amp;CELL("address",DD17))="××"</formula>
    </cfRule>
    <cfRule type="expression" dxfId="9556" priority="9559" stopIfTrue="1">
      <formula>INDIRECT("第１の３表②!"&amp;CELL("address",DD17))="×"</formula>
    </cfRule>
    <cfRule type="expression" dxfId="9555" priority="9560" stopIfTrue="1">
      <formula>ISBLANK(AK17)=FALSE</formula>
    </cfRule>
  </conditionalFormatting>
  <conditionalFormatting sqref="AK17:AL18">
    <cfRule type="expression" dxfId="9554" priority="9551" stopIfTrue="1">
      <formula>ISBLANK(AK17)=TRUE</formula>
    </cfRule>
    <cfRule type="expression" dxfId="9553" priority="9552" stopIfTrue="1">
      <formula>INDIRECT("第１の３表②!"&amp;CELL("address",DD17))="×××"</formula>
    </cfRule>
    <cfRule type="expression" dxfId="9552" priority="9553" stopIfTrue="1">
      <formula>INDIRECT("第１の３表②!"&amp;CELL("address",DD17))="××"</formula>
    </cfRule>
    <cfRule type="expression" dxfId="9551" priority="9554" stopIfTrue="1">
      <formula>INDIRECT("第１の３表②!"&amp;CELL("address",DD17))="×"</formula>
    </cfRule>
    <cfRule type="expression" dxfId="9550" priority="9555" stopIfTrue="1">
      <formula>ISBLANK(AK17)=FALSE</formula>
    </cfRule>
  </conditionalFormatting>
  <conditionalFormatting sqref="AK17:AL18">
    <cfRule type="expression" dxfId="9549" priority="9546" stopIfTrue="1">
      <formula>ISBLANK(AK17)=TRUE</formula>
    </cfRule>
    <cfRule type="expression" dxfId="9548" priority="9547" stopIfTrue="1">
      <formula>INDIRECT("第１の３表②!"&amp;CELL("address",DD17))="×××"</formula>
    </cfRule>
    <cfRule type="expression" dxfId="9547" priority="9548" stopIfTrue="1">
      <formula>INDIRECT("第１の３表②!"&amp;CELL("address",DD17))="××"</formula>
    </cfRule>
    <cfRule type="expression" dxfId="9546" priority="9549" stopIfTrue="1">
      <formula>INDIRECT("第１の３表②!"&amp;CELL("address",DD17))="×"</formula>
    </cfRule>
    <cfRule type="expression" dxfId="9545" priority="9550" stopIfTrue="1">
      <formula>ISBLANK(AK17)=FALSE</formula>
    </cfRule>
  </conditionalFormatting>
  <conditionalFormatting sqref="AN17:AO18">
    <cfRule type="expression" dxfId="9544" priority="9541" stopIfTrue="1">
      <formula>ISBLANK(AN17)=TRUE</formula>
    </cfRule>
    <cfRule type="expression" dxfId="9543" priority="9542" stopIfTrue="1">
      <formula>INDIRECT("第１の３表②!"&amp;CELL("address",DG17))="×××"</formula>
    </cfRule>
    <cfRule type="expression" dxfId="9542" priority="9543" stopIfTrue="1">
      <formula>INDIRECT("第１の３表②!"&amp;CELL("address",DG17))="××"</formula>
    </cfRule>
    <cfRule type="expression" dxfId="9541" priority="9544" stopIfTrue="1">
      <formula>INDIRECT("第１の３表②!"&amp;CELL("address",DG17))="×"</formula>
    </cfRule>
    <cfRule type="expression" dxfId="9540" priority="9545" stopIfTrue="1">
      <formula>ISBLANK(AN17)=FALSE</formula>
    </cfRule>
  </conditionalFormatting>
  <conditionalFormatting sqref="AN17:AO18">
    <cfRule type="expression" dxfId="9539" priority="9536" stopIfTrue="1">
      <formula>ISBLANK(AN17)=TRUE</formula>
    </cfRule>
    <cfRule type="expression" dxfId="9538" priority="9537" stopIfTrue="1">
      <formula>INDIRECT("第１の３表②!"&amp;CELL("address",DG17))="×××"</formula>
    </cfRule>
    <cfRule type="expression" dxfId="9537" priority="9538" stopIfTrue="1">
      <formula>INDIRECT("第１の３表②!"&amp;CELL("address",DG17))="××"</formula>
    </cfRule>
    <cfRule type="expression" dxfId="9536" priority="9539" stopIfTrue="1">
      <formula>INDIRECT("第１の３表②!"&amp;CELL("address",DG17))="×"</formula>
    </cfRule>
    <cfRule type="expression" dxfId="9535" priority="9540" stopIfTrue="1">
      <formula>ISBLANK(AN17)=FALSE</formula>
    </cfRule>
  </conditionalFormatting>
  <conditionalFormatting sqref="AN17:AO18">
    <cfRule type="expression" dxfId="9534" priority="9531" stopIfTrue="1">
      <formula>ISBLANK(AN17)=TRUE</formula>
    </cfRule>
    <cfRule type="expression" dxfId="9533" priority="9532" stopIfTrue="1">
      <formula>INDIRECT("第１の３表②!"&amp;CELL("address",DG17))="×××"</formula>
    </cfRule>
    <cfRule type="expression" dxfId="9532" priority="9533" stopIfTrue="1">
      <formula>INDIRECT("第１の３表②!"&amp;CELL("address",DG17))="××"</formula>
    </cfRule>
    <cfRule type="expression" dxfId="9531" priority="9534" stopIfTrue="1">
      <formula>INDIRECT("第１の３表②!"&amp;CELL("address",DG17))="×"</formula>
    </cfRule>
    <cfRule type="expression" dxfId="9530" priority="9535" stopIfTrue="1">
      <formula>ISBLANK(AN17)=FALSE</formula>
    </cfRule>
  </conditionalFormatting>
  <conditionalFormatting sqref="AQ17:AR18">
    <cfRule type="expression" dxfId="9529" priority="9526" stopIfTrue="1">
      <formula>ISBLANK(AQ17)=TRUE</formula>
    </cfRule>
    <cfRule type="expression" dxfId="9528" priority="9527" stopIfTrue="1">
      <formula>INDIRECT("第１の３表②!"&amp;CELL("address",DJ17))="×××"</formula>
    </cfRule>
    <cfRule type="expression" dxfId="9527" priority="9528" stopIfTrue="1">
      <formula>INDIRECT("第１の３表②!"&amp;CELL("address",DJ17))="××"</formula>
    </cfRule>
    <cfRule type="expression" dxfId="9526" priority="9529" stopIfTrue="1">
      <formula>INDIRECT("第１の３表②!"&amp;CELL("address",DJ17))="×"</formula>
    </cfRule>
    <cfRule type="expression" dxfId="9525" priority="9530" stopIfTrue="1">
      <formula>ISBLANK(AQ17)=FALSE</formula>
    </cfRule>
  </conditionalFormatting>
  <conditionalFormatting sqref="AQ17:AR18">
    <cfRule type="expression" dxfId="9524" priority="9521" stopIfTrue="1">
      <formula>ISBLANK(AQ17)=TRUE</formula>
    </cfRule>
    <cfRule type="expression" dxfId="9523" priority="9522" stopIfTrue="1">
      <formula>INDIRECT("第１の３表②!"&amp;CELL("address",DJ17))="×××"</formula>
    </cfRule>
    <cfRule type="expression" dxfId="9522" priority="9523" stopIfTrue="1">
      <formula>INDIRECT("第１の３表②!"&amp;CELL("address",DJ17))="××"</formula>
    </cfRule>
    <cfRule type="expression" dxfId="9521" priority="9524" stopIfTrue="1">
      <formula>INDIRECT("第１の３表②!"&amp;CELL("address",DJ17))="×"</formula>
    </cfRule>
    <cfRule type="expression" dxfId="9520" priority="9525" stopIfTrue="1">
      <formula>ISBLANK(AQ17)=FALSE</formula>
    </cfRule>
  </conditionalFormatting>
  <conditionalFormatting sqref="AQ17:AR18">
    <cfRule type="expression" dxfId="9519" priority="9516" stopIfTrue="1">
      <formula>ISBLANK(AQ17)=TRUE</formula>
    </cfRule>
    <cfRule type="expression" dxfId="9518" priority="9517" stopIfTrue="1">
      <formula>INDIRECT("第１の３表②!"&amp;CELL("address",DJ17))="×××"</formula>
    </cfRule>
    <cfRule type="expression" dxfId="9517" priority="9518" stopIfTrue="1">
      <formula>INDIRECT("第１の３表②!"&amp;CELL("address",DJ17))="××"</formula>
    </cfRule>
    <cfRule type="expression" dxfId="9516" priority="9519" stopIfTrue="1">
      <formula>INDIRECT("第１の３表②!"&amp;CELL("address",DJ17))="×"</formula>
    </cfRule>
    <cfRule type="expression" dxfId="9515" priority="9520" stopIfTrue="1">
      <formula>ISBLANK(AQ17)=FALSE</formula>
    </cfRule>
  </conditionalFormatting>
  <conditionalFormatting sqref="AT17:AU18">
    <cfRule type="expression" dxfId="9514" priority="9511" stopIfTrue="1">
      <formula>ISBLANK(AT17)=TRUE</formula>
    </cfRule>
    <cfRule type="expression" dxfId="9513" priority="9512" stopIfTrue="1">
      <formula>INDIRECT("第１の３表②!"&amp;CELL("address",DM17))="×××"</formula>
    </cfRule>
    <cfRule type="expression" dxfId="9512" priority="9513" stopIfTrue="1">
      <formula>INDIRECT("第１の３表②!"&amp;CELL("address",DM17))="××"</formula>
    </cfRule>
    <cfRule type="expression" dxfId="9511" priority="9514" stopIfTrue="1">
      <formula>INDIRECT("第１の３表②!"&amp;CELL("address",DM17))="×"</formula>
    </cfRule>
    <cfRule type="expression" dxfId="9510" priority="9515" stopIfTrue="1">
      <formula>ISBLANK(AT17)=FALSE</formula>
    </cfRule>
  </conditionalFormatting>
  <conditionalFormatting sqref="AT17:AU18">
    <cfRule type="expression" dxfId="9509" priority="9506" stopIfTrue="1">
      <formula>ISBLANK(AT17)=TRUE</formula>
    </cfRule>
    <cfRule type="expression" dxfId="9508" priority="9507" stopIfTrue="1">
      <formula>INDIRECT("第１の３表②!"&amp;CELL("address",DM17))="×××"</formula>
    </cfRule>
    <cfRule type="expression" dxfId="9507" priority="9508" stopIfTrue="1">
      <formula>INDIRECT("第１の３表②!"&amp;CELL("address",DM17))="××"</formula>
    </cfRule>
    <cfRule type="expression" dxfId="9506" priority="9509" stopIfTrue="1">
      <formula>INDIRECT("第１の３表②!"&amp;CELL("address",DM17))="×"</formula>
    </cfRule>
    <cfRule type="expression" dxfId="9505" priority="9510" stopIfTrue="1">
      <formula>ISBLANK(AT17)=FALSE</formula>
    </cfRule>
  </conditionalFormatting>
  <conditionalFormatting sqref="AT17:AU18">
    <cfRule type="expression" dxfId="9504" priority="9501" stopIfTrue="1">
      <formula>ISBLANK(AT17)=TRUE</formula>
    </cfRule>
    <cfRule type="expression" dxfId="9503" priority="9502" stopIfTrue="1">
      <formula>INDIRECT("第１の３表②!"&amp;CELL("address",DM17))="×××"</formula>
    </cfRule>
    <cfRule type="expression" dxfId="9502" priority="9503" stopIfTrue="1">
      <formula>INDIRECT("第１の３表②!"&amp;CELL("address",DM17))="××"</formula>
    </cfRule>
    <cfRule type="expression" dxfId="9501" priority="9504" stopIfTrue="1">
      <formula>INDIRECT("第１の３表②!"&amp;CELL("address",DM17))="×"</formula>
    </cfRule>
    <cfRule type="expression" dxfId="9500" priority="9505" stopIfTrue="1">
      <formula>ISBLANK(AT17)=FALSE</formula>
    </cfRule>
  </conditionalFormatting>
  <conditionalFormatting sqref="AW17:AX18">
    <cfRule type="expression" dxfId="9499" priority="9496" stopIfTrue="1">
      <formula>ISBLANK(AW17)=TRUE</formula>
    </cfRule>
    <cfRule type="expression" dxfId="9498" priority="9497" stopIfTrue="1">
      <formula>INDIRECT("第１の３表②!"&amp;CELL("address",DP17))="×××"</formula>
    </cfRule>
    <cfRule type="expression" dxfId="9497" priority="9498" stopIfTrue="1">
      <formula>INDIRECT("第１の３表②!"&amp;CELL("address",DP17))="××"</formula>
    </cfRule>
    <cfRule type="expression" dxfId="9496" priority="9499" stopIfTrue="1">
      <formula>INDIRECT("第１の３表②!"&amp;CELL("address",DP17))="×"</formula>
    </cfRule>
    <cfRule type="expression" dxfId="9495" priority="9500" stopIfTrue="1">
      <formula>ISBLANK(AW17)=FALSE</formula>
    </cfRule>
  </conditionalFormatting>
  <conditionalFormatting sqref="AW17:AX18">
    <cfRule type="expression" dxfId="9494" priority="9491" stopIfTrue="1">
      <formula>ISBLANK(AW17)=TRUE</formula>
    </cfRule>
    <cfRule type="expression" dxfId="9493" priority="9492" stopIfTrue="1">
      <formula>INDIRECT("第１の３表②!"&amp;CELL("address",DP17))="×××"</formula>
    </cfRule>
    <cfRule type="expression" dxfId="9492" priority="9493" stopIfTrue="1">
      <formula>INDIRECT("第１の３表②!"&amp;CELL("address",DP17))="××"</formula>
    </cfRule>
    <cfRule type="expression" dxfId="9491" priority="9494" stopIfTrue="1">
      <formula>INDIRECT("第１の３表②!"&amp;CELL("address",DP17))="×"</formula>
    </cfRule>
    <cfRule type="expression" dxfId="9490" priority="9495" stopIfTrue="1">
      <formula>ISBLANK(AW17)=FALSE</formula>
    </cfRule>
  </conditionalFormatting>
  <conditionalFormatting sqref="AW17:AX18">
    <cfRule type="expression" dxfId="9489" priority="9486" stopIfTrue="1">
      <formula>ISBLANK(AW17)=TRUE</formula>
    </cfRule>
    <cfRule type="expression" dxfId="9488" priority="9487" stopIfTrue="1">
      <formula>INDIRECT("第１の３表②!"&amp;CELL("address",DP17))="×××"</formula>
    </cfRule>
    <cfRule type="expression" dxfId="9487" priority="9488" stopIfTrue="1">
      <formula>INDIRECT("第１の３表②!"&amp;CELL("address",DP17))="××"</formula>
    </cfRule>
    <cfRule type="expression" dxfId="9486" priority="9489" stopIfTrue="1">
      <formula>INDIRECT("第１の３表②!"&amp;CELL("address",DP17))="×"</formula>
    </cfRule>
    <cfRule type="expression" dxfId="9485" priority="9490" stopIfTrue="1">
      <formula>ISBLANK(AW17)=FALSE</formula>
    </cfRule>
  </conditionalFormatting>
  <conditionalFormatting sqref="AZ17:BA18">
    <cfRule type="expression" dxfId="9484" priority="9481" stopIfTrue="1">
      <formula>ISBLANK(AZ17)=TRUE</formula>
    </cfRule>
    <cfRule type="expression" dxfId="9483" priority="9482" stopIfTrue="1">
      <formula>INDIRECT("第１の３表②!"&amp;CELL("address",DS17))="×××"</formula>
    </cfRule>
    <cfRule type="expression" dxfId="9482" priority="9483" stopIfTrue="1">
      <formula>INDIRECT("第１の３表②!"&amp;CELL("address",DS17))="××"</formula>
    </cfRule>
    <cfRule type="expression" dxfId="9481" priority="9484" stopIfTrue="1">
      <formula>INDIRECT("第１の３表②!"&amp;CELL("address",DS17))="×"</formula>
    </cfRule>
    <cfRule type="expression" dxfId="9480" priority="9485" stopIfTrue="1">
      <formula>ISBLANK(AZ17)=FALSE</formula>
    </cfRule>
  </conditionalFormatting>
  <conditionalFormatting sqref="AZ17:BA18">
    <cfRule type="expression" dxfId="9479" priority="9476" stopIfTrue="1">
      <formula>ISBLANK(AZ17)=TRUE</formula>
    </cfRule>
    <cfRule type="expression" dxfId="9478" priority="9477" stopIfTrue="1">
      <formula>INDIRECT("第１の３表②!"&amp;CELL("address",DS17))="×××"</formula>
    </cfRule>
    <cfRule type="expression" dxfId="9477" priority="9478" stopIfTrue="1">
      <formula>INDIRECT("第１の３表②!"&amp;CELL("address",DS17))="××"</formula>
    </cfRule>
    <cfRule type="expression" dxfId="9476" priority="9479" stopIfTrue="1">
      <formula>INDIRECT("第１の３表②!"&amp;CELL("address",DS17))="×"</formula>
    </cfRule>
    <cfRule type="expression" dxfId="9475" priority="9480" stopIfTrue="1">
      <formula>ISBLANK(AZ17)=FALSE</formula>
    </cfRule>
  </conditionalFormatting>
  <conditionalFormatting sqref="AZ17:BA18">
    <cfRule type="expression" dxfId="9474" priority="9471" stopIfTrue="1">
      <formula>ISBLANK(AZ17)=TRUE</formula>
    </cfRule>
    <cfRule type="expression" dxfId="9473" priority="9472" stopIfTrue="1">
      <formula>INDIRECT("第１の３表②!"&amp;CELL("address",DS17))="×××"</formula>
    </cfRule>
    <cfRule type="expression" dxfId="9472" priority="9473" stopIfTrue="1">
      <formula>INDIRECT("第１の３表②!"&amp;CELL("address",DS17))="××"</formula>
    </cfRule>
    <cfRule type="expression" dxfId="9471" priority="9474" stopIfTrue="1">
      <formula>INDIRECT("第１の３表②!"&amp;CELL("address",DS17))="×"</formula>
    </cfRule>
    <cfRule type="expression" dxfId="9470" priority="9475" stopIfTrue="1">
      <formula>ISBLANK(AZ17)=FALSE</formula>
    </cfRule>
  </conditionalFormatting>
  <conditionalFormatting sqref="BC17:BD18">
    <cfRule type="expression" dxfId="9469" priority="9466" stopIfTrue="1">
      <formula>ISBLANK(BC17)=TRUE</formula>
    </cfRule>
    <cfRule type="expression" dxfId="9468" priority="9467" stopIfTrue="1">
      <formula>INDIRECT("第１の３表②!"&amp;CELL("address",DV17))="×××"</formula>
    </cfRule>
    <cfRule type="expression" dxfId="9467" priority="9468" stopIfTrue="1">
      <formula>INDIRECT("第１の３表②!"&amp;CELL("address",DV17))="××"</formula>
    </cfRule>
    <cfRule type="expression" dxfId="9466" priority="9469" stopIfTrue="1">
      <formula>INDIRECT("第１の３表②!"&amp;CELL("address",DV17))="×"</formula>
    </cfRule>
    <cfRule type="expression" dxfId="9465" priority="9470" stopIfTrue="1">
      <formula>ISBLANK(BC17)=FALSE</formula>
    </cfRule>
  </conditionalFormatting>
  <conditionalFormatting sqref="BC17:BD18">
    <cfRule type="expression" dxfId="9464" priority="9461" stopIfTrue="1">
      <formula>ISBLANK(BC17)=TRUE</formula>
    </cfRule>
    <cfRule type="expression" dxfId="9463" priority="9462" stopIfTrue="1">
      <formula>INDIRECT("第１の３表②!"&amp;CELL("address",DV17))="×××"</formula>
    </cfRule>
    <cfRule type="expression" dxfId="9462" priority="9463" stopIfTrue="1">
      <formula>INDIRECT("第１の３表②!"&amp;CELL("address",DV17))="××"</formula>
    </cfRule>
    <cfRule type="expression" dxfId="9461" priority="9464" stopIfTrue="1">
      <formula>INDIRECT("第１の３表②!"&amp;CELL("address",DV17))="×"</formula>
    </cfRule>
    <cfRule type="expression" dxfId="9460" priority="9465" stopIfTrue="1">
      <formula>ISBLANK(BC17)=FALSE</formula>
    </cfRule>
  </conditionalFormatting>
  <conditionalFormatting sqref="BC17:BD18">
    <cfRule type="expression" dxfId="9459" priority="9456" stopIfTrue="1">
      <formula>ISBLANK(BC17)=TRUE</formula>
    </cfRule>
    <cfRule type="expression" dxfId="9458" priority="9457" stopIfTrue="1">
      <formula>INDIRECT("第１の３表②!"&amp;CELL("address",DV17))="×××"</formula>
    </cfRule>
    <cfRule type="expression" dxfId="9457" priority="9458" stopIfTrue="1">
      <formula>INDIRECT("第１の３表②!"&amp;CELL("address",DV17))="××"</formula>
    </cfRule>
    <cfRule type="expression" dxfId="9456" priority="9459" stopIfTrue="1">
      <formula>INDIRECT("第１の３表②!"&amp;CELL("address",DV17))="×"</formula>
    </cfRule>
    <cfRule type="expression" dxfId="9455" priority="9460" stopIfTrue="1">
      <formula>ISBLANK(BC17)=FALSE</formula>
    </cfRule>
  </conditionalFormatting>
  <conditionalFormatting sqref="BF17:BG18">
    <cfRule type="expression" dxfId="9454" priority="9451" stopIfTrue="1">
      <formula>ISBLANK(BF17)=TRUE</formula>
    </cfRule>
    <cfRule type="expression" dxfId="9453" priority="9452" stopIfTrue="1">
      <formula>INDIRECT("第１の３表②!"&amp;CELL("address",DY17))="×××"</formula>
    </cfRule>
    <cfRule type="expression" dxfId="9452" priority="9453" stopIfTrue="1">
      <formula>INDIRECT("第１の３表②!"&amp;CELL("address",DY17))="××"</formula>
    </cfRule>
    <cfRule type="expression" dxfId="9451" priority="9454" stopIfTrue="1">
      <formula>INDIRECT("第１の３表②!"&amp;CELL("address",DY17))="×"</formula>
    </cfRule>
    <cfRule type="expression" dxfId="9450" priority="9455" stopIfTrue="1">
      <formula>ISBLANK(BF17)=FALSE</formula>
    </cfRule>
  </conditionalFormatting>
  <conditionalFormatting sqref="BF17:BG18">
    <cfRule type="expression" dxfId="9449" priority="9446" stopIfTrue="1">
      <formula>ISBLANK(BF17)=TRUE</formula>
    </cfRule>
    <cfRule type="expression" dxfId="9448" priority="9447" stopIfTrue="1">
      <formula>INDIRECT("第１の３表②!"&amp;CELL("address",DY17))="×××"</formula>
    </cfRule>
    <cfRule type="expression" dxfId="9447" priority="9448" stopIfTrue="1">
      <formula>INDIRECT("第１の３表②!"&amp;CELL("address",DY17))="××"</formula>
    </cfRule>
    <cfRule type="expression" dxfId="9446" priority="9449" stopIfTrue="1">
      <formula>INDIRECT("第１の３表②!"&amp;CELL("address",DY17))="×"</formula>
    </cfRule>
    <cfRule type="expression" dxfId="9445" priority="9450" stopIfTrue="1">
      <formula>ISBLANK(BF17)=FALSE</formula>
    </cfRule>
  </conditionalFormatting>
  <conditionalFormatting sqref="BF17:BG18">
    <cfRule type="expression" dxfId="9444" priority="9441" stopIfTrue="1">
      <formula>ISBLANK(BF17)=TRUE</formula>
    </cfRule>
    <cfRule type="expression" dxfId="9443" priority="9442" stopIfTrue="1">
      <formula>INDIRECT("第１の３表②!"&amp;CELL("address",DY17))="×××"</formula>
    </cfRule>
    <cfRule type="expression" dxfId="9442" priority="9443" stopIfTrue="1">
      <formula>INDIRECT("第１の３表②!"&amp;CELL("address",DY17))="××"</formula>
    </cfRule>
    <cfRule type="expression" dxfId="9441" priority="9444" stopIfTrue="1">
      <formula>INDIRECT("第１の３表②!"&amp;CELL("address",DY17))="×"</formula>
    </cfRule>
    <cfRule type="expression" dxfId="9440" priority="9445" stopIfTrue="1">
      <formula>ISBLANK(BF17)=FALSE</formula>
    </cfRule>
  </conditionalFormatting>
  <conditionalFormatting sqref="BI17:BJ18">
    <cfRule type="expression" dxfId="9439" priority="9436" stopIfTrue="1">
      <formula>ISBLANK(BI17)=TRUE</formula>
    </cfRule>
    <cfRule type="expression" dxfId="9438" priority="9437" stopIfTrue="1">
      <formula>INDIRECT("第１の３表②!"&amp;CELL("address",EB17))="×××"</formula>
    </cfRule>
    <cfRule type="expression" dxfId="9437" priority="9438" stopIfTrue="1">
      <formula>INDIRECT("第１の３表②!"&amp;CELL("address",EB17))="××"</formula>
    </cfRule>
    <cfRule type="expression" dxfId="9436" priority="9439" stopIfTrue="1">
      <formula>INDIRECT("第１の３表②!"&amp;CELL("address",EB17))="×"</formula>
    </cfRule>
    <cfRule type="expression" dxfId="9435" priority="9440" stopIfTrue="1">
      <formula>ISBLANK(BI17)=FALSE</formula>
    </cfRule>
  </conditionalFormatting>
  <conditionalFormatting sqref="BI17:BJ18">
    <cfRule type="expression" dxfId="9434" priority="9431" stopIfTrue="1">
      <formula>ISBLANK(BI17)=TRUE</formula>
    </cfRule>
    <cfRule type="expression" dxfId="9433" priority="9432" stopIfTrue="1">
      <formula>INDIRECT("第１の３表②!"&amp;CELL("address",EB17))="×××"</formula>
    </cfRule>
    <cfRule type="expression" dxfId="9432" priority="9433" stopIfTrue="1">
      <formula>INDIRECT("第１の３表②!"&amp;CELL("address",EB17))="××"</formula>
    </cfRule>
    <cfRule type="expression" dxfId="9431" priority="9434" stopIfTrue="1">
      <formula>INDIRECT("第１の３表②!"&amp;CELL("address",EB17))="×"</formula>
    </cfRule>
    <cfRule type="expression" dxfId="9430" priority="9435" stopIfTrue="1">
      <formula>ISBLANK(BI17)=FALSE</formula>
    </cfRule>
  </conditionalFormatting>
  <conditionalFormatting sqref="BI17:BJ18">
    <cfRule type="expression" dxfId="9429" priority="9426" stopIfTrue="1">
      <formula>ISBLANK(BI17)=TRUE</formula>
    </cfRule>
    <cfRule type="expression" dxfId="9428" priority="9427" stopIfTrue="1">
      <formula>INDIRECT("第１の３表②!"&amp;CELL("address",EB17))="×××"</formula>
    </cfRule>
    <cfRule type="expression" dxfId="9427" priority="9428" stopIfTrue="1">
      <formula>INDIRECT("第１の３表②!"&amp;CELL("address",EB17))="××"</formula>
    </cfRule>
    <cfRule type="expression" dxfId="9426" priority="9429" stopIfTrue="1">
      <formula>INDIRECT("第１の３表②!"&amp;CELL("address",EB17))="×"</formula>
    </cfRule>
    <cfRule type="expression" dxfId="9425" priority="9430" stopIfTrue="1">
      <formula>ISBLANK(BI17)=FALSE</formula>
    </cfRule>
  </conditionalFormatting>
  <conditionalFormatting sqref="BL17:BM18">
    <cfRule type="expression" dxfId="9424" priority="9421" stopIfTrue="1">
      <formula>ISBLANK(BL17)=TRUE</formula>
    </cfRule>
    <cfRule type="expression" dxfId="9423" priority="9422" stopIfTrue="1">
      <formula>INDIRECT("第１の３表②!"&amp;CELL("address",EE17))="×××"</formula>
    </cfRule>
    <cfRule type="expression" dxfId="9422" priority="9423" stopIfTrue="1">
      <formula>INDIRECT("第１の３表②!"&amp;CELL("address",EE17))="××"</formula>
    </cfRule>
    <cfRule type="expression" dxfId="9421" priority="9424" stopIfTrue="1">
      <formula>INDIRECT("第１の３表②!"&amp;CELL("address",EE17))="×"</formula>
    </cfRule>
    <cfRule type="expression" dxfId="9420" priority="9425" stopIfTrue="1">
      <formula>ISBLANK(BL17)=FALSE</formula>
    </cfRule>
  </conditionalFormatting>
  <conditionalFormatting sqref="BL17:BM18">
    <cfRule type="expression" dxfId="9419" priority="9416" stopIfTrue="1">
      <formula>ISBLANK(BL17)=TRUE</formula>
    </cfRule>
    <cfRule type="expression" dxfId="9418" priority="9417" stopIfTrue="1">
      <formula>INDIRECT("第１の３表②!"&amp;CELL("address",EE17))="×××"</formula>
    </cfRule>
    <cfRule type="expression" dxfId="9417" priority="9418" stopIfTrue="1">
      <formula>INDIRECT("第１の３表②!"&amp;CELL("address",EE17))="××"</formula>
    </cfRule>
    <cfRule type="expression" dxfId="9416" priority="9419" stopIfTrue="1">
      <formula>INDIRECT("第１の３表②!"&amp;CELL("address",EE17))="×"</formula>
    </cfRule>
    <cfRule type="expression" dxfId="9415" priority="9420" stopIfTrue="1">
      <formula>ISBLANK(BL17)=FALSE</formula>
    </cfRule>
  </conditionalFormatting>
  <conditionalFormatting sqref="BL17:BM18">
    <cfRule type="expression" dxfId="9414" priority="9411" stopIfTrue="1">
      <formula>ISBLANK(BL17)=TRUE</formula>
    </cfRule>
    <cfRule type="expression" dxfId="9413" priority="9412" stopIfTrue="1">
      <formula>INDIRECT("第１の３表②!"&amp;CELL("address",EE17))="×××"</formula>
    </cfRule>
    <cfRule type="expression" dxfId="9412" priority="9413" stopIfTrue="1">
      <formula>INDIRECT("第１の３表②!"&amp;CELL("address",EE17))="××"</formula>
    </cfRule>
    <cfRule type="expression" dxfId="9411" priority="9414" stopIfTrue="1">
      <formula>INDIRECT("第１の３表②!"&amp;CELL("address",EE17))="×"</formula>
    </cfRule>
    <cfRule type="expression" dxfId="9410" priority="9415" stopIfTrue="1">
      <formula>ISBLANK(BL17)=FALSE</formula>
    </cfRule>
  </conditionalFormatting>
  <conditionalFormatting sqref="BO17:BP18">
    <cfRule type="expression" dxfId="9409" priority="9406" stopIfTrue="1">
      <formula>ISBLANK(BO17)=TRUE</formula>
    </cfRule>
    <cfRule type="expression" dxfId="9408" priority="9407" stopIfTrue="1">
      <formula>INDIRECT("第１の３表②!"&amp;CELL("address",EH17))="×××"</formula>
    </cfRule>
    <cfRule type="expression" dxfId="9407" priority="9408" stopIfTrue="1">
      <formula>INDIRECT("第１の３表②!"&amp;CELL("address",EH17))="××"</formula>
    </cfRule>
    <cfRule type="expression" dxfId="9406" priority="9409" stopIfTrue="1">
      <formula>INDIRECT("第１の３表②!"&amp;CELL("address",EH17))="×"</formula>
    </cfRule>
    <cfRule type="expression" dxfId="9405" priority="9410" stopIfTrue="1">
      <formula>ISBLANK(BO17)=FALSE</formula>
    </cfRule>
  </conditionalFormatting>
  <conditionalFormatting sqref="BO17:BP18">
    <cfRule type="expression" dxfId="9404" priority="9401" stopIfTrue="1">
      <formula>ISBLANK(BO17)=TRUE</formula>
    </cfRule>
    <cfRule type="expression" dxfId="9403" priority="9402" stopIfTrue="1">
      <formula>INDIRECT("第１の３表②!"&amp;CELL("address",EH17))="×××"</formula>
    </cfRule>
    <cfRule type="expression" dxfId="9402" priority="9403" stopIfTrue="1">
      <formula>INDIRECT("第１の３表②!"&amp;CELL("address",EH17))="××"</formula>
    </cfRule>
    <cfRule type="expression" dxfId="9401" priority="9404" stopIfTrue="1">
      <formula>INDIRECT("第１の３表②!"&amp;CELL("address",EH17))="×"</formula>
    </cfRule>
    <cfRule type="expression" dxfId="9400" priority="9405" stopIfTrue="1">
      <formula>ISBLANK(BO17)=FALSE</formula>
    </cfRule>
  </conditionalFormatting>
  <conditionalFormatting sqref="BO17:BP18">
    <cfRule type="expression" dxfId="9399" priority="9396" stopIfTrue="1">
      <formula>ISBLANK(BO17)=TRUE</formula>
    </cfRule>
    <cfRule type="expression" dxfId="9398" priority="9397" stopIfTrue="1">
      <formula>INDIRECT("第１の３表②!"&amp;CELL("address",EH17))="×××"</formula>
    </cfRule>
    <cfRule type="expression" dxfId="9397" priority="9398" stopIfTrue="1">
      <formula>INDIRECT("第１の３表②!"&amp;CELL("address",EH17))="××"</formula>
    </cfRule>
    <cfRule type="expression" dxfId="9396" priority="9399" stopIfTrue="1">
      <formula>INDIRECT("第１の３表②!"&amp;CELL("address",EH17))="×"</formula>
    </cfRule>
    <cfRule type="expression" dxfId="9395" priority="9400" stopIfTrue="1">
      <formula>ISBLANK(BO17)=FALSE</formula>
    </cfRule>
  </conditionalFormatting>
  <conditionalFormatting sqref="J20:K21">
    <cfRule type="expression" dxfId="9394" priority="9391" stopIfTrue="1">
      <formula>ISBLANK(J20)=TRUE</formula>
    </cfRule>
    <cfRule type="expression" dxfId="9393" priority="9392" stopIfTrue="1">
      <formula>INDIRECT("第１の３表②!"&amp;CELL("address",CC20))="×××"</formula>
    </cfRule>
    <cfRule type="expression" dxfId="9392" priority="9393" stopIfTrue="1">
      <formula>INDIRECT("第１の３表②!"&amp;CELL("address",CC20))="××"</formula>
    </cfRule>
    <cfRule type="expression" dxfId="9391" priority="9394" stopIfTrue="1">
      <formula>INDIRECT("第１の３表②!"&amp;CELL("address",CC20))="×"</formula>
    </cfRule>
    <cfRule type="expression" dxfId="9390" priority="9395" stopIfTrue="1">
      <formula>ISBLANK(J20)=FALSE</formula>
    </cfRule>
  </conditionalFormatting>
  <conditionalFormatting sqref="J20:K21">
    <cfRule type="expression" dxfId="9389" priority="9386" stopIfTrue="1">
      <formula>ISBLANK(J20)=TRUE</formula>
    </cfRule>
    <cfRule type="expression" dxfId="9388" priority="9387" stopIfTrue="1">
      <formula>INDIRECT("第１の３表②!"&amp;CELL("address",CC20))="×××"</formula>
    </cfRule>
    <cfRule type="expression" dxfId="9387" priority="9388" stopIfTrue="1">
      <formula>INDIRECT("第１の３表②!"&amp;CELL("address",CC20))="××"</formula>
    </cfRule>
    <cfRule type="expression" dxfId="9386" priority="9389" stopIfTrue="1">
      <formula>INDIRECT("第１の３表②!"&amp;CELL("address",CC20))="×"</formula>
    </cfRule>
    <cfRule type="expression" dxfId="9385" priority="9390" stopIfTrue="1">
      <formula>ISBLANK(J20)=FALSE</formula>
    </cfRule>
  </conditionalFormatting>
  <conditionalFormatting sqref="J20:K21">
    <cfRule type="expression" dxfId="9384" priority="9381" stopIfTrue="1">
      <formula>ISBLANK(J20)=TRUE</formula>
    </cfRule>
    <cfRule type="expression" dxfId="9383" priority="9382" stopIfTrue="1">
      <formula>INDIRECT("第１の３表②!"&amp;CELL("address",CC20))="×××"</formula>
    </cfRule>
    <cfRule type="expression" dxfId="9382" priority="9383" stopIfTrue="1">
      <formula>INDIRECT("第１の３表②!"&amp;CELL("address",CC20))="××"</formula>
    </cfRule>
    <cfRule type="expression" dxfId="9381" priority="9384" stopIfTrue="1">
      <formula>INDIRECT("第１の３表②!"&amp;CELL("address",CC20))="×"</formula>
    </cfRule>
    <cfRule type="expression" dxfId="9380" priority="9385" stopIfTrue="1">
      <formula>ISBLANK(J20)=FALSE</formula>
    </cfRule>
  </conditionalFormatting>
  <conditionalFormatting sqref="M20:N21">
    <cfRule type="expression" dxfId="9379" priority="9376" stopIfTrue="1">
      <formula>ISBLANK(M20)=TRUE</formula>
    </cfRule>
    <cfRule type="expression" dxfId="9378" priority="9377" stopIfTrue="1">
      <formula>INDIRECT("第１の３表②!"&amp;CELL("address",CF20))="×××"</formula>
    </cfRule>
    <cfRule type="expression" dxfId="9377" priority="9378" stopIfTrue="1">
      <formula>INDIRECT("第１の３表②!"&amp;CELL("address",CF20))="××"</formula>
    </cfRule>
    <cfRule type="expression" dxfId="9376" priority="9379" stopIfTrue="1">
      <formula>INDIRECT("第１の３表②!"&amp;CELL("address",CF20))="×"</formula>
    </cfRule>
    <cfRule type="expression" dxfId="9375" priority="9380" stopIfTrue="1">
      <formula>ISBLANK(M20)=FALSE</formula>
    </cfRule>
  </conditionalFormatting>
  <conditionalFormatting sqref="M20:N21">
    <cfRule type="expression" dxfId="9374" priority="9371" stopIfTrue="1">
      <formula>ISBLANK(M20)=TRUE</formula>
    </cfRule>
    <cfRule type="expression" dxfId="9373" priority="9372" stopIfTrue="1">
      <formula>INDIRECT("第１の３表②!"&amp;CELL("address",CF20))="×××"</formula>
    </cfRule>
    <cfRule type="expression" dxfId="9372" priority="9373" stopIfTrue="1">
      <formula>INDIRECT("第１の３表②!"&amp;CELL("address",CF20))="××"</formula>
    </cfRule>
    <cfRule type="expression" dxfId="9371" priority="9374" stopIfTrue="1">
      <formula>INDIRECT("第１の３表②!"&amp;CELL("address",CF20))="×"</formula>
    </cfRule>
    <cfRule type="expression" dxfId="9370" priority="9375" stopIfTrue="1">
      <formula>ISBLANK(M20)=FALSE</formula>
    </cfRule>
  </conditionalFormatting>
  <conditionalFormatting sqref="M20:N21">
    <cfRule type="expression" dxfId="9369" priority="9366" stopIfTrue="1">
      <formula>ISBLANK(M20)=TRUE</formula>
    </cfRule>
    <cfRule type="expression" dxfId="9368" priority="9367" stopIfTrue="1">
      <formula>INDIRECT("第１の３表②!"&amp;CELL("address",CF20))="×××"</formula>
    </cfRule>
    <cfRule type="expression" dxfId="9367" priority="9368" stopIfTrue="1">
      <formula>INDIRECT("第１の３表②!"&amp;CELL("address",CF20))="××"</formula>
    </cfRule>
    <cfRule type="expression" dxfId="9366" priority="9369" stopIfTrue="1">
      <formula>INDIRECT("第１の３表②!"&amp;CELL("address",CF20))="×"</formula>
    </cfRule>
    <cfRule type="expression" dxfId="9365" priority="9370" stopIfTrue="1">
      <formula>ISBLANK(M20)=FALSE</formula>
    </cfRule>
  </conditionalFormatting>
  <conditionalFormatting sqref="P20:Q21">
    <cfRule type="expression" dxfId="9364" priority="9361" stopIfTrue="1">
      <formula>ISBLANK(P20)=TRUE</formula>
    </cfRule>
    <cfRule type="expression" dxfId="9363" priority="9362" stopIfTrue="1">
      <formula>INDIRECT("第１の３表②!"&amp;CELL("address",CI20))="×××"</formula>
    </cfRule>
    <cfRule type="expression" dxfId="9362" priority="9363" stopIfTrue="1">
      <formula>INDIRECT("第１の３表②!"&amp;CELL("address",CI20))="××"</formula>
    </cfRule>
    <cfRule type="expression" dxfId="9361" priority="9364" stopIfTrue="1">
      <formula>INDIRECT("第１の３表②!"&amp;CELL("address",CI20))="×"</formula>
    </cfRule>
    <cfRule type="expression" dxfId="9360" priority="9365" stopIfTrue="1">
      <formula>ISBLANK(P20)=FALSE</formula>
    </cfRule>
  </conditionalFormatting>
  <conditionalFormatting sqref="P20:Q21">
    <cfRule type="expression" dxfId="9359" priority="9356" stopIfTrue="1">
      <formula>ISBLANK(P20)=TRUE</formula>
    </cfRule>
    <cfRule type="expression" dxfId="9358" priority="9357" stopIfTrue="1">
      <formula>INDIRECT("第１の３表②!"&amp;CELL("address",CI20))="×××"</formula>
    </cfRule>
    <cfRule type="expression" dxfId="9357" priority="9358" stopIfTrue="1">
      <formula>INDIRECT("第１の３表②!"&amp;CELL("address",CI20))="××"</formula>
    </cfRule>
    <cfRule type="expression" dxfId="9356" priority="9359" stopIfTrue="1">
      <formula>INDIRECT("第１の３表②!"&amp;CELL("address",CI20))="×"</formula>
    </cfRule>
    <cfRule type="expression" dxfId="9355" priority="9360" stopIfTrue="1">
      <formula>ISBLANK(P20)=FALSE</formula>
    </cfRule>
  </conditionalFormatting>
  <conditionalFormatting sqref="P20:Q21">
    <cfRule type="expression" dxfId="9354" priority="9351" stopIfTrue="1">
      <formula>ISBLANK(P20)=TRUE</formula>
    </cfRule>
    <cfRule type="expression" dxfId="9353" priority="9352" stopIfTrue="1">
      <formula>INDIRECT("第１の３表②!"&amp;CELL("address",CI20))="×××"</formula>
    </cfRule>
    <cfRule type="expression" dxfId="9352" priority="9353" stopIfTrue="1">
      <formula>INDIRECT("第１の３表②!"&amp;CELL("address",CI20))="××"</formula>
    </cfRule>
    <cfRule type="expression" dxfId="9351" priority="9354" stopIfTrue="1">
      <formula>INDIRECT("第１の３表②!"&amp;CELL("address",CI20))="×"</formula>
    </cfRule>
    <cfRule type="expression" dxfId="9350" priority="9355" stopIfTrue="1">
      <formula>ISBLANK(P20)=FALSE</formula>
    </cfRule>
  </conditionalFormatting>
  <conditionalFormatting sqref="S20:T21">
    <cfRule type="expression" dxfId="9349" priority="9346" stopIfTrue="1">
      <formula>ISBLANK(S20)=TRUE</formula>
    </cfRule>
    <cfRule type="expression" dxfId="9348" priority="9347" stopIfTrue="1">
      <formula>INDIRECT("第１の３表②!"&amp;CELL("address",CL20))="×××"</formula>
    </cfRule>
    <cfRule type="expression" dxfId="9347" priority="9348" stopIfTrue="1">
      <formula>INDIRECT("第１の３表②!"&amp;CELL("address",CL20))="××"</formula>
    </cfRule>
    <cfRule type="expression" dxfId="9346" priority="9349" stopIfTrue="1">
      <formula>INDIRECT("第１の３表②!"&amp;CELL("address",CL20))="×"</formula>
    </cfRule>
    <cfRule type="expression" dxfId="9345" priority="9350" stopIfTrue="1">
      <formula>ISBLANK(S20)=FALSE</formula>
    </cfRule>
  </conditionalFormatting>
  <conditionalFormatting sqref="S20:T21">
    <cfRule type="expression" dxfId="9344" priority="9341" stopIfTrue="1">
      <formula>ISBLANK(S20)=TRUE</formula>
    </cfRule>
    <cfRule type="expression" dxfId="9343" priority="9342" stopIfTrue="1">
      <formula>INDIRECT("第１の３表②!"&amp;CELL("address",CL20))="×××"</formula>
    </cfRule>
    <cfRule type="expression" dxfId="9342" priority="9343" stopIfTrue="1">
      <formula>INDIRECT("第１の３表②!"&amp;CELL("address",CL20))="××"</formula>
    </cfRule>
    <cfRule type="expression" dxfId="9341" priority="9344" stopIfTrue="1">
      <formula>INDIRECT("第１の３表②!"&amp;CELL("address",CL20))="×"</formula>
    </cfRule>
    <cfRule type="expression" dxfId="9340" priority="9345" stopIfTrue="1">
      <formula>ISBLANK(S20)=FALSE</formula>
    </cfRule>
  </conditionalFormatting>
  <conditionalFormatting sqref="S20:T21">
    <cfRule type="expression" dxfId="9339" priority="9336" stopIfTrue="1">
      <formula>ISBLANK(S20)=TRUE</formula>
    </cfRule>
    <cfRule type="expression" dxfId="9338" priority="9337" stopIfTrue="1">
      <formula>INDIRECT("第１の３表②!"&amp;CELL("address",CL20))="×××"</formula>
    </cfRule>
    <cfRule type="expression" dxfId="9337" priority="9338" stopIfTrue="1">
      <formula>INDIRECT("第１の３表②!"&amp;CELL("address",CL20))="××"</formula>
    </cfRule>
    <cfRule type="expression" dxfId="9336" priority="9339" stopIfTrue="1">
      <formula>INDIRECT("第１の３表②!"&amp;CELL("address",CL20))="×"</formula>
    </cfRule>
    <cfRule type="expression" dxfId="9335" priority="9340" stopIfTrue="1">
      <formula>ISBLANK(S20)=FALSE</formula>
    </cfRule>
  </conditionalFormatting>
  <conditionalFormatting sqref="V20:W21">
    <cfRule type="expression" dxfId="9334" priority="9331" stopIfTrue="1">
      <formula>ISBLANK(V20)=TRUE</formula>
    </cfRule>
    <cfRule type="expression" dxfId="9333" priority="9332" stopIfTrue="1">
      <formula>INDIRECT("第１の３表②!"&amp;CELL("address",CO20))="×××"</formula>
    </cfRule>
    <cfRule type="expression" dxfId="9332" priority="9333" stopIfTrue="1">
      <formula>INDIRECT("第１の３表②!"&amp;CELL("address",CO20))="××"</formula>
    </cfRule>
    <cfRule type="expression" dxfId="9331" priority="9334" stopIfTrue="1">
      <formula>INDIRECT("第１の３表②!"&amp;CELL("address",CO20))="×"</formula>
    </cfRule>
    <cfRule type="expression" dxfId="9330" priority="9335" stopIfTrue="1">
      <formula>ISBLANK(V20)=FALSE</formula>
    </cfRule>
  </conditionalFormatting>
  <conditionalFormatting sqref="V20:W21">
    <cfRule type="expression" dxfId="9329" priority="9326" stopIfTrue="1">
      <formula>ISBLANK(V20)=TRUE</formula>
    </cfRule>
    <cfRule type="expression" dxfId="9328" priority="9327" stopIfTrue="1">
      <formula>INDIRECT("第１の３表②!"&amp;CELL("address",CO20))="×××"</formula>
    </cfRule>
    <cfRule type="expression" dxfId="9327" priority="9328" stopIfTrue="1">
      <formula>INDIRECT("第１の３表②!"&amp;CELL("address",CO20))="××"</formula>
    </cfRule>
    <cfRule type="expression" dxfId="9326" priority="9329" stopIfTrue="1">
      <formula>INDIRECT("第１の３表②!"&amp;CELL("address",CO20))="×"</formula>
    </cfRule>
    <cfRule type="expression" dxfId="9325" priority="9330" stopIfTrue="1">
      <formula>ISBLANK(V20)=FALSE</formula>
    </cfRule>
  </conditionalFormatting>
  <conditionalFormatting sqref="V20:W21">
    <cfRule type="expression" dxfId="9324" priority="9321" stopIfTrue="1">
      <formula>ISBLANK(V20)=TRUE</formula>
    </cfRule>
    <cfRule type="expression" dxfId="9323" priority="9322" stopIfTrue="1">
      <formula>INDIRECT("第１の３表②!"&amp;CELL("address",CO20))="×××"</formula>
    </cfRule>
    <cfRule type="expression" dxfId="9322" priority="9323" stopIfTrue="1">
      <formula>INDIRECT("第１の３表②!"&amp;CELL("address",CO20))="××"</formula>
    </cfRule>
    <cfRule type="expression" dxfId="9321" priority="9324" stopIfTrue="1">
      <formula>INDIRECT("第１の３表②!"&amp;CELL("address",CO20))="×"</formula>
    </cfRule>
    <cfRule type="expression" dxfId="9320" priority="9325" stopIfTrue="1">
      <formula>ISBLANK(V20)=FALSE</formula>
    </cfRule>
  </conditionalFormatting>
  <conditionalFormatting sqref="Y20:Z21">
    <cfRule type="expression" dxfId="9319" priority="9316" stopIfTrue="1">
      <formula>ISBLANK(Y20)=TRUE</formula>
    </cfRule>
    <cfRule type="expression" dxfId="9318" priority="9317" stopIfTrue="1">
      <formula>INDIRECT("第１の３表②!"&amp;CELL("address",CR20))="×××"</formula>
    </cfRule>
    <cfRule type="expression" dxfId="9317" priority="9318" stopIfTrue="1">
      <formula>INDIRECT("第１の３表②!"&amp;CELL("address",CR20))="××"</formula>
    </cfRule>
    <cfRule type="expression" dxfId="9316" priority="9319" stopIfTrue="1">
      <formula>INDIRECT("第１の３表②!"&amp;CELL("address",CR20))="×"</formula>
    </cfRule>
    <cfRule type="expression" dxfId="9315" priority="9320" stopIfTrue="1">
      <formula>ISBLANK(Y20)=FALSE</formula>
    </cfRule>
  </conditionalFormatting>
  <conditionalFormatting sqref="Y20:Z21">
    <cfRule type="expression" dxfId="9314" priority="9311" stopIfTrue="1">
      <formula>ISBLANK(Y20)=TRUE</formula>
    </cfRule>
    <cfRule type="expression" dxfId="9313" priority="9312" stopIfTrue="1">
      <formula>INDIRECT("第１の３表②!"&amp;CELL("address",CR20))="×××"</formula>
    </cfRule>
    <cfRule type="expression" dxfId="9312" priority="9313" stopIfTrue="1">
      <formula>INDIRECT("第１の３表②!"&amp;CELL("address",CR20))="××"</formula>
    </cfRule>
    <cfRule type="expression" dxfId="9311" priority="9314" stopIfTrue="1">
      <formula>INDIRECT("第１の３表②!"&amp;CELL("address",CR20))="×"</formula>
    </cfRule>
    <cfRule type="expression" dxfId="9310" priority="9315" stopIfTrue="1">
      <formula>ISBLANK(Y20)=FALSE</formula>
    </cfRule>
  </conditionalFormatting>
  <conditionalFormatting sqref="Y20:Z21">
    <cfRule type="expression" dxfId="9309" priority="9306" stopIfTrue="1">
      <formula>ISBLANK(Y20)=TRUE</formula>
    </cfRule>
    <cfRule type="expression" dxfId="9308" priority="9307" stopIfTrue="1">
      <formula>INDIRECT("第１の３表②!"&amp;CELL("address",CR20))="×××"</formula>
    </cfRule>
    <cfRule type="expression" dxfId="9307" priority="9308" stopIfTrue="1">
      <formula>INDIRECT("第１の３表②!"&amp;CELL("address",CR20))="××"</formula>
    </cfRule>
    <cfRule type="expression" dxfId="9306" priority="9309" stopIfTrue="1">
      <formula>INDIRECT("第１の３表②!"&amp;CELL("address",CR20))="×"</formula>
    </cfRule>
    <cfRule type="expression" dxfId="9305" priority="9310" stopIfTrue="1">
      <formula>ISBLANK(Y20)=FALSE</formula>
    </cfRule>
  </conditionalFormatting>
  <conditionalFormatting sqref="AB20:AC21">
    <cfRule type="expression" dxfId="9304" priority="9301" stopIfTrue="1">
      <formula>ISBLANK(AB20)=TRUE</formula>
    </cfRule>
    <cfRule type="expression" dxfId="9303" priority="9302" stopIfTrue="1">
      <formula>INDIRECT("第１の３表②!"&amp;CELL("address",CU20))="×××"</formula>
    </cfRule>
    <cfRule type="expression" dxfId="9302" priority="9303" stopIfTrue="1">
      <formula>INDIRECT("第１の３表②!"&amp;CELL("address",CU20))="××"</formula>
    </cfRule>
    <cfRule type="expression" dxfId="9301" priority="9304" stopIfTrue="1">
      <formula>INDIRECT("第１の３表②!"&amp;CELL("address",CU20))="×"</formula>
    </cfRule>
    <cfRule type="expression" dxfId="9300" priority="9305" stopIfTrue="1">
      <formula>ISBLANK(AB20)=FALSE</formula>
    </cfRule>
  </conditionalFormatting>
  <conditionalFormatting sqref="AB20:AC21">
    <cfRule type="expression" dxfId="9299" priority="9296" stopIfTrue="1">
      <formula>ISBLANK(AB20)=TRUE</formula>
    </cfRule>
    <cfRule type="expression" dxfId="9298" priority="9297" stopIfTrue="1">
      <formula>INDIRECT("第１の３表②!"&amp;CELL("address",CU20))="×××"</formula>
    </cfRule>
    <cfRule type="expression" dxfId="9297" priority="9298" stopIfTrue="1">
      <formula>INDIRECT("第１の３表②!"&amp;CELL("address",CU20))="××"</formula>
    </cfRule>
    <cfRule type="expression" dxfId="9296" priority="9299" stopIfTrue="1">
      <formula>INDIRECT("第１の３表②!"&amp;CELL("address",CU20))="×"</formula>
    </cfRule>
    <cfRule type="expression" dxfId="9295" priority="9300" stopIfTrue="1">
      <formula>ISBLANK(AB20)=FALSE</formula>
    </cfRule>
  </conditionalFormatting>
  <conditionalFormatting sqref="AB20:AC21">
    <cfRule type="expression" dxfId="9294" priority="9291" stopIfTrue="1">
      <formula>ISBLANK(AB20)=TRUE</formula>
    </cfRule>
    <cfRule type="expression" dxfId="9293" priority="9292" stopIfTrue="1">
      <formula>INDIRECT("第１の３表②!"&amp;CELL("address",CU20))="×××"</formula>
    </cfRule>
    <cfRule type="expression" dxfId="9292" priority="9293" stopIfTrue="1">
      <formula>INDIRECT("第１の３表②!"&amp;CELL("address",CU20))="××"</formula>
    </cfRule>
    <cfRule type="expression" dxfId="9291" priority="9294" stopIfTrue="1">
      <formula>INDIRECT("第１の３表②!"&amp;CELL("address",CU20))="×"</formula>
    </cfRule>
    <cfRule type="expression" dxfId="9290" priority="9295" stopIfTrue="1">
      <formula>ISBLANK(AB20)=FALSE</formula>
    </cfRule>
  </conditionalFormatting>
  <conditionalFormatting sqref="AE20:AF21">
    <cfRule type="expression" dxfId="9289" priority="9286" stopIfTrue="1">
      <formula>ISBLANK(AE20)=TRUE</formula>
    </cfRule>
    <cfRule type="expression" dxfId="9288" priority="9287" stopIfTrue="1">
      <formula>INDIRECT("第１の３表②!"&amp;CELL("address",CX20))="×××"</formula>
    </cfRule>
    <cfRule type="expression" dxfId="9287" priority="9288" stopIfTrue="1">
      <formula>INDIRECT("第１の３表②!"&amp;CELL("address",CX20))="××"</formula>
    </cfRule>
    <cfRule type="expression" dxfId="9286" priority="9289" stopIfTrue="1">
      <formula>INDIRECT("第１の３表②!"&amp;CELL("address",CX20))="×"</formula>
    </cfRule>
    <cfRule type="expression" dxfId="9285" priority="9290" stopIfTrue="1">
      <formula>ISBLANK(AE20)=FALSE</formula>
    </cfRule>
  </conditionalFormatting>
  <conditionalFormatting sqref="AE20:AF21">
    <cfRule type="expression" dxfId="9284" priority="9281" stopIfTrue="1">
      <formula>ISBLANK(AE20)=TRUE</formula>
    </cfRule>
    <cfRule type="expression" dxfId="9283" priority="9282" stopIfTrue="1">
      <formula>INDIRECT("第１の３表②!"&amp;CELL("address",CX20))="×××"</formula>
    </cfRule>
    <cfRule type="expression" dxfId="9282" priority="9283" stopIfTrue="1">
      <formula>INDIRECT("第１の３表②!"&amp;CELL("address",CX20))="××"</formula>
    </cfRule>
    <cfRule type="expression" dxfId="9281" priority="9284" stopIfTrue="1">
      <formula>INDIRECT("第１の３表②!"&amp;CELL("address",CX20))="×"</formula>
    </cfRule>
    <cfRule type="expression" dxfId="9280" priority="9285" stopIfTrue="1">
      <formula>ISBLANK(AE20)=FALSE</formula>
    </cfRule>
  </conditionalFormatting>
  <conditionalFormatting sqref="AE20:AF21">
    <cfRule type="expression" dxfId="9279" priority="9276" stopIfTrue="1">
      <formula>ISBLANK(AE20)=TRUE</formula>
    </cfRule>
    <cfRule type="expression" dxfId="9278" priority="9277" stopIfTrue="1">
      <formula>INDIRECT("第１の３表②!"&amp;CELL("address",CX20))="×××"</formula>
    </cfRule>
    <cfRule type="expression" dxfId="9277" priority="9278" stopIfTrue="1">
      <formula>INDIRECT("第１の３表②!"&amp;CELL("address",CX20))="××"</formula>
    </cfRule>
    <cfRule type="expression" dxfId="9276" priority="9279" stopIfTrue="1">
      <formula>INDIRECT("第１の３表②!"&amp;CELL("address",CX20))="×"</formula>
    </cfRule>
    <cfRule type="expression" dxfId="9275" priority="9280" stopIfTrue="1">
      <formula>ISBLANK(AE20)=FALSE</formula>
    </cfRule>
  </conditionalFormatting>
  <conditionalFormatting sqref="AH20:AI21">
    <cfRule type="expression" dxfId="9274" priority="9271" stopIfTrue="1">
      <formula>ISBLANK(AH20)=TRUE</formula>
    </cfRule>
    <cfRule type="expression" dxfId="9273" priority="9272" stopIfTrue="1">
      <formula>INDIRECT("第１の３表②!"&amp;CELL("address",DA20))="×××"</formula>
    </cfRule>
    <cfRule type="expression" dxfId="9272" priority="9273" stopIfTrue="1">
      <formula>INDIRECT("第１の３表②!"&amp;CELL("address",DA20))="××"</formula>
    </cfRule>
    <cfRule type="expression" dxfId="9271" priority="9274" stopIfTrue="1">
      <formula>INDIRECT("第１の３表②!"&amp;CELL("address",DA20))="×"</formula>
    </cfRule>
    <cfRule type="expression" dxfId="9270" priority="9275" stopIfTrue="1">
      <formula>ISBLANK(AH20)=FALSE</formula>
    </cfRule>
  </conditionalFormatting>
  <conditionalFormatting sqref="AH20:AI21">
    <cfRule type="expression" dxfId="9269" priority="9266" stopIfTrue="1">
      <formula>ISBLANK(AH20)=TRUE</formula>
    </cfRule>
    <cfRule type="expression" dxfId="9268" priority="9267" stopIfTrue="1">
      <formula>INDIRECT("第１の３表②!"&amp;CELL("address",DA20))="×××"</formula>
    </cfRule>
    <cfRule type="expression" dxfId="9267" priority="9268" stopIfTrue="1">
      <formula>INDIRECT("第１の３表②!"&amp;CELL("address",DA20))="××"</formula>
    </cfRule>
    <cfRule type="expression" dxfId="9266" priority="9269" stopIfTrue="1">
      <formula>INDIRECT("第１の３表②!"&amp;CELL("address",DA20))="×"</formula>
    </cfRule>
    <cfRule type="expression" dxfId="9265" priority="9270" stopIfTrue="1">
      <formula>ISBLANK(AH20)=FALSE</formula>
    </cfRule>
  </conditionalFormatting>
  <conditionalFormatting sqref="AH20:AI21">
    <cfRule type="expression" dxfId="9264" priority="9261" stopIfTrue="1">
      <formula>ISBLANK(AH20)=TRUE</formula>
    </cfRule>
    <cfRule type="expression" dxfId="9263" priority="9262" stopIfTrue="1">
      <formula>INDIRECT("第１の３表②!"&amp;CELL("address",DA20))="×××"</formula>
    </cfRule>
    <cfRule type="expression" dxfId="9262" priority="9263" stopIfTrue="1">
      <formula>INDIRECT("第１の３表②!"&amp;CELL("address",DA20))="××"</formula>
    </cfRule>
    <cfRule type="expression" dxfId="9261" priority="9264" stopIfTrue="1">
      <formula>INDIRECT("第１の３表②!"&amp;CELL("address",DA20))="×"</formula>
    </cfRule>
    <cfRule type="expression" dxfId="9260" priority="9265" stopIfTrue="1">
      <formula>ISBLANK(AH20)=FALSE</formula>
    </cfRule>
  </conditionalFormatting>
  <conditionalFormatting sqref="AK20:AL21">
    <cfRule type="expression" dxfId="9259" priority="9256" stopIfTrue="1">
      <formula>ISBLANK(AK20)=TRUE</formula>
    </cfRule>
    <cfRule type="expression" dxfId="9258" priority="9257" stopIfTrue="1">
      <formula>INDIRECT("第１の３表②!"&amp;CELL("address",DD20))="×××"</formula>
    </cfRule>
    <cfRule type="expression" dxfId="9257" priority="9258" stopIfTrue="1">
      <formula>INDIRECT("第１の３表②!"&amp;CELL("address",DD20))="××"</formula>
    </cfRule>
    <cfRule type="expression" dxfId="9256" priority="9259" stopIfTrue="1">
      <formula>INDIRECT("第１の３表②!"&amp;CELL("address",DD20))="×"</formula>
    </cfRule>
    <cfRule type="expression" dxfId="9255" priority="9260" stopIfTrue="1">
      <formula>ISBLANK(AK20)=FALSE</formula>
    </cfRule>
  </conditionalFormatting>
  <conditionalFormatting sqref="AK20:AL21">
    <cfRule type="expression" dxfId="9254" priority="9251" stopIfTrue="1">
      <formula>ISBLANK(AK20)=TRUE</formula>
    </cfRule>
    <cfRule type="expression" dxfId="9253" priority="9252" stopIfTrue="1">
      <formula>INDIRECT("第１の３表②!"&amp;CELL("address",DD20))="×××"</formula>
    </cfRule>
    <cfRule type="expression" dxfId="9252" priority="9253" stopIfTrue="1">
      <formula>INDIRECT("第１の３表②!"&amp;CELL("address",DD20))="××"</formula>
    </cfRule>
    <cfRule type="expression" dxfId="9251" priority="9254" stopIfTrue="1">
      <formula>INDIRECT("第１の３表②!"&amp;CELL("address",DD20))="×"</formula>
    </cfRule>
    <cfRule type="expression" dxfId="9250" priority="9255" stopIfTrue="1">
      <formula>ISBLANK(AK20)=FALSE</formula>
    </cfRule>
  </conditionalFormatting>
  <conditionalFormatting sqref="AK20:AL21">
    <cfRule type="expression" dxfId="9249" priority="9246" stopIfTrue="1">
      <formula>ISBLANK(AK20)=TRUE</formula>
    </cfRule>
    <cfRule type="expression" dxfId="9248" priority="9247" stopIfTrue="1">
      <formula>INDIRECT("第１の３表②!"&amp;CELL("address",DD20))="×××"</formula>
    </cfRule>
    <cfRule type="expression" dxfId="9247" priority="9248" stopIfTrue="1">
      <formula>INDIRECT("第１の３表②!"&amp;CELL("address",DD20))="××"</formula>
    </cfRule>
    <cfRule type="expression" dxfId="9246" priority="9249" stopIfTrue="1">
      <formula>INDIRECT("第１の３表②!"&amp;CELL("address",DD20))="×"</formula>
    </cfRule>
    <cfRule type="expression" dxfId="9245" priority="9250" stopIfTrue="1">
      <formula>ISBLANK(AK20)=FALSE</formula>
    </cfRule>
  </conditionalFormatting>
  <conditionalFormatting sqref="AN20:AO21">
    <cfRule type="expression" dxfId="9244" priority="9241" stopIfTrue="1">
      <formula>ISBLANK(AN20)=TRUE</formula>
    </cfRule>
    <cfRule type="expression" dxfId="9243" priority="9242" stopIfTrue="1">
      <formula>INDIRECT("第１の３表②!"&amp;CELL("address",DG20))="×××"</formula>
    </cfRule>
    <cfRule type="expression" dxfId="9242" priority="9243" stopIfTrue="1">
      <formula>INDIRECT("第１の３表②!"&amp;CELL("address",DG20))="××"</formula>
    </cfRule>
    <cfRule type="expression" dxfId="9241" priority="9244" stopIfTrue="1">
      <formula>INDIRECT("第１の３表②!"&amp;CELL("address",DG20))="×"</formula>
    </cfRule>
    <cfRule type="expression" dxfId="9240" priority="9245" stopIfTrue="1">
      <formula>ISBLANK(AN20)=FALSE</formula>
    </cfRule>
  </conditionalFormatting>
  <conditionalFormatting sqref="AN20:AO21">
    <cfRule type="expression" dxfId="9239" priority="9236" stopIfTrue="1">
      <formula>ISBLANK(AN20)=TRUE</formula>
    </cfRule>
    <cfRule type="expression" dxfId="9238" priority="9237" stopIfTrue="1">
      <formula>INDIRECT("第１の３表②!"&amp;CELL("address",DG20))="×××"</formula>
    </cfRule>
    <cfRule type="expression" dxfId="9237" priority="9238" stopIfTrue="1">
      <formula>INDIRECT("第１の３表②!"&amp;CELL("address",DG20))="××"</formula>
    </cfRule>
    <cfRule type="expression" dxfId="9236" priority="9239" stopIfTrue="1">
      <formula>INDIRECT("第１の３表②!"&amp;CELL("address",DG20))="×"</formula>
    </cfRule>
    <cfRule type="expression" dxfId="9235" priority="9240" stopIfTrue="1">
      <formula>ISBLANK(AN20)=FALSE</formula>
    </cfRule>
  </conditionalFormatting>
  <conditionalFormatting sqref="AN20:AO21">
    <cfRule type="expression" dxfId="9234" priority="9231" stopIfTrue="1">
      <formula>ISBLANK(AN20)=TRUE</formula>
    </cfRule>
    <cfRule type="expression" dxfId="9233" priority="9232" stopIfTrue="1">
      <formula>INDIRECT("第１の３表②!"&amp;CELL("address",DG20))="×××"</formula>
    </cfRule>
    <cfRule type="expression" dxfId="9232" priority="9233" stopIfTrue="1">
      <formula>INDIRECT("第１の３表②!"&amp;CELL("address",DG20))="××"</formula>
    </cfRule>
    <cfRule type="expression" dxfId="9231" priority="9234" stopIfTrue="1">
      <formula>INDIRECT("第１の３表②!"&amp;CELL("address",DG20))="×"</formula>
    </cfRule>
    <cfRule type="expression" dxfId="9230" priority="9235" stopIfTrue="1">
      <formula>ISBLANK(AN20)=FALSE</formula>
    </cfRule>
  </conditionalFormatting>
  <conditionalFormatting sqref="AQ20:AR21">
    <cfRule type="expression" dxfId="9229" priority="9226" stopIfTrue="1">
      <formula>ISBLANK(AQ20)=TRUE</formula>
    </cfRule>
    <cfRule type="expression" dxfId="9228" priority="9227" stopIfTrue="1">
      <formula>INDIRECT("第１の３表②!"&amp;CELL("address",DJ20))="×××"</formula>
    </cfRule>
    <cfRule type="expression" dxfId="9227" priority="9228" stopIfTrue="1">
      <formula>INDIRECT("第１の３表②!"&amp;CELL("address",DJ20))="××"</formula>
    </cfRule>
    <cfRule type="expression" dxfId="9226" priority="9229" stopIfTrue="1">
      <formula>INDIRECT("第１の３表②!"&amp;CELL("address",DJ20))="×"</formula>
    </cfRule>
    <cfRule type="expression" dxfId="9225" priority="9230" stopIfTrue="1">
      <formula>ISBLANK(AQ20)=FALSE</formula>
    </cfRule>
  </conditionalFormatting>
  <conditionalFormatting sqref="AQ20:AR21">
    <cfRule type="expression" dxfId="9224" priority="9221" stopIfTrue="1">
      <formula>ISBLANK(AQ20)=TRUE</formula>
    </cfRule>
    <cfRule type="expression" dxfId="9223" priority="9222" stopIfTrue="1">
      <formula>INDIRECT("第１の３表②!"&amp;CELL("address",DJ20))="×××"</formula>
    </cfRule>
    <cfRule type="expression" dxfId="9222" priority="9223" stopIfTrue="1">
      <formula>INDIRECT("第１の３表②!"&amp;CELL("address",DJ20))="××"</formula>
    </cfRule>
    <cfRule type="expression" dxfId="9221" priority="9224" stopIfTrue="1">
      <formula>INDIRECT("第１の３表②!"&amp;CELL("address",DJ20))="×"</formula>
    </cfRule>
    <cfRule type="expression" dxfId="9220" priority="9225" stopIfTrue="1">
      <formula>ISBLANK(AQ20)=FALSE</formula>
    </cfRule>
  </conditionalFormatting>
  <conditionalFormatting sqref="AQ20:AR21">
    <cfRule type="expression" dxfId="9219" priority="9216" stopIfTrue="1">
      <formula>ISBLANK(AQ20)=TRUE</formula>
    </cfRule>
    <cfRule type="expression" dxfId="9218" priority="9217" stopIfTrue="1">
      <formula>INDIRECT("第１の３表②!"&amp;CELL("address",DJ20))="×××"</formula>
    </cfRule>
    <cfRule type="expression" dxfId="9217" priority="9218" stopIfTrue="1">
      <formula>INDIRECT("第１の３表②!"&amp;CELL("address",DJ20))="××"</formula>
    </cfRule>
    <cfRule type="expression" dxfId="9216" priority="9219" stopIfTrue="1">
      <formula>INDIRECT("第１の３表②!"&amp;CELL("address",DJ20))="×"</formula>
    </cfRule>
    <cfRule type="expression" dxfId="9215" priority="9220" stopIfTrue="1">
      <formula>ISBLANK(AQ20)=FALSE</formula>
    </cfRule>
  </conditionalFormatting>
  <conditionalFormatting sqref="AT20:AU21">
    <cfRule type="expression" dxfId="9214" priority="9211" stopIfTrue="1">
      <formula>ISBLANK(AT20)=TRUE</formula>
    </cfRule>
    <cfRule type="expression" dxfId="9213" priority="9212" stopIfTrue="1">
      <formula>INDIRECT("第１の３表②!"&amp;CELL("address",DM20))="×××"</formula>
    </cfRule>
    <cfRule type="expression" dxfId="9212" priority="9213" stopIfTrue="1">
      <formula>INDIRECT("第１の３表②!"&amp;CELL("address",DM20))="××"</formula>
    </cfRule>
    <cfRule type="expression" dxfId="9211" priority="9214" stopIfTrue="1">
      <formula>INDIRECT("第１の３表②!"&amp;CELL("address",DM20))="×"</formula>
    </cfRule>
    <cfRule type="expression" dxfId="9210" priority="9215" stopIfTrue="1">
      <formula>ISBLANK(AT20)=FALSE</formula>
    </cfRule>
  </conditionalFormatting>
  <conditionalFormatting sqref="AT20:AU21">
    <cfRule type="expression" dxfId="9209" priority="9206" stopIfTrue="1">
      <formula>ISBLANK(AT20)=TRUE</formula>
    </cfRule>
    <cfRule type="expression" dxfId="9208" priority="9207" stopIfTrue="1">
      <formula>INDIRECT("第１の３表②!"&amp;CELL("address",DM20))="×××"</formula>
    </cfRule>
    <cfRule type="expression" dxfId="9207" priority="9208" stopIfTrue="1">
      <formula>INDIRECT("第１の３表②!"&amp;CELL("address",DM20))="××"</formula>
    </cfRule>
    <cfRule type="expression" dxfId="9206" priority="9209" stopIfTrue="1">
      <formula>INDIRECT("第１の３表②!"&amp;CELL("address",DM20))="×"</formula>
    </cfRule>
    <cfRule type="expression" dxfId="9205" priority="9210" stopIfTrue="1">
      <formula>ISBLANK(AT20)=FALSE</formula>
    </cfRule>
  </conditionalFormatting>
  <conditionalFormatting sqref="AT20:AU21">
    <cfRule type="expression" dxfId="9204" priority="9201" stopIfTrue="1">
      <formula>ISBLANK(AT20)=TRUE</formula>
    </cfRule>
    <cfRule type="expression" dxfId="9203" priority="9202" stopIfTrue="1">
      <formula>INDIRECT("第１の３表②!"&amp;CELL("address",DM20))="×××"</formula>
    </cfRule>
    <cfRule type="expression" dxfId="9202" priority="9203" stopIfTrue="1">
      <formula>INDIRECT("第１の３表②!"&amp;CELL("address",DM20))="××"</formula>
    </cfRule>
    <cfRule type="expression" dxfId="9201" priority="9204" stopIfTrue="1">
      <formula>INDIRECT("第１の３表②!"&amp;CELL("address",DM20))="×"</formula>
    </cfRule>
    <cfRule type="expression" dxfId="9200" priority="9205" stopIfTrue="1">
      <formula>ISBLANK(AT20)=FALSE</formula>
    </cfRule>
  </conditionalFormatting>
  <conditionalFormatting sqref="AW20:AX21">
    <cfRule type="expression" dxfId="9199" priority="9196" stopIfTrue="1">
      <formula>ISBLANK(AW20)=TRUE</formula>
    </cfRule>
    <cfRule type="expression" dxfId="9198" priority="9197" stopIfTrue="1">
      <formula>INDIRECT("第１の３表②!"&amp;CELL("address",DP20))="×××"</formula>
    </cfRule>
    <cfRule type="expression" dxfId="9197" priority="9198" stopIfTrue="1">
      <formula>INDIRECT("第１の３表②!"&amp;CELL("address",DP20))="××"</formula>
    </cfRule>
    <cfRule type="expression" dxfId="9196" priority="9199" stopIfTrue="1">
      <formula>INDIRECT("第１の３表②!"&amp;CELL("address",DP20))="×"</formula>
    </cfRule>
    <cfRule type="expression" dxfId="9195" priority="9200" stopIfTrue="1">
      <formula>ISBLANK(AW20)=FALSE</formula>
    </cfRule>
  </conditionalFormatting>
  <conditionalFormatting sqref="AW20:AX21">
    <cfRule type="expression" dxfId="9194" priority="9191" stopIfTrue="1">
      <formula>ISBLANK(AW20)=TRUE</formula>
    </cfRule>
    <cfRule type="expression" dxfId="9193" priority="9192" stopIfTrue="1">
      <formula>INDIRECT("第１の３表②!"&amp;CELL("address",DP20))="×××"</formula>
    </cfRule>
    <cfRule type="expression" dxfId="9192" priority="9193" stopIfTrue="1">
      <formula>INDIRECT("第１の３表②!"&amp;CELL("address",DP20))="××"</formula>
    </cfRule>
    <cfRule type="expression" dxfId="9191" priority="9194" stopIfTrue="1">
      <formula>INDIRECT("第１の３表②!"&amp;CELL("address",DP20))="×"</formula>
    </cfRule>
    <cfRule type="expression" dxfId="9190" priority="9195" stopIfTrue="1">
      <formula>ISBLANK(AW20)=FALSE</formula>
    </cfRule>
  </conditionalFormatting>
  <conditionalFormatting sqref="AW20:AX21">
    <cfRule type="expression" dxfId="9189" priority="9186" stopIfTrue="1">
      <formula>ISBLANK(AW20)=TRUE</formula>
    </cfRule>
    <cfRule type="expression" dxfId="9188" priority="9187" stopIfTrue="1">
      <formula>INDIRECT("第１の３表②!"&amp;CELL("address",DP20))="×××"</formula>
    </cfRule>
    <cfRule type="expression" dxfId="9187" priority="9188" stopIfTrue="1">
      <formula>INDIRECT("第１の３表②!"&amp;CELL("address",DP20))="××"</formula>
    </cfRule>
    <cfRule type="expression" dxfId="9186" priority="9189" stopIfTrue="1">
      <formula>INDIRECT("第１の３表②!"&amp;CELL("address",DP20))="×"</formula>
    </cfRule>
    <cfRule type="expression" dxfId="9185" priority="9190" stopIfTrue="1">
      <formula>ISBLANK(AW20)=FALSE</formula>
    </cfRule>
  </conditionalFormatting>
  <conditionalFormatting sqref="AZ20:BA21">
    <cfRule type="expression" dxfId="9184" priority="9181" stopIfTrue="1">
      <formula>ISBLANK(AZ20)=TRUE</formula>
    </cfRule>
    <cfRule type="expression" dxfId="9183" priority="9182" stopIfTrue="1">
      <formula>INDIRECT("第１の３表②!"&amp;CELL("address",DS20))="×××"</formula>
    </cfRule>
    <cfRule type="expression" dxfId="9182" priority="9183" stopIfTrue="1">
      <formula>INDIRECT("第１の３表②!"&amp;CELL("address",DS20))="××"</formula>
    </cfRule>
    <cfRule type="expression" dxfId="9181" priority="9184" stopIfTrue="1">
      <formula>INDIRECT("第１の３表②!"&amp;CELL("address",DS20))="×"</formula>
    </cfRule>
    <cfRule type="expression" dxfId="9180" priority="9185" stopIfTrue="1">
      <formula>ISBLANK(AZ20)=FALSE</formula>
    </cfRule>
  </conditionalFormatting>
  <conditionalFormatting sqref="AZ20:BA21">
    <cfRule type="expression" dxfId="9179" priority="9176" stopIfTrue="1">
      <formula>ISBLANK(AZ20)=TRUE</formula>
    </cfRule>
    <cfRule type="expression" dxfId="9178" priority="9177" stopIfTrue="1">
      <formula>INDIRECT("第１の３表②!"&amp;CELL("address",DS20))="×××"</formula>
    </cfRule>
    <cfRule type="expression" dxfId="9177" priority="9178" stopIfTrue="1">
      <formula>INDIRECT("第１の３表②!"&amp;CELL("address",DS20))="××"</formula>
    </cfRule>
    <cfRule type="expression" dxfId="9176" priority="9179" stopIfTrue="1">
      <formula>INDIRECT("第１の３表②!"&amp;CELL("address",DS20))="×"</formula>
    </cfRule>
    <cfRule type="expression" dxfId="9175" priority="9180" stopIfTrue="1">
      <formula>ISBLANK(AZ20)=FALSE</formula>
    </cfRule>
  </conditionalFormatting>
  <conditionalFormatting sqref="AZ20:BA21">
    <cfRule type="expression" dxfId="9174" priority="9171" stopIfTrue="1">
      <formula>ISBLANK(AZ20)=TRUE</formula>
    </cfRule>
    <cfRule type="expression" dxfId="9173" priority="9172" stopIfTrue="1">
      <formula>INDIRECT("第１の３表②!"&amp;CELL("address",DS20))="×××"</formula>
    </cfRule>
    <cfRule type="expression" dxfId="9172" priority="9173" stopIfTrue="1">
      <formula>INDIRECT("第１の３表②!"&amp;CELL("address",DS20))="××"</formula>
    </cfRule>
    <cfRule type="expression" dxfId="9171" priority="9174" stopIfTrue="1">
      <formula>INDIRECT("第１の３表②!"&amp;CELL("address",DS20))="×"</formula>
    </cfRule>
    <cfRule type="expression" dxfId="9170" priority="9175" stopIfTrue="1">
      <formula>ISBLANK(AZ20)=FALSE</formula>
    </cfRule>
  </conditionalFormatting>
  <conditionalFormatting sqref="BC20:BD21">
    <cfRule type="expression" dxfId="9169" priority="9166" stopIfTrue="1">
      <formula>ISBLANK(BC20)=TRUE</formula>
    </cfRule>
    <cfRule type="expression" dxfId="9168" priority="9167" stopIfTrue="1">
      <formula>INDIRECT("第１の３表②!"&amp;CELL("address",DV20))="×××"</formula>
    </cfRule>
    <cfRule type="expression" dxfId="9167" priority="9168" stopIfTrue="1">
      <formula>INDIRECT("第１の３表②!"&amp;CELL("address",DV20))="××"</formula>
    </cfRule>
    <cfRule type="expression" dxfId="9166" priority="9169" stopIfTrue="1">
      <formula>INDIRECT("第１の３表②!"&amp;CELL("address",DV20))="×"</formula>
    </cfRule>
    <cfRule type="expression" dxfId="9165" priority="9170" stopIfTrue="1">
      <formula>ISBLANK(BC20)=FALSE</formula>
    </cfRule>
  </conditionalFormatting>
  <conditionalFormatting sqref="BC20:BD21">
    <cfRule type="expression" dxfId="9164" priority="9161" stopIfTrue="1">
      <formula>ISBLANK(BC20)=TRUE</formula>
    </cfRule>
    <cfRule type="expression" dxfId="9163" priority="9162" stopIfTrue="1">
      <formula>INDIRECT("第１の３表②!"&amp;CELL("address",DV20))="×××"</formula>
    </cfRule>
    <cfRule type="expression" dxfId="9162" priority="9163" stopIfTrue="1">
      <formula>INDIRECT("第１の３表②!"&amp;CELL("address",DV20))="××"</formula>
    </cfRule>
    <cfRule type="expression" dxfId="9161" priority="9164" stopIfTrue="1">
      <formula>INDIRECT("第１の３表②!"&amp;CELL("address",DV20))="×"</formula>
    </cfRule>
    <cfRule type="expression" dxfId="9160" priority="9165" stopIfTrue="1">
      <formula>ISBLANK(BC20)=FALSE</formula>
    </cfRule>
  </conditionalFormatting>
  <conditionalFormatting sqref="BC20:BD21">
    <cfRule type="expression" dxfId="9159" priority="9156" stopIfTrue="1">
      <formula>ISBLANK(BC20)=TRUE</formula>
    </cfRule>
    <cfRule type="expression" dxfId="9158" priority="9157" stopIfTrue="1">
      <formula>INDIRECT("第１の３表②!"&amp;CELL("address",DV20))="×××"</formula>
    </cfRule>
    <cfRule type="expression" dxfId="9157" priority="9158" stopIfTrue="1">
      <formula>INDIRECT("第１の３表②!"&amp;CELL("address",DV20))="××"</formula>
    </cfRule>
    <cfRule type="expression" dxfId="9156" priority="9159" stopIfTrue="1">
      <formula>INDIRECT("第１の３表②!"&amp;CELL("address",DV20))="×"</formula>
    </cfRule>
    <cfRule type="expression" dxfId="9155" priority="9160" stopIfTrue="1">
      <formula>ISBLANK(BC20)=FALSE</formula>
    </cfRule>
  </conditionalFormatting>
  <conditionalFormatting sqref="BF20:BG21">
    <cfRule type="expression" dxfId="9154" priority="9151" stopIfTrue="1">
      <formula>ISBLANK(BF20)=TRUE</formula>
    </cfRule>
    <cfRule type="expression" dxfId="9153" priority="9152" stopIfTrue="1">
      <formula>INDIRECT("第１の３表②!"&amp;CELL("address",DY20))="×××"</formula>
    </cfRule>
    <cfRule type="expression" dxfId="9152" priority="9153" stopIfTrue="1">
      <formula>INDIRECT("第１の３表②!"&amp;CELL("address",DY20))="××"</formula>
    </cfRule>
    <cfRule type="expression" dxfId="9151" priority="9154" stopIfTrue="1">
      <formula>INDIRECT("第１の３表②!"&amp;CELL("address",DY20))="×"</formula>
    </cfRule>
    <cfRule type="expression" dxfId="9150" priority="9155" stopIfTrue="1">
      <formula>ISBLANK(BF20)=FALSE</formula>
    </cfRule>
  </conditionalFormatting>
  <conditionalFormatting sqref="BF20:BG21">
    <cfRule type="expression" dxfId="9149" priority="9146" stopIfTrue="1">
      <formula>ISBLANK(BF20)=TRUE</formula>
    </cfRule>
    <cfRule type="expression" dxfId="9148" priority="9147" stopIfTrue="1">
      <formula>INDIRECT("第１の３表②!"&amp;CELL("address",DY20))="×××"</formula>
    </cfRule>
    <cfRule type="expression" dxfId="9147" priority="9148" stopIfTrue="1">
      <formula>INDIRECT("第１の３表②!"&amp;CELL("address",DY20))="××"</formula>
    </cfRule>
    <cfRule type="expression" dxfId="9146" priority="9149" stopIfTrue="1">
      <formula>INDIRECT("第１の３表②!"&amp;CELL("address",DY20))="×"</formula>
    </cfRule>
    <cfRule type="expression" dxfId="9145" priority="9150" stopIfTrue="1">
      <formula>ISBLANK(BF20)=FALSE</formula>
    </cfRule>
  </conditionalFormatting>
  <conditionalFormatting sqref="BF20:BG21">
    <cfRule type="expression" dxfId="9144" priority="9141" stopIfTrue="1">
      <formula>ISBLANK(BF20)=TRUE</formula>
    </cfRule>
    <cfRule type="expression" dxfId="9143" priority="9142" stopIfTrue="1">
      <formula>INDIRECT("第１の３表②!"&amp;CELL("address",DY20))="×××"</formula>
    </cfRule>
    <cfRule type="expression" dxfId="9142" priority="9143" stopIfTrue="1">
      <formula>INDIRECT("第１の３表②!"&amp;CELL("address",DY20))="××"</formula>
    </cfRule>
    <cfRule type="expression" dxfId="9141" priority="9144" stopIfTrue="1">
      <formula>INDIRECT("第１の３表②!"&amp;CELL("address",DY20))="×"</formula>
    </cfRule>
    <cfRule type="expression" dxfId="9140" priority="9145" stopIfTrue="1">
      <formula>ISBLANK(BF20)=FALSE</formula>
    </cfRule>
  </conditionalFormatting>
  <conditionalFormatting sqref="BI20:BJ21">
    <cfRule type="expression" dxfId="9139" priority="9136" stopIfTrue="1">
      <formula>ISBLANK(BI20)=TRUE</formula>
    </cfRule>
    <cfRule type="expression" dxfId="9138" priority="9137" stopIfTrue="1">
      <formula>INDIRECT("第１の３表②!"&amp;CELL("address",EB20))="×××"</formula>
    </cfRule>
    <cfRule type="expression" dxfId="9137" priority="9138" stopIfTrue="1">
      <formula>INDIRECT("第１の３表②!"&amp;CELL("address",EB20))="××"</formula>
    </cfRule>
    <cfRule type="expression" dxfId="9136" priority="9139" stopIfTrue="1">
      <formula>INDIRECT("第１の３表②!"&amp;CELL("address",EB20))="×"</formula>
    </cfRule>
    <cfRule type="expression" dxfId="9135" priority="9140" stopIfTrue="1">
      <formula>ISBLANK(BI20)=FALSE</formula>
    </cfRule>
  </conditionalFormatting>
  <conditionalFormatting sqref="BI20:BJ21">
    <cfRule type="expression" dxfId="9134" priority="9131" stopIfTrue="1">
      <formula>ISBLANK(BI20)=TRUE</formula>
    </cfRule>
    <cfRule type="expression" dxfId="9133" priority="9132" stopIfTrue="1">
      <formula>INDIRECT("第１の３表②!"&amp;CELL("address",EB20))="×××"</formula>
    </cfRule>
    <cfRule type="expression" dxfId="9132" priority="9133" stopIfTrue="1">
      <formula>INDIRECT("第１の３表②!"&amp;CELL("address",EB20))="××"</formula>
    </cfRule>
    <cfRule type="expression" dxfId="9131" priority="9134" stopIfTrue="1">
      <formula>INDIRECT("第１の３表②!"&amp;CELL("address",EB20))="×"</formula>
    </cfRule>
    <cfRule type="expression" dxfId="9130" priority="9135" stopIfTrue="1">
      <formula>ISBLANK(BI20)=FALSE</formula>
    </cfRule>
  </conditionalFormatting>
  <conditionalFormatting sqref="BI20:BJ21">
    <cfRule type="expression" dxfId="9129" priority="9126" stopIfTrue="1">
      <formula>ISBLANK(BI20)=TRUE</formula>
    </cfRule>
    <cfRule type="expression" dxfId="9128" priority="9127" stopIfTrue="1">
      <formula>INDIRECT("第１の３表②!"&amp;CELL("address",EB20))="×××"</formula>
    </cfRule>
    <cfRule type="expression" dxfId="9127" priority="9128" stopIfTrue="1">
      <formula>INDIRECT("第１の３表②!"&amp;CELL("address",EB20))="××"</formula>
    </cfRule>
    <cfRule type="expression" dxfId="9126" priority="9129" stopIfTrue="1">
      <formula>INDIRECT("第１の３表②!"&amp;CELL("address",EB20))="×"</formula>
    </cfRule>
    <cfRule type="expression" dxfId="9125" priority="9130" stopIfTrue="1">
      <formula>ISBLANK(BI20)=FALSE</formula>
    </cfRule>
  </conditionalFormatting>
  <conditionalFormatting sqref="BL20:BM21">
    <cfRule type="expression" dxfId="9124" priority="9121" stopIfTrue="1">
      <formula>ISBLANK(BL20)=TRUE</formula>
    </cfRule>
    <cfRule type="expression" dxfId="9123" priority="9122" stopIfTrue="1">
      <formula>INDIRECT("第１の３表②!"&amp;CELL("address",EE20))="×××"</formula>
    </cfRule>
    <cfRule type="expression" dxfId="9122" priority="9123" stopIfTrue="1">
      <formula>INDIRECT("第１の３表②!"&amp;CELL("address",EE20))="××"</formula>
    </cfRule>
    <cfRule type="expression" dxfId="9121" priority="9124" stopIfTrue="1">
      <formula>INDIRECT("第１の３表②!"&amp;CELL("address",EE20))="×"</formula>
    </cfRule>
    <cfRule type="expression" dxfId="9120" priority="9125" stopIfTrue="1">
      <formula>ISBLANK(BL20)=FALSE</formula>
    </cfRule>
  </conditionalFormatting>
  <conditionalFormatting sqref="BL20:BM21">
    <cfRule type="expression" dxfId="9119" priority="9116" stopIfTrue="1">
      <formula>ISBLANK(BL20)=TRUE</formula>
    </cfRule>
    <cfRule type="expression" dxfId="9118" priority="9117" stopIfTrue="1">
      <formula>INDIRECT("第１の３表②!"&amp;CELL("address",EE20))="×××"</formula>
    </cfRule>
    <cfRule type="expression" dxfId="9117" priority="9118" stopIfTrue="1">
      <formula>INDIRECT("第１の３表②!"&amp;CELL("address",EE20))="××"</formula>
    </cfRule>
    <cfRule type="expression" dxfId="9116" priority="9119" stopIfTrue="1">
      <formula>INDIRECT("第１の３表②!"&amp;CELL("address",EE20))="×"</formula>
    </cfRule>
    <cfRule type="expression" dxfId="9115" priority="9120" stopIfTrue="1">
      <formula>ISBLANK(BL20)=FALSE</formula>
    </cfRule>
  </conditionalFormatting>
  <conditionalFormatting sqref="BL20:BM21">
    <cfRule type="expression" dxfId="9114" priority="9111" stopIfTrue="1">
      <formula>ISBLANK(BL20)=TRUE</formula>
    </cfRule>
    <cfRule type="expression" dxfId="9113" priority="9112" stopIfTrue="1">
      <formula>INDIRECT("第１の３表②!"&amp;CELL("address",EE20))="×××"</formula>
    </cfRule>
    <cfRule type="expression" dxfId="9112" priority="9113" stopIfTrue="1">
      <formula>INDIRECT("第１の３表②!"&amp;CELL("address",EE20))="××"</formula>
    </cfRule>
    <cfRule type="expression" dxfId="9111" priority="9114" stopIfTrue="1">
      <formula>INDIRECT("第１の３表②!"&amp;CELL("address",EE20))="×"</formula>
    </cfRule>
    <cfRule type="expression" dxfId="9110" priority="9115" stopIfTrue="1">
      <formula>ISBLANK(BL20)=FALSE</formula>
    </cfRule>
  </conditionalFormatting>
  <conditionalFormatting sqref="BO20:BP21">
    <cfRule type="expression" dxfId="9109" priority="9106" stopIfTrue="1">
      <formula>ISBLANK(BO20)=TRUE</formula>
    </cfRule>
    <cfRule type="expression" dxfId="9108" priority="9107" stopIfTrue="1">
      <formula>INDIRECT("第１の３表②!"&amp;CELL("address",EH20))="×××"</formula>
    </cfRule>
    <cfRule type="expression" dxfId="9107" priority="9108" stopIfTrue="1">
      <formula>INDIRECT("第１の３表②!"&amp;CELL("address",EH20))="××"</formula>
    </cfRule>
    <cfRule type="expression" dxfId="9106" priority="9109" stopIfTrue="1">
      <formula>INDIRECT("第１の３表②!"&amp;CELL("address",EH20))="×"</formula>
    </cfRule>
    <cfRule type="expression" dxfId="9105" priority="9110" stopIfTrue="1">
      <formula>ISBLANK(BO20)=FALSE</formula>
    </cfRule>
  </conditionalFormatting>
  <conditionalFormatting sqref="BO20:BP21">
    <cfRule type="expression" dxfId="9104" priority="9101" stopIfTrue="1">
      <formula>ISBLANK(BO20)=TRUE</formula>
    </cfRule>
    <cfRule type="expression" dxfId="9103" priority="9102" stopIfTrue="1">
      <formula>INDIRECT("第１の３表②!"&amp;CELL("address",EH20))="×××"</formula>
    </cfRule>
    <cfRule type="expression" dxfId="9102" priority="9103" stopIfTrue="1">
      <formula>INDIRECT("第１の３表②!"&amp;CELL("address",EH20))="××"</formula>
    </cfRule>
    <cfRule type="expression" dxfId="9101" priority="9104" stopIfTrue="1">
      <formula>INDIRECT("第１の３表②!"&amp;CELL("address",EH20))="×"</formula>
    </cfRule>
    <cfRule type="expression" dxfId="9100" priority="9105" stopIfTrue="1">
      <formula>ISBLANK(BO20)=FALSE</formula>
    </cfRule>
  </conditionalFormatting>
  <conditionalFormatting sqref="BO20:BP21">
    <cfRule type="expression" dxfId="9099" priority="9096" stopIfTrue="1">
      <formula>ISBLANK(BO20)=TRUE</formula>
    </cfRule>
    <cfRule type="expression" dxfId="9098" priority="9097" stopIfTrue="1">
      <formula>INDIRECT("第１の３表②!"&amp;CELL("address",EH20))="×××"</formula>
    </cfRule>
    <cfRule type="expression" dxfId="9097" priority="9098" stopIfTrue="1">
      <formula>INDIRECT("第１の３表②!"&amp;CELL("address",EH20))="××"</formula>
    </cfRule>
    <cfRule type="expression" dxfId="9096" priority="9099" stopIfTrue="1">
      <formula>INDIRECT("第１の３表②!"&amp;CELL("address",EH20))="×"</formula>
    </cfRule>
    <cfRule type="expression" dxfId="9095" priority="9100" stopIfTrue="1">
      <formula>ISBLANK(BO20)=FALSE</formula>
    </cfRule>
  </conditionalFormatting>
  <conditionalFormatting sqref="J23:K24">
    <cfRule type="expression" dxfId="9094" priority="9091" stopIfTrue="1">
      <formula>ISBLANK(J23)=TRUE</formula>
    </cfRule>
    <cfRule type="expression" dxfId="9093" priority="9092" stopIfTrue="1">
      <formula>INDIRECT("第１の３表②!"&amp;CELL("address",CC23))="×××"</formula>
    </cfRule>
    <cfRule type="expression" dxfId="9092" priority="9093" stopIfTrue="1">
      <formula>INDIRECT("第１の３表②!"&amp;CELL("address",CC23))="××"</formula>
    </cfRule>
    <cfRule type="expression" dxfId="9091" priority="9094" stopIfTrue="1">
      <formula>INDIRECT("第１の３表②!"&amp;CELL("address",CC23))="×"</formula>
    </cfRule>
    <cfRule type="expression" dxfId="9090" priority="9095" stopIfTrue="1">
      <formula>ISBLANK(J23)=FALSE</formula>
    </cfRule>
  </conditionalFormatting>
  <conditionalFormatting sqref="J23:K24">
    <cfRule type="expression" dxfId="9089" priority="9086" stopIfTrue="1">
      <formula>ISBLANK(J23)=TRUE</formula>
    </cfRule>
    <cfRule type="expression" dxfId="9088" priority="9087" stopIfTrue="1">
      <formula>INDIRECT("第１の３表②!"&amp;CELL("address",CC23))="×××"</formula>
    </cfRule>
    <cfRule type="expression" dxfId="9087" priority="9088" stopIfTrue="1">
      <formula>INDIRECT("第１の３表②!"&amp;CELL("address",CC23))="××"</formula>
    </cfRule>
    <cfRule type="expression" dxfId="9086" priority="9089" stopIfTrue="1">
      <formula>INDIRECT("第１の３表②!"&amp;CELL("address",CC23))="×"</formula>
    </cfRule>
    <cfRule type="expression" dxfId="9085" priority="9090" stopIfTrue="1">
      <formula>ISBLANK(J23)=FALSE</formula>
    </cfRule>
  </conditionalFormatting>
  <conditionalFormatting sqref="J23:K24">
    <cfRule type="expression" dxfId="9084" priority="9081" stopIfTrue="1">
      <formula>ISBLANK(J23)=TRUE</formula>
    </cfRule>
    <cfRule type="expression" dxfId="9083" priority="9082" stopIfTrue="1">
      <formula>INDIRECT("第１の３表②!"&amp;CELL("address",CC23))="×××"</formula>
    </cfRule>
    <cfRule type="expression" dxfId="9082" priority="9083" stopIfTrue="1">
      <formula>INDIRECT("第１の３表②!"&amp;CELL("address",CC23))="××"</formula>
    </cfRule>
    <cfRule type="expression" dxfId="9081" priority="9084" stopIfTrue="1">
      <formula>INDIRECT("第１の３表②!"&amp;CELL("address",CC23))="×"</formula>
    </cfRule>
    <cfRule type="expression" dxfId="9080" priority="9085" stopIfTrue="1">
      <formula>ISBLANK(J23)=FALSE</formula>
    </cfRule>
  </conditionalFormatting>
  <conditionalFormatting sqref="M23:N24">
    <cfRule type="expression" dxfId="9079" priority="9076" stopIfTrue="1">
      <formula>ISBLANK(M23)=TRUE</formula>
    </cfRule>
    <cfRule type="expression" dxfId="9078" priority="9077" stopIfTrue="1">
      <formula>INDIRECT("第１の３表②!"&amp;CELL("address",CF23))="×××"</formula>
    </cfRule>
    <cfRule type="expression" dxfId="9077" priority="9078" stopIfTrue="1">
      <formula>INDIRECT("第１の３表②!"&amp;CELL("address",CF23))="××"</formula>
    </cfRule>
    <cfRule type="expression" dxfId="9076" priority="9079" stopIfTrue="1">
      <formula>INDIRECT("第１の３表②!"&amp;CELL("address",CF23))="×"</formula>
    </cfRule>
    <cfRule type="expression" dxfId="9075" priority="9080" stopIfTrue="1">
      <formula>ISBLANK(M23)=FALSE</formula>
    </cfRule>
  </conditionalFormatting>
  <conditionalFormatting sqref="M23:N24">
    <cfRule type="expression" dxfId="9074" priority="9071" stopIfTrue="1">
      <formula>ISBLANK(M23)=TRUE</formula>
    </cfRule>
    <cfRule type="expression" dxfId="9073" priority="9072" stopIfTrue="1">
      <formula>INDIRECT("第１の３表②!"&amp;CELL("address",CF23))="×××"</formula>
    </cfRule>
    <cfRule type="expression" dxfId="9072" priority="9073" stopIfTrue="1">
      <formula>INDIRECT("第１の３表②!"&amp;CELL("address",CF23))="××"</formula>
    </cfRule>
    <cfRule type="expression" dxfId="9071" priority="9074" stopIfTrue="1">
      <formula>INDIRECT("第１の３表②!"&amp;CELL("address",CF23))="×"</formula>
    </cfRule>
    <cfRule type="expression" dxfId="9070" priority="9075" stopIfTrue="1">
      <formula>ISBLANK(M23)=FALSE</formula>
    </cfRule>
  </conditionalFormatting>
  <conditionalFormatting sqref="M23:N24">
    <cfRule type="expression" dxfId="9069" priority="9066" stopIfTrue="1">
      <formula>ISBLANK(M23)=TRUE</formula>
    </cfRule>
    <cfRule type="expression" dxfId="9068" priority="9067" stopIfTrue="1">
      <formula>INDIRECT("第１の３表②!"&amp;CELL("address",CF23))="×××"</formula>
    </cfRule>
    <cfRule type="expression" dxfId="9067" priority="9068" stopIfTrue="1">
      <formula>INDIRECT("第１の３表②!"&amp;CELL("address",CF23))="××"</formula>
    </cfRule>
    <cfRule type="expression" dxfId="9066" priority="9069" stopIfTrue="1">
      <formula>INDIRECT("第１の３表②!"&amp;CELL("address",CF23))="×"</formula>
    </cfRule>
    <cfRule type="expression" dxfId="9065" priority="9070" stopIfTrue="1">
      <formula>ISBLANK(M23)=FALSE</formula>
    </cfRule>
  </conditionalFormatting>
  <conditionalFormatting sqref="P23:Q24">
    <cfRule type="expression" dxfId="9064" priority="9061" stopIfTrue="1">
      <formula>ISBLANK(P23)=TRUE</formula>
    </cfRule>
    <cfRule type="expression" dxfId="9063" priority="9062" stopIfTrue="1">
      <formula>INDIRECT("第１の３表②!"&amp;CELL("address",CI23))="×××"</formula>
    </cfRule>
    <cfRule type="expression" dxfId="9062" priority="9063" stopIfTrue="1">
      <formula>INDIRECT("第１の３表②!"&amp;CELL("address",CI23))="××"</formula>
    </cfRule>
    <cfRule type="expression" dxfId="9061" priority="9064" stopIfTrue="1">
      <formula>INDIRECT("第１の３表②!"&amp;CELL("address",CI23))="×"</formula>
    </cfRule>
    <cfRule type="expression" dxfId="9060" priority="9065" stopIfTrue="1">
      <formula>ISBLANK(P23)=FALSE</formula>
    </cfRule>
  </conditionalFormatting>
  <conditionalFormatting sqref="P23:Q24">
    <cfRule type="expression" dxfId="9059" priority="9056" stopIfTrue="1">
      <formula>ISBLANK(P23)=TRUE</formula>
    </cfRule>
    <cfRule type="expression" dxfId="9058" priority="9057" stopIfTrue="1">
      <formula>INDIRECT("第１の３表②!"&amp;CELL("address",CI23))="×××"</formula>
    </cfRule>
    <cfRule type="expression" dxfId="9057" priority="9058" stopIfTrue="1">
      <formula>INDIRECT("第１の３表②!"&amp;CELL("address",CI23))="××"</formula>
    </cfRule>
    <cfRule type="expression" dxfId="9056" priority="9059" stopIfTrue="1">
      <formula>INDIRECT("第１の３表②!"&amp;CELL("address",CI23))="×"</formula>
    </cfRule>
    <cfRule type="expression" dxfId="9055" priority="9060" stopIfTrue="1">
      <formula>ISBLANK(P23)=FALSE</formula>
    </cfRule>
  </conditionalFormatting>
  <conditionalFormatting sqref="P23:Q24">
    <cfRule type="expression" dxfId="9054" priority="9051" stopIfTrue="1">
      <formula>ISBLANK(P23)=TRUE</formula>
    </cfRule>
    <cfRule type="expression" dxfId="9053" priority="9052" stopIfTrue="1">
      <formula>INDIRECT("第１の３表②!"&amp;CELL("address",CI23))="×××"</formula>
    </cfRule>
    <cfRule type="expression" dxfId="9052" priority="9053" stopIfTrue="1">
      <formula>INDIRECT("第１の３表②!"&amp;CELL("address",CI23))="××"</formula>
    </cfRule>
    <cfRule type="expression" dxfId="9051" priority="9054" stopIfTrue="1">
      <formula>INDIRECT("第１の３表②!"&amp;CELL("address",CI23))="×"</formula>
    </cfRule>
    <cfRule type="expression" dxfId="9050" priority="9055" stopIfTrue="1">
      <formula>ISBLANK(P23)=FALSE</formula>
    </cfRule>
  </conditionalFormatting>
  <conditionalFormatting sqref="S23:T24">
    <cfRule type="expression" dxfId="9049" priority="9046" stopIfTrue="1">
      <formula>ISBLANK(S23)=TRUE</formula>
    </cfRule>
    <cfRule type="expression" dxfId="9048" priority="9047" stopIfTrue="1">
      <formula>INDIRECT("第１の３表②!"&amp;CELL("address",CL23))="×××"</formula>
    </cfRule>
    <cfRule type="expression" dxfId="9047" priority="9048" stopIfTrue="1">
      <formula>INDIRECT("第１の３表②!"&amp;CELL("address",CL23))="××"</formula>
    </cfRule>
    <cfRule type="expression" dxfId="9046" priority="9049" stopIfTrue="1">
      <formula>INDIRECT("第１の３表②!"&amp;CELL("address",CL23))="×"</formula>
    </cfRule>
    <cfRule type="expression" dxfId="9045" priority="9050" stopIfTrue="1">
      <formula>ISBLANK(S23)=FALSE</formula>
    </cfRule>
  </conditionalFormatting>
  <conditionalFormatting sqref="S23:T24">
    <cfRule type="expression" dxfId="9044" priority="9041" stopIfTrue="1">
      <formula>ISBLANK(S23)=TRUE</formula>
    </cfRule>
    <cfRule type="expression" dxfId="9043" priority="9042" stopIfTrue="1">
      <formula>INDIRECT("第１の３表②!"&amp;CELL("address",CL23))="×××"</formula>
    </cfRule>
    <cfRule type="expression" dxfId="9042" priority="9043" stopIfTrue="1">
      <formula>INDIRECT("第１の３表②!"&amp;CELL("address",CL23))="××"</formula>
    </cfRule>
    <cfRule type="expression" dxfId="9041" priority="9044" stopIfTrue="1">
      <formula>INDIRECT("第１の３表②!"&amp;CELL("address",CL23))="×"</formula>
    </cfRule>
    <cfRule type="expression" dxfId="9040" priority="9045" stopIfTrue="1">
      <formula>ISBLANK(S23)=FALSE</formula>
    </cfRule>
  </conditionalFormatting>
  <conditionalFormatting sqref="S23:T24">
    <cfRule type="expression" dxfId="9039" priority="9036" stopIfTrue="1">
      <formula>ISBLANK(S23)=TRUE</formula>
    </cfRule>
    <cfRule type="expression" dxfId="9038" priority="9037" stopIfTrue="1">
      <formula>INDIRECT("第１の３表②!"&amp;CELL("address",CL23))="×××"</formula>
    </cfRule>
    <cfRule type="expression" dxfId="9037" priority="9038" stopIfTrue="1">
      <formula>INDIRECT("第１の３表②!"&amp;CELL("address",CL23))="××"</formula>
    </cfRule>
    <cfRule type="expression" dxfId="9036" priority="9039" stopIfTrue="1">
      <formula>INDIRECT("第１の３表②!"&amp;CELL("address",CL23))="×"</formula>
    </cfRule>
    <cfRule type="expression" dxfId="9035" priority="9040" stopIfTrue="1">
      <formula>ISBLANK(S23)=FALSE</formula>
    </cfRule>
  </conditionalFormatting>
  <conditionalFormatting sqref="V23:W24">
    <cfRule type="expression" dxfId="9034" priority="9031" stopIfTrue="1">
      <formula>ISBLANK(V23)=TRUE</formula>
    </cfRule>
    <cfRule type="expression" dxfId="9033" priority="9032" stopIfTrue="1">
      <formula>INDIRECT("第１の３表②!"&amp;CELL("address",CO23))="×××"</formula>
    </cfRule>
    <cfRule type="expression" dxfId="9032" priority="9033" stopIfTrue="1">
      <formula>INDIRECT("第１の３表②!"&amp;CELL("address",CO23))="××"</formula>
    </cfRule>
    <cfRule type="expression" dxfId="9031" priority="9034" stopIfTrue="1">
      <formula>INDIRECT("第１の３表②!"&amp;CELL("address",CO23))="×"</formula>
    </cfRule>
    <cfRule type="expression" dxfId="9030" priority="9035" stopIfTrue="1">
      <formula>ISBLANK(V23)=FALSE</formula>
    </cfRule>
  </conditionalFormatting>
  <conditionalFormatting sqref="V23:W24">
    <cfRule type="expression" dxfId="9029" priority="9026" stopIfTrue="1">
      <formula>ISBLANK(V23)=TRUE</formula>
    </cfRule>
    <cfRule type="expression" dxfId="9028" priority="9027" stopIfTrue="1">
      <formula>INDIRECT("第１の３表②!"&amp;CELL("address",CO23))="×××"</formula>
    </cfRule>
    <cfRule type="expression" dxfId="9027" priority="9028" stopIfTrue="1">
      <formula>INDIRECT("第１の３表②!"&amp;CELL("address",CO23))="××"</formula>
    </cfRule>
    <cfRule type="expression" dxfId="9026" priority="9029" stopIfTrue="1">
      <formula>INDIRECT("第１の３表②!"&amp;CELL("address",CO23))="×"</formula>
    </cfRule>
    <cfRule type="expression" dxfId="9025" priority="9030" stopIfTrue="1">
      <formula>ISBLANK(V23)=FALSE</formula>
    </cfRule>
  </conditionalFormatting>
  <conditionalFormatting sqref="V23:W24">
    <cfRule type="expression" dxfId="9024" priority="9021" stopIfTrue="1">
      <formula>ISBLANK(V23)=TRUE</formula>
    </cfRule>
    <cfRule type="expression" dxfId="9023" priority="9022" stopIfTrue="1">
      <formula>INDIRECT("第１の３表②!"&amp;CELL("address",CO23))="×××"</formula>
    </cfRule>
    <cfRule type="expression" dxfId="9022" priority="9023" stopIfTrue="1">
      <formula>INDIRECT("第１の３表②!"&amp;CELL("address",CO23))="××"</formula>
    </cfRule>
    <cfRule type="expression" dxfId="9021" priority="9024" stopIfTrue="1">
      <formula>INDIRECT("第１の３表②!"&amp;CELL("address",CO23))="×"</formula>
    </cfRule>
    <cfRule type="expression" dxfId="9020" priority="9025" stopIfTrue="1">
      <formula>ISBLANK(V23)=FALSE</formula>
    </cfRule>
  </conditionalFormatting>
  <conditionalFormatting sqref="Y23:Z24">
    <cfRule type="expression" dxfId="9019" priority="9016" stopIfTrue="1">
      <formula>ISBLANK(Y23)=TRUE</formula>
    </cfRule>
    <cfRule type="expression" dxfId="9018" priority="9017" stopIfTrue="1">
      <formula>INDIRECT("第１の３表②!"&amp;CELL("address",CR23))="×××"</formula>
    </cfRule>
    <cfRule type="expression" dxfId="9017" priority="9018" stopIfTrue="1">
      <formula>INDIRECT("第１の３表②!"&amp;CELL("address",CR23))="××"</formula>
    </cfRule>
    <cfRule type="expression" dxfId="9016" priority="9019" stopIfTrue="1">
      <formula>INDIRECT("第１の３表②!"&amp;CELL("address",CR23))="×"</formula>
    </cfRule>
    <cfRule type="expression" dxfId="9015" priority="9020" stopIfTrue="1">
      <formula>ISBLANK(Y23)=FALSE</formula>
    </cfRule>
  </conditionalFormatting>
  <conditionalFormatting sqref="Y23:Z24">
    <cfRule type="expression" dxfId="9014" priority="9011" stopIfTrue="1">
      <formula>ISBLANK(Y23)=TRUE</formula>
    </cfRule>
    <cfRule type="expression" dxfId="9013" priority="9012" stopIfTrue="1">
      <formula>INDIRECT("第１の３表②!"&amp;CELL("address",CR23))="×××"</formula>
    </cfRule>
    <cfRule type="expression" dxfId="9012" priority="9013" stopIfTrue="1">
      <formula>INDIRECT("第１の３表②!"&amp;CELL("address",CR23))="××"</formula>
    </cfRule>
    <cfRule type="expression" dxfId="9011" priority="9014" stopIfTrue="1">
      <formula>INDIRECT("第１の３表②!"&amp;CELL("address",CR23))="×"</formula>
    </cfRule>
    <cfRule type="expression" dxfId="9010" priority="9015" stopIfTrue="1">
      <formula>ISBLANK(Y23)=FALSE</formula>
    </cfRule>
  </conditionalFormatting>
  <conditionalFormatting sqref="Y23:Z24">
    <cfRule type="expression" dxfId="9009" priority="9006" stopIfTrue="1">
      <formula>ISBLANK(Y23)=TRUE</formula>
    </cfRule>
    <cfRule type="expression" dxfId="9008" priority="9007" stopIfTrue="1">
      <formula>INDIRECT("第１の３表②!"&amp;CELL("address",CR23))="×××"</formula>
    </cfRule>
    <cfRule type="expression" dxfId="9007" priority="9008" stopIfTrue="1">
      <formula>INDIRECT("第１の３表②!"&amp;CELL("address",CR23))="××"</formula>
    </cfRule>
    <cfRule type="expression" dxfId="9006" priority="9009" stopIfTrue="1">
      <formula>INDIRECT("第１の３表②!"&amp;CELL("address",CR23))="×"</formula>
    </cfRule>
    <cfRule type="expression" dxfId="9005" priority="9010" stopIfTrue="1">
      <formula>ISBLANK(Y23)=FALSE</formula>
    </cfRule>
  </conditionalFormatting>
  <conditionalFormatting sqref="AB23:AC24">
    <cfRule type="expression" dxfId="9004" priority="9001" stopIfTrue="1">
      <formula>ISBLANK(AB23)=TRUE</formula>
    </cfRule>
    <cfRule type="expression" dxfId="9003" priority="9002" stopIfTrue="1">
      <formula>INDIRECT("第１の３表②!"&amp;CELL("address",CU23))="×××"</formula>
    </cfRule>
    <cfRule type="expression" dxfId="9002" priority="9003" stopIfTrue="1">
      <formula>INDIRECT("第１の３表②!"&amp;CELL("address",CU23))="××"</formula>
    </cfRule>
    <cfRule type="expression" dxfId="9001" priority="9004" stopIfTrue="1">
      <formula>INDIRECT("第１の３表②!"&amp;CELL("address",CU23))="×"</formula>
    </cfRule>
    <cfRule type="expression" dxfId="9000" priority="9005" stopIfTrue="1">
      <formula>ISBLANK(AB23)=FALSE</formula>
    </cfRule>
  </conditionalFormatting>
  <conditionalFormatting sqref="AB23:AC24">
    <cfRule type="expression" dxfId="8999" priority="8996" stopIfTrue="1">
      <formula>ISBLANK(AB23)=TRUE</formula>
    </cfRule>
    <cfRule type="expression" dxfId="8998" priority="8997" stopIfTrue="1">
      <formula>INDIRECT("第１の３表②!"&amp;CELL("address",CU23))="×××"</formula>
    </cfRule>
    <cfRule type="expression" dxfId="8997" priority="8998" stopIfTrue="1">
      <formula>INDIRECT("第１の３表②!"&amp;CELL("address",CU23))="××"</formula>
    </cfRule>
    <cfRule type="expression" dxfId="8996" priority="8999" stopIfTrue="1">
      <formula>INDIRECT("第１の３表②!"&amp;CELL("address",CU23))="×"</formula>
    </cfRule>
    <cfRule type="expression" dxfId="8995" priority="9000" stopIfTrue="1">
      <formula>ISBLANK(AB23)=FALSE</formula>
    </cfRule>
  </conditionalFormatting>
  <conditionalFormatting sqref="AB23:AC24">
    <cfRule type="expression" dxfId="8994" priority="8991" stopIfTrue="1">
      <formula>ISBLANK(AB23)=TRUE</formula>
    </cfRule>
    <cfRule type="expression" dxfId="8993" priority="8992" stopIfTrue="1">
      <formula>INDIRECT("第１の３表②!"&amp;CELL("address",CU23))="×××"</formula>
    </cfRule>
    <cfRule type="expression" dxfId="8992" priority="8993" stopIfTrue="1">
      <formula>INDIRECT("第１の３表②!"&amp;CELL("address",CU23))="××"</formula>
    </cfRule>
    <cfRule type="expression" dxfId="8991" priority="8994" stopIfTrue="1">
      <formula>INDIRECT("第１の３表②!"&amp;CELL("address",CU23))="×"</formula>
    </cfRule>
    <cfRule type="expression" dxfId="8990" priority="8995" stopIfTrue="1">
      <formula>ISBLANK(AB23)=FALSE</formula>
    </cfRule>
  </conditionalFormatting>
  <conditionalFormatting sqref="AE23:AF24">
    <cfRule type="expression" dxfId="8989" priority="8986" stopIfTrue="1">
      <formula>ISBLANK(AE23)=TRUE</formula>
    </cfRule>
    <cfRule type="expression" dxfId="8988" priority="8987" stopIfTrue="1">
      <formula>INDIRECT("第１の３表②!"&amp;CELL("address",CX23))="×××"</formula>
    </cfRule>
    <cfRule type="expression" dxfId="8987" priority="8988" stopIfTrue="1">
      <formula>INDIRECT("第１の３表②!"&amp;CELL("address",CX23))="××"</formula>
    </cfRule>
    <cfRule type="expression" dxfId="8986" priority="8989" stopIfTrue="1">
      <formula>INDIRECT("第１の３表②!"&amp;CELL("address",CX23))="×"</formula>
    </cfRule>
    <cfRule type="expression" dxfId="8985" priority="8990" stopIfTrue="1">
      <formula>ISBLANK(AE23)=FALSE</formula>
    </cfRule>
  </conditionalFormatting>
  <conditionalFormatting sqref="AE23:AF24">
    <cfRule type="expression" dxfId="8984" priority="8981" stopIfTrue="1">
      <formula>ISBLANK(AE23)=TRUE</formula>
    </cfRule>
    <cfRule type="expression" dxfId="8983" priority="8982" stopIfTrue="1">
      <formula>INDIRECT("第１の３表②!"&amp;CELL("address",CX23))="×××"</formula>
    </cfRule>
    <cfRule type="expression" dxfId="8982" priority="8983" stopIfTrue="1">
      <formula>INDIRECT("第１の３表②!"&amp;CELL("address",CX23))="××"</formula>
    </cfRule>
    <cfRule type="expression" dxfId="8981" priority="8984" stopIfTrue="1">
      <formula>INDIRECT("第１の３表②!"&amp;CELL("address",CX23))="×"</formula>
    </cfRule>
    <cfRule type="expression" dxfId="8980" priority="8985" stopIfTrue="1">
      <formula>ISBLANK(AE23)=FALSE</formula>
    </cfRule>
  </conditionalFormatting>
  <conditionalFormatting sqref="AE23:AF24">
    <cfRule type="expression" dxfId="8979" priority="8976" stopIfTrue="1">
      <formula>ISBLANK(AE23)=TRUE</formula>
    </cfRule>
    <cfRule type="expression" dxfId="8978" priority="8977" stopIfTrue="1">
      <formula>INDIRECT("第１の３表②!"&amp;CELL("address",CX23))="×××"</formula>
    </cfRule>
    <cfRule type="expression" dxfId="8977" priority="8978" stopIfTrue="1">
      <formula>INDIRECT("第１の３表②!"&amp;CELL("address",CX23))="××"</formula>
    </cfRule>
    <cfRule type="expression" dxfId="8976" priority="8979" stopIfTrue="1">
      <formula>INDIRECT("第１の３表②!"&amp;CELL("address",CX23))="×"</formula>
    </cfRule>
    <cfRule type="expression" dxfId="8975" priority="8980" stopIfTrue="1">
      <formula>ISBLANK(AE23)=FALSE</formula>
    </cfRule>
  </conditionalFormatting>
  <conditionalFormatting sqref="AH23:AI24">
    <cfRule type="expression" dxfId="8974" priority="8971" stopIfTrue="1">
      <formula>ISBLANK(AH23)=TRUE</formula>
    </cfRule>
    <cfRule type="expression" dxfId="8973" priority="8972" stopIfTrue="1">
      <formula>INDIRECT("第１の３表②!"&amp;CELL("address",DA23))="×××"</formula>
    </cfRule>
    <cfRule type="expression" dxfId="8972" priority="8973" stopIfTrue="1">
      <formula>INDIRECT("第１の３表②!"&amp;CELL("address",DA23))="××"</formula>
    </cfRule>
    <cfRule type="expression" dxfId="8971" priority="8974" stopIfTrue="1">
      <formula>INDIRECT("第１の３表②!"&amp;CELL("address",DA23))="×"</formula>
    </cfRule>
    <cfRule type="expression" dxfId="8970" priority="8975" stopIfTrue="1">
      <formula>ISBLANK(AH23)=FALSE</formula>
    </cfRule>
  </conditionalFormatting>
  <conditionalFormatting sqref="AH23:AI24">
    <cfRule type="expression" dxfId="8969" priority="8966" stopIfTrue="1">
      <formula>ISBLANK(AH23)=TRUE</formula>
    </cfRule>
    <cfRule type="expression" dxfId="8968" priority="8967" stopIfTrue="1">
      <formula>INDIRECT("第１の３表②!"&amp;CELL("address",DA23))="×××"</formula>
    </cfRule>
    <cfRule type="expression" dxfId="8967" priority="8968" stopIfTrue="1">
      <formula>INDIRECT("第１の３表②!"&amp;CELL("address",DA23))="××"</formula>
    </cfRule>
    <cfRule type="expression" dxfId="8966" priority="8969" stopIfTrue="1">
      <formula>INDIRECT("第１の３表②!"&amp;CELL("address",DA23))="×"</formula>
    </cfRule>
    <cfRule type="expression" dxfId="8965" priority="8970" stopIfTrue="1">
      <formula>ISBLANK(AH23)=FALSE</formula>
    </cfRule>
  </conditionalFormatting>
  <conditionalFormatting sqref="AH23:AI24">
    <cfRule type="expression" dxfId="8964" priority="8961" stopIfTrue="1">
      <formula>ISBLANK(AH23)=TRUE</formula>
    </cfRule>
    <cfRule type="expression" dxfId="8963" priority="8962" stopIfTrue="1">
      <formula>INDIRECT("第１の３表②!"&amp;CELL("address",DA23))="×××"</formula>
    </cfRule>
    <cfRule type="expression" dxfId="8962" priority="8963" stopIfTrue="1">
      <formula>INDIRECT("第１の３表②!"&amp;CELL("address",DA23))="××"</formula>
    </cfRule>
    <cfRule type="expression" dxfId="8961" priority="8964" stopIfTrue="1">
      <formula>INDIRECT("第１の３表②!"&amp;CELL("address",DA23))="×"</formula>
    </cfRule>
    <cfRule type="expression" dxfId="8960" priority="8965" stopIfTrue="1">
      <formula>ISBLANK(AH23)=FALSE</formula>
    </cfRule>
  </conditionalFormatting>
  <conditionalFormatting sqref="AK23:AL24">
    <cfRule type="expression" dxfId="8959" priority="8956" stopIfTrue="1">
      <formula>ISBLANK(AK23)=TRUE</formula>
    </cfRule>
    <cfRule type="expression" dxfId="8958" priority="8957" stopIfTrue="1">
      <formula>INDIRECT("第１の３表②!"&amp;CELL("address",DD23))="×××"</formula>
    </cfRule>
    <cfRule type="expression" dxfId="8957" priority="8958" stopIfTrue="1">
      <formula>INDIRECT("第１の３表②!"&amp;CELL("address",DD23))="××"</formula>
    </cfRule>
    <cfRule type="expression" dxfId="8956" priority="8959" stopIfTrue="1">
      <formula>INDIRECT("第１の３表②!"&amp;CELL("address",DD23))="×"</formula>
    </cfRule>
    <cfRule type="expression" dxfId="8955" priority="8960" stopIfTrue="1">
      <formula>ISBLANK(AK23)=FALSE</formula>
    </cfRule>
  </conditionalFormatting>
  <conditionalFormatting sqref="AK23:AL24">
    <cfRule type="expression" dxfId="8954" priority="8951" stopIfTrue="1">
      <formula>ISBLANK(AK23)=TRUE</formula>
    </cfRule>
    <cfRule type="expression" dxfId="8953" priority="8952" stopIfTrue="1">
      <formula>INDIRECT("第１の３表②!"&amp;CELL("address",DD23))="×××"</formula>
    </cfRule>
    <cfRule type="expression" dxfId="8952" priority="8953" stopIfTrue="1">
      <formula>INDIRECT("第１の３表②!"&amp;CELL("address",DD23))="××"</formula>
    </cfRule>
    <cfRule type="expression" dxfId="8951" priority="8954" stopIfTrue="1">
      <formula>INDIRECT("第１の３表②!"&amp;CELL("address",DD23))="×"</formula>
    </cfRule>
    <cfRule type="expression" dxfId="8950" priority="8955" stopIfTrue="1">
      <formula>ISBLANK(AK23)=FALSE</formula>
    </cfRule>
  </conditionalFormatting>
  <conditionalFormatting sqref="AK23:AL24">
    <cfRule type="expression" dxfId="8949" priority="8946" stopIfTrue="1">
      <formula>ISBLANK(AK23)=TRUE</formula>
    </cfRule>
    <cfRule type="expression" dxfId="8948" priority="8947" stopIfTrue="1">
      <formula>INDIRECT("第１の３表②!"&amp;CELL("address",DD23))="×××"</formula>
    </cfRule>
    <cfRule type="expression" dxfId="8947" priority="8948" stopIfTrue="1">
      <formula>INDIRECT("第１の３表②!"&amp;CELL("address",DD23))="××"</formula>
    </cfRule>
    <cfRule type="expression" dxfId="8946" priority="8949" stopIfTrue="1">
      <formula>INDIRECT("第１の３表②!"&amp;CELL("address",DD23))="×"</formula>
    </cfRule>
    <cfRule type="expression" dxfId="8945" priority="8950" stopIfTrue="1">
      <formula>ISBLANK(AK23)=FALSE</formula>
    </cfRule>
  </conditionalFormatting>
  <conditionalFormatting sqref="AN23:AO24">
    <cfRule type="expression" dxfId="8944" priority="8941" stopIfTrue="1">
      <formula>ISBLANK(AN23)=TRUE</formula>
    </cfRule>
    <cfRule type="expression" dxfId="8943" priority="8942" stopIfTrue="1">
      <formula>INDIRECT("第１の３表②!"&amp;CELL("address",DG23))="×××"</formula>
    </cfRule>
    <cfRule type="expression" dxfId="8942" priority="8943" stopIfTrue="1">
      <formula>INDIRECT("第１の３表②!"&amp;CELL("address",DG23))="××"</formula>
    </cfRule>
    <cfRule type="expression" dxfId="8941" priority="8944" stopIfTrue="1">
      <formula>INDIRECT("第１の３表②!"&amp;CELL("address",DG23))="×"</formula>
    </cfRule>
    <cfRule type="expression" dxfId="8940" priority="8945" stopIfTrue="1">
      <formula>ISBLANK(AN23)=FALSE</formula>
    </cfRule>
  </conditionalFormatting>
  <conditionalFormatting sqref="AN23:AO24">
    <cfRule type="expression" dxfId="8939" priority="8936" stopIfTrue="1">
      <formula>ISBLANK(AN23)=TRUE</formula>
    </cfRule>
    <cfRule type="expression" dxfId="8938" priority="8937" stopIfTrue="1">
      <formula>INDIRECT("第１の３表②!"&amp;CELL("address",DG23))="×××"</formula>
    </cfRule>
    <cfRule type="expression" dxfId="8937" priority="8938" stopIfTrue="1">
      <formula>INDIRECT("第１の３表②!"&amp;CELL("address",DG23))="××"</formula>
    </cfRule>
    <cfRule type="expression" dxfId="8936" priority="8939" stopIfTrue="1">
      <formula>INDIRECT("第１の３表②!"&amp;CELL("address",DG23))="×"</formula>
    </cfRule>
    <cfRule type="expression" dxfId="8935" priority="8940" stopIfTrue="1">
      <formula>ISBLANK(AN23)=FALSE</formula>
    </cfRule>
  </conditionalFormatting>
  <conditionalFormatting sqref="AN23:AO24">
    <cfRule type="expression" dxfId="8934" priority="8931" stopIfTrue="1">
      <formula>ISBLANK(AN23)=TRUE</formula>
    </cfRule>
    <cfRule type="expression" dxfId="8933" priority="8932" stopIfTrue="1">
      <formula>INDIRECT("第１の３表②!"&amp;CELL("address",DG23))="×××"</formula>
    </cfRule>
    <cfRule type="expression" dxfId="8932" priority="8933" stopIfTrue="1">
      <formula>INDIRECT("第１の３表②!"&amp;CELL("address",DG23))="××"</formula>
    </cfRule>
    <cfRule type="expression" dxfId="8931" priority="8934" stopIfTrue="1">
      <formula>INDIRECT("第１の３表②!"&amp;CELL("address",DG23))="×"</formula>
    </cfRule>
    <cfRule type="expression" dxfId="8930" priority="8935" stopIfTrue="1">
      <formula>ISBLANK(AN23)=FALSE</formula>
    </cfRule>
  </conditionalFormatting>
  <conditionalFormatting sqref="AQ23:AR24">
    <cfRule type="expression" dxfId="8929" priority="8926" stopIfTrue="1">
      <formula>ISBLANK(AQ23)=TRUE</formula>
    </cfRule>
    <cfRule type="expression" dxfId="8928" priority="8927" stopIfTrue="1">
      <formula>INDIRECT("第１の３表②!"&amp;CELL("address",DJ23))="×××"</formula>
    </cfRule>
    <cfRule type="expression" dxfId="8927" priority="8928" stopIfTrue="1">
      <formula>INDIRECT("第１の３表②!"&amp;CELL("address",DJ23))="××"</formula>
    </cfRule>
    <cfRule type="expression" dxfId="8926" priority="8929" stopIfTrue="1">
      <formula>INDIRECT("第１の３表②!"&amp;CELL("address",DJ23))="×"</formula>
    </cfRule>
    <cfRule type="expression" dxfId="8925" priority="8930" stopIfTrue="1">
      <formula>ISBLANK(AQ23)=FALSE</formula>
    </cfRule>
  </conditionalFormatting>
  <conditionalFormatting sqref="AQ23:AR24">
    <cfRule type="expression" dxfId="8924" priority="8921" stopIfTrue="1">
      <formula>ISBLANK(AQ23)=TRUE</formula>
    </cfRule>
    <cfRule type="expression" dxfId="8923" priority="8922" stopIfTrue="1">
      <formula>INDIRECT("第１の３表②!"&amp;CELL("address",DJ23))="×××"</formula>
    </cfRule>
    <cfRule type="expression" dxfId="8922" priority="8923" stopIfTrue="1">
      <formula>INDIRECT("第１の３表②!"&amp;CELL("address",DJ23))="××"</formula>
    </cfRule>
    <cfRule type="expression" dxfId="8921" priority="8924" stopIfTrue="1">
      <formula>INDIRECT("第１の３表②!"&amp;CELL("address",DJ23))="×"</formula>
    </cfRule>
    <cfRule type="expression" dxfId="8920" priority="8925" stopIfTrue="1">
      <formula>ISBLANK(AQ23)=FALSE</formula>
    </cfRule>
  </conditionalFormatting>
  <conditionalFormatting sqref="AQ23:AR24">
    <cfRule type="expression" dxfId="8919" priority="8916" stopIfTrue="1">
      <formula>ISBLANK(AQ23)=TRUE</formula>
    </cfRule>
    <cfRule type="expression" dxfId="8918" priority="8917" stopIfTrue="1">
      <formula>INDIRECT("第１の３表②!"&amp;CELL("address",DJ23))="×××"</formula>
    </cfRule>
    <cfRule type="expression" dxfId="8917" priority="8918" stopIfTrue="1">
      <formula>INDIRECT("第１の３表②!"&amp;CELL("address",DJ23))="××"</formula>
    </cfRule>
    <cfRule type="expression" dxfId="8916" priority="8919" stopIfTrue="1">
      <formula>INDIRECT("第１の３表②!"&amp;CELL("address",DJ23))="×"</formula>
    </cfRule>
    <cfRule type="expression" dxfId="8915" priority="8920" stopIfTrue="1">
      <formula>ISBLANK(AQ23)=FALSE</formula>
    </cfRule>
  </conditionalFormatting>
  <conditionalFormatting sqref="AT23:AU24">
    <cfRule type="expression" dxfId="8914" priority="8911" stopIfTrue="1">
      <formula>ISBLANK(AT23)=TRUE</formula>
    </cfRule>
    <cfRule type="expression" dxfId="8913" priority="8912" stopIfTrue="1">
      <formula>INDIRECT("第１の３表②!"&amp;CELL("address",DM23))="×××"</formula>
    </cfRule>
    <cfRule type="expression" dxfId="8912" priority="8913" stopIfTrue="1">
      <formula>INDIRECT("第１の３表②!"&amp;CELL("address",DM23))="××"</formula>
    </cfRule>
    <cfRule type="expression" dxfId="8911" priority="8914" stopIfTrue="1">
      <formula>INDIRECT("第１の３表②!"&amp;CELL("address",DM23))="×"</formula>
    </cfRule>
    <cfRule type="expression" dxfId="8910" priority="8915" stopIfTrue="1">
      <formula>ISBLANK(AT23)=FALSE</formula>
    </cfRule>
  </conditionalFormatting>
  <conditionalFormatting sqref="AT23:AU24">
    <cfRule type="expression" dxfId="8909" priority="8906" stopIfTrue="1">
      <formula>ISBLANK(AT23)=TRUE</formula>
    </cfRule>
    <cfRule type="expression" dxfId="8908" priority="8907" stopIfTrue="1">
      <formula>INDIRECT("第１の３表②!"&amp;CELL("address",DM23))="×××"</formula>
    </cfRule>
    <cfRule type="expression" dxfId="8907" priority="8908" stopIfTrue="1">
      <formula>INDIRECT("第１の３表②!"&amp;CELL("address",DM23))="××"</formula>
    </cfRule>
    <cfRule type="expression" dxfId="8906" priority="8909" stopIfTrue="1">
      <formula>INDIRECT("第１の３表②!"&amp;CELL("address",DM23))="×"</formula>
    </cfRule>
    <cfRule type="expression" dxfId="8905" priority="8910" stopIfTrue="1">
      <formula>ISBLANK(AT23)=FALSE</formula>
    </cfRule>
  </conditionalFormatting>
  <conditionalFormatting sqref="AT23:AU24">
    <cfRule type="expression" dxfId="8904" priority="8901" stopIfTrue="1">
      <formula>ISBLANK(AT23)=TRUE</formula>
    </cfRule>
    <cfRule type="expression" dxfId="8903" priority="8902" stopIfTrue="1">
      <formula>INDIRECT("第１の３表②!"&amp;CELL("address",DM23))="×××"</formula>
    </cfRule>
    <cfRule type="expression" dxfId="8902" priority="8903" stopIfTrue="1">
      <formula>INDIRECT("第１の３表②!"&amp;CELL("address",DM23))="××"</formula>
    </cfRule>
    <cfRule type="expression" dxfId="8901" priority="8904" stopIfTrue="1">
      <formula>INDIRECT("第１の３表②!"&amp;CELL("address",DM23))="×"</formula>
    </cfRule>
    <cfRule type="expression" dxfId="8900" priority="8905" stopIfTrue="1">
      <formula>ISBLANK(AT23)=FALSE</formula>
    </cfRule>
  </conditionalFormatting>
  <conditionalFormatting sqref="AW23:AX24">
    <cfRule type="expression" dxfId="8899" priority="8896" stopIfTrue="1">
      <formula>ISBLANK(AW23)=TRUE</formula>
    </cfRule>
    <cfRule type="expression" dxfId="8898" priority="8897" stopIfTrue="1">
      <formula>INDIRECT("第１の３表②!"&amp;CELL("address",DP23))="×××"</formula>
    </cfRule>
    <cfRule type="expression" dxfId="8897" priority="8898" stopIfTrue="1">
      <formula>INDIRECT("第１の３表②!"&amp;CELL("address",DP23))="××"</formula>
    </cfRule>
    <cfRule type="expression" dxfId="8896" priority="8899" stopIfTrue="1">
      <formula>INDIRECT("第１の３表②!"&amp;CELL("address",DP23))="×"</formula>
    </cfRule>
    <cfRule type="expression" dxfId="8895" priority="8900" stopIfTrue="1">
      <formula>ISBLANK(AW23)=FALSE</formula>
    </cfRule>
  </conditionalFormatting>
  <conditionalFormatting sqref="AW23:AX24">
    <cfRule type="expression" dxfId="8894" priority="8891" stopIfTrue="1">
      <formula>ISBLANK(AW23)=TRUE</formula>
    </cfRule>
    <cfRule type="expression" dxfId="8893" priority="8892" stopIfTrue="1">
      <formula>INDIRECT("第１の３表②!"&amp;CELL("address",DP23))="×××"</formula>
    </cfRule>
    <cfRule type="expression" dxfId="8892" priority="8893" stopIfTrue="1">
      <formula>INDIRECT("第１の３表②!"&amp;CELL("address",DP23))="××"</formula>
    </cfRule>
    <cfRule type="expression" dxfId="8891" priority="8894" stopIfTrue="1">
      <formula>INDIRECT("第１の３表②!"&amp;CELL("address",DP23))="×"</formula>
    </cfRule>
    <cfRule type="expression" dxfId="8890" priority="8895" stopIfTrue="1">
      <formula>ISBLANK(AW23)=FALSE</formula>
    </cfRule>
  </conditionalFormatting>
  <conditionalFormatting sqref="AW23:AX24">
    <cfRule type="expression" dxfId="8889" priority="8886" stopIfTrue="1">
      <formula>ISBLANK(AW23)=TRUE</formula>
    </cfRule>
    <cfRule type="expression" dxfId="8888" priority="8887" stopIfTrue="1">
      <formula>INDIRECT("第１の３表②!"&amp;CELL("address",DP23))="×××"</formula>
    </cfRule>
    <cfRule type="expression" dxfId="8887" priority="8888" stopIfTrue="1">
      <formula>INDIRECT("第１の３表②!"&amp;CELL("address",DP23))="××"</formula>
    </cfRule>
    <cfRule type="expression" dxfId="8886" priority="8889" stopIfTrue="1">
      <formula>INDIRECT("第１の３表②!"&amp;CELL("address",DP23))="×"</formula>
    </cfRule>
    <cfRule type="expression" dxfId="8885" priority="8890" stopIfTrue="1">
      <formula>ISBLANK(AW23)=FALSE</formula>
    </cfRule>
  </conditionalFormatting>
  <conditionalFormatting sqref="AZ23:BA24">
    <cfRule type="expression" dxfId="8884" priority="8881" stopIfTrue="1">
      <formula>ISBLANK(AZ23)=TRUE</formula>
    </cfRule>
    <cfRule type="expression" dxfId="8883" priority="8882" stopIfTrue="1">
      <formula>INDIRECT("第１の３表②!"&amp;CELL("address",DS23))="×××"</formula>
    </cfRule>
    <cfRule type="expression" dxfId="8882" priority="8883" stopIfTrue="1">
      <formula>INDIRECT("第１の３表②!"&amp;CELL("address",DS23))="××"</formula>
    </cfRule>
    <cfRule type="expression" dxfId="8881" priority="8884" stopIfTrue="1">
      <formula>INDIRECT("第１の３表②!"&amp;CELL("address",DS23))="×"</formula>
    </cfRule>
    <cfRule type="expression" dxfId="8880" priority="8885" stopIfTrue="1">
      <formula>ISBLANK(AZ23)=FALSE</formula>
    </cfRule>
  </conditionalFormatting>
  <conditionalFormatting sqref="AZ23:BA24">
    <cfRule type="expression" dxfId="8879" priority="8876" stopIfTrue="1">
      <formula>ISBLANK(AZ23)=TRUE</formula>
    </cfRule>
    <cfRule type="expression" dxfId="8878" priority="8877" stopIfTrue="1">
      <formula>INDIRECT("第１の３表②!"&amp;CELL("address",DS23))="×××"</formula>
    </cfRule>
    <cfRule type="expression" dxfId="8877" priority="8878" stopIfTrue="1">
      <formula>INDIRECT("第１の３表②!"&amp;CELL("address",DS23))="××"</formula>
    </cfRule>
    <cfRule type="expression" dxfId="8876" priority="8879" stopIfTrue="1">
      <formula>INDIRECT("第１の３表②!"&amp;CELL("address",DS23))="×"</formula>
    </cfRule>
    <cfRule type="expression" dxfId="8875" priority="8880" stopIfTrue="1">
      <formula>ISBLANK(AZ23)=FALSE</formula>
    </cfRule>
  </conditionalFormatting>
  <conditionalFormatting sqref="AZ23:BA24">
    <cfRule type="expression" dxfId="8874" priority="8871" stopIfTrue="1">
      <formula>ISBLANK(AZ23)=TRUE</formula>
    </cfRule>
    <cfRule type="expression" dxfId="8873" priority="8872" stopIfTrue="1">
      <formula>INDIRECT("第１の３表②!"&amp;CELL("address",DS23))="×××"</formula>
    </cfRule>
    <cfRule type="expression" dxfId="8872" priority="8873" stopIfTrue="1">
      <formula>INDIRECT("第１の３表②!"&amp;CELL("address",DS23))="××"</formula>
    </cfRule>
    <cfRule type="expression" dxfId="8871" priority="8874" stopIfTrue="1">
      <formula>INDIRECT("第１の３表②!"&amp;CELL("address",DS23))="×"</formula>
    </cfRule>
    <cfRule type="expression" dxfId="8870" priority="8875" stopIfTrue="1">
      <formula>ISBLANK(AZ23)=FALSE</formula>
    </cfRule>
  </conditionalFormatting>
  <conditionalFormatting sqref="BC23:BD24">
    <cfRule type="expression" dxfId="8869" priority="8866" stopIfTrue="1">
      <formula>ISBLANK(BC23)=TRUE</formula>
    </cfRule>
    <cfRule type="expression" dxfId="8868" priority="8867" stopIfTrue="1">
      <formula>INDIRECT("第１の３表②!"&amp;CELL("address",DV23))="×××"</formula>
    </cfRule>
    <cfRule type="expression" dxfId="8867" priority="8868" stopIfTrue="1">
      <formula>INDIRECT("第１の３表②!"&amp;CELL("address",DV23))="××"</formula>
    </cfRule>
    <cfRule type="expression" dxfId="8866" priority="8869" stopIfTrue="1">
      <formula>INDIRECT("第１の３表②!"&amp;CELL("address",DV23))="×"</formula>
    </cfRule>
    <cfRule type="expression" dxfId="8865" priority="8870" stopIfTrue="1">
      <formula>ISBLANK(BC23)=FALSE</formula>
    </cfRule>
  </conditionalFormatting>
  <conditionalFormatting sqref="BC23:BD24">
    <cfRule type="expression" dxfId="8864" priority="8861" stopIfTrue="1">
      <formula>ISBLANK(BC23)=TRUE</formula>
    </cfRule>
    <cfRule type="expression" dxfId="8863" priority="8862" stopIfTrue="1">
      <formula>INDIRECT("第１の３表②!"&amp;CELL("address",DV23))="×××"</formula>
    </cfRule>
    <cfRule type="expression" dxfId="8862" priority="8863" stopIfTrue="1">
      <formula>INDIRECT("第１の３表②!"&amp;CELL("address",DV23))="××"</formula>
    </cfRule>
    <cfRule type="expression" dxfId="8861" priority="8864" stopIfTrue="1">
      <formula>INDIRECT("第１の３表②!"&amp;CELL("address",DV23))="×"</formula>
    </cfRule>
    <cfRule type="expression" dxfId="8860" priority="8865" stopIfTrue="1">
      <formula>ISBLANK(BC23)=FALSE</formula>
    </cfRule>
  </conditionalFormatting>
  <conditionalFormatting sqref="BC23:BD24">
    <cfRule type="expression" dxfId="8859" priority="8856" stopIfTrue="1">
      <formula>ISBLANK(BC23)=TRUE</formula>
    </cfRule>
    <cfRule type="expression" dxfId="8858" priority="8857" stopIfTrue="1">
      <formula>INDIRECT("第１の３表②!"&amp;CELL("address",DV23))="×××"</formula>
    </cfRule>
    <cfRule type="expression" dxfId="8857" priority="8858" stopIfTrue="1">
      <formula>INDIRECT("第１の３表②!"&amp;CELL("address",DV23))="××"</formula>
    </cfRule>
    <cfRule type="expression" dxfId="8856" priority="8859" stopIfTrue="1">
      <formula>INDIRECT("第１の３表②!"&amp;CELL("address",DV23))="×"</formula>
    </cfRule>
    <cfRule type="expression" dxfId="8855" priority="8860" stopIfTrue="1">
      <formula>ISBLANK(BC23)=FALSE</formula>
    </cfRule>
  </conditionalFormatting>
  <conditionalFormatting sqref="BF23:BG24">
    <cfRule type="expression" dxfId="8854" priority="8851" stopIfTrue="1">
      <formula>ISBLANK(BF23)=TRUE</formula>
    </cfRule>
    <cfRule type="expression" dxfId="8853" priority="8852" stopIfTrue="1">
      <formula>INDIRECT("第１の３表②!"&amp;CELL("address",DY23))="×××"</formula>
    </cfRule>
    <cfRule type="expression" dxfId="8852" priority="8853" stopIfTrue="1">
      <formula>INDIRECT("第１の３表②!"&amp;CELL("address",DY23))="××"</formula>
    </cfRule>
    <cfRule type="expression" dxfId="8851" priority="8854" stopIfTrue="1">
      <formula>INDIRECT("第１の３表②!"&amp;CELL("address",DY23))="×"</formula>
    </cfRule>
    <cfRule type="expression" dxfId="8850" priority="8855" stopIfTrue="1">
      <formula>ISBLANK(BF23)=FALSE</formula>
    </cfRule>
  </conditionalFormatting>
  <conditionalFormatting sqref="BF23:BG24">
    <cfRule type="expression" dxfId="8849" priority="8846" stopIfTrue="1">
      <formula>ISBLANK(BF23)=TRUE</formula>
    </cfRule>
    <cfRule type="expression" dxfId="8848" priority="8847" stopIfTrue="1">
      <formula>INDIRECT("第１の３表②!"&amp;CELL("address",DY23))="×××"</formula>
    </cfRule>
    <cfRule type="expression" dxfId="8847" priority="8848" stopIfTrue="1">
      <formula>INDIRECT("第１の３表②!"&amp;CELL("address",DY23))="××"</formula>
    </cfRule>
    <cfRule type="expression" dxfId="8846" priority="8849" stopIfTrue="1">
      <formula>INDIRECT("第１の３表②!"&amp;CELL("address",DY23))="×"</formula>
    </cfRule>
    <cfRule type="expression" dxfId="8845" priority="8850" stopIfTrue="1">
      <formula>ISBLANK(BF23)=FALSE</formula>
    </cfRule>
  </conditionalFormatting>
  <conditionalFormatting sqref="BF23:BG24">
    <cfRule type="expression" dxfId="8844" priority="8841" stopIfTrue="1">
      <formula>ISBLANK(BF23)=TRUE</formula>
    </cfRule>
    <cfRule type="expression" dxfId="8843" priority="8842" stopIfTrue="1">
      <formula>INDIRECT("第１の３表②!"&amp;CELL("address",DY23))="×××"</formula>
    </cfRule>
    <cfRule type="expression" dxfId="8842" priority="8843" stopIfTrue="1">
      <formula>INDIRECT("第１の３表②!"&amp;CELL("address",DY23))="××"</formula>
    </cfRule>
    <cfRule type="expression" dxfId="8841" priority="8844" stopIfTrue="1">
      <formula>INDIRECT("第１の３表②!"&amp;CELL("address",DY23))="×"</formula>
    </cfRule>
    <cfRule type="expression" dxfId="8840" priority="8845" stopIfTrue="1">
      <formula>ISBLANK(BF23)=FALSE</formula>
    </cfRule>
  </conditionalFormatting>
  <conditionalFormatting sqref="BI23:BJ24">
    <cfRule type="expression" dxfId="8839" priority="8836" stopIfTrue="1">
      <formula>ISBLANK(BI23)=TRUE</formula>
    </cfRule>
    <cfRule type="expression" dxfId="8838" priority="8837" stopIfTrue="1">
      <formula>INDIRECT("第１の３表②!"&amp;CELL("address",EB23))="×××"</formula>
    </cfRule>
    <cfRule type="expression" dxfId="8837" priority="8838" stopIfTrue="1">
      <formula>INDIRECT("第１の３表②!"&amp;CELL("address",EB23))="××"</formula>
    </cfRule>
    <cfRule type="expression" dxfId="8836" priority="8839" stopIfTrue="1">
      <formula>INDIRECT("第１の３表②!"&amp;CELL("address",EB23))="×"</formula>
    </cfRule>
    <cfRule type="expression" dxfId="8835" priority="8840" stopIfTrue="1">
      <formula>ISBLANK(BI23)=FALSE</formula>
    </cfRule>
  </conditionalFormatting>
  <conditionalFormatting sqref="BI23:BJ24">
    <cfRule type="expression" dxfId="8834" priority="8831" stopIfTrue="1">
      <formula>ISBLANK(BI23)=TRUE</formula>
    </cfRule>
    <cfRule type="expression" dxfId="8833" priority="8832" stopIfTrue="1">
      <formula>INDIRECT("第１の３表②!"&amp;CELL("address",EB23))="×××"</formula>
    </cfRule>
    <cfRule type="expression" dxfId="8832" priority="8833" stopIfTrue="1">
      <formula>INDIRECT("第１の３表②!"&amp;CELL("address",EB23))="××"</formula>
    </cfRule>
    <cfRule type="expression" dxfId="8831" priority="8834" stopIfTrue="1">
      <formula>INDIRECT("第１の３表②!"&amp;CELL("address",EB23))="×"</formula>
    </cfRule>
    <cfRule type="expression" dxfId="8830" priority="8835" stopIfTrue="1">
      <formula>ISBLANK(BI23)=FALSE</formula>
    </cfRule>
  </conditionalFormatting>
  <conditionalFormatting sqref="BI23:BJ24">
    <cfRule type="expression" dxfId="8829" priority="8826" stopIfTrue="1">
      <formula>ISBLANK(BI23)=TRUE</formula>
    </cfRule>
    <cfRule type="expression" dxfId="8828" priority="8827" stopIfTrue="1">
      <formula>INDIRECT("第１の３表②!"&amp;CELL("address",EB23))="×××"</formula>
    </cfRule>
    <cfRule type="expression" dxfId="8827" priority="8828" stopIfTrue="1">
      <formula>INDIRECT("第１の３表②!"&amp;CELL("address",EB23))="××"</formula>
    </cfRule>
    <cfRule type="expression" dxfId="8826" priority="8829" stopIfTrue="1">
      <formula>INDIRECT("第１の３表②!"&amp;CELL("address",EB23))="×"</formula>
    </cfRule>
    <cfRule type="expression" dxfId="8825" priority="8830" stopIfTrue="1">
      <formula>ISBLANK(BI23)=FALSE</formula>
    </cfRule>
  </conditionalFormatting>
  <conditionalFormatting sqref="BL23:BM24">
    <cfRule type="expression" dxfId="8824" priority="8821" stopIfTrue="1">
      <formula>ISBLANK(BL23)=TRUE</formula>
    </cfRule>
    <cfRule type="expression" dxfId="8823" priority="8822" stopIfTrue="1">
      <formula>INDIRECT("第１の３表②!"&amp;CELL("address",EE23))="×××"</formula>
    </cfRule>
    <cfRule type="expression" dxfId="8822" priority="8823" stopIfTrue="1">
      <formula>INDIRECT("第１の３表②!"&amp;CELL("address",EE23))="××"</formula>
    </cfRule>
    <cfRule type="expression" dxfId="8821" priority="8824" stopIfTrue="1">
      <formula>INDIRECT("第１の３表②!"&amp;CELL("address",EE23))="×"</formula>
    </cfRule>
    <cfRule type="expression" dxfId="8820" priority="8825" stopIfTrue="1">
      <formula>ISBLANK(BL23)=FALSE</formula>
    </cfRule>
  </conditionalFormatting>
  <conditionalFormatting sqref="BL23:BM24">
    <cfRule type="expression" dxfId="8819" priority="8816" stopIfTrue="1">
      <formula>ISBLANK(BL23)=TRUE</formula>
    </cfRule>
    <cfRule type="expression" dxfId="8818" priority="8817" stopIfTrue="1">
      <formula>INDIRECT("第１の３表②!"&amp;CELL("address",EE23))="×××"</formula>
    </cfRule>
    <cfRule type="expression" dxfId="8817" priority="8818" stopIfTrue="1">
      <formula>INDIRECT("第１の３表②!"&amp;CELL("address",EE23))="××"</formula>
    </cfRule>
    <cfRule type="expression" dxfId="8816" priority="8819" stopIfTrue="1">
      <formula>INDIRECT("第１の３表②!"&amp;CELL("address",EE23))="×"</formula>
    </cfRule>
    <cfRule type="expression" dxfId="8815" priority="8820" stopIfTrue="1">
      <formula>ISBLANK(BL23)=FALSE</formula>
    </cfRule>
  </conditionalFormatting>
  <conditionalFormatting sqref="BL23:BM24">
    <cfRule type="expression" dxfId="8814" priority="8811" stopIfTrue="1">
      <formula>ISBLANK(BL23)=TRUE</formula>
    </cfRule>
    <cfRule type="expression" dxfId="8813" priority="8812" stopIfTrue="1">
      <formula>INDIRECT("第１の３表②!"&amp;CELL("address",EE23))="×××"</formula>
    </cfRule>
    <cfRule type="expression" dxfId="8812" priority="8813" stopIfTrue="1">
      <formula>INDIRECT("第１の３表②!"&amp;CELL("address",EE23))="××"</formula>
    </cfRule>
    <cfRule type="expression" dxfId="8811" priority="8814" stopIfTrue="1">
      <formula>INDIRECT("第１の３表②!"&amp;CELL("address",EE23))="×"</formula>
    </cfRule>
    <cfRule type="expression" dxfId="8810" priority="8815" stopIfTrue="1">
      <formula>ISBLANK(BL23)=FALSE</formula>
    </cfRule>
  </conditionalFormatting>
  <conditionalFormatting sqref="BO23:BP24">
    <cfRule type="expression" dxfId="8809" priority="8806" stopIfTrue="1">
      <formula>ISBLANK(BO23)=TRUE</formula>
    </cfRule>
    <cfRule type="expression" dxfId="8808" priority="8807" stopIfTrue="1">
      <formula>INDIRECT("第１の３表②!"&amp;CELL("address",EH23))="×××"</formula>
    </cfRule>
    <cfRule type="expression" dxfId="8807" priority="8808" stopIfTrue="1">
      <formula>INDIRECT("第１の３表②!"&amp;CELL("address",EH23))="××"</formula>
    </cfRule>
    <cfRule type="expression" dxfId="8806" priority="8809" stopIfTrue="1">
      <formula>INDIRECT("第１の３表②!"&amp;CELL("address",EH23))="×"</formula>
    </cfRule>
    <cfRule type="expression" dxfId="8805" priority="8810" stopIfTrue="1">
      <formula>ISBLANK(BO23)=FALSE</formula>
    </cfRule>
  </conditionalFormatting>
  <conditionalFormatting sqref="BO23:BP24">
    <cfRule type="expression" dxfId="8804" priority="8801" stopIfTrue="1">
      <formula>ISBLANK(BO23)=TRUE</formula>
    </cfRule>
    <cfRule type="expression" dxfId="8803" priority="8802" stopIfTrue="1">
      <formula>INDIRECT("第１の３表②!"&amp;CELL("address",EH23))="×××"</formula>
    </cfRule>
    <cfRule type="expression" dxfId="8802" priority="8803" stopIfTrue="1">
      <formula>INDIRECT("第１の３表②!"&amp;CELL("address",EH23))="××"</formula>
    </cfRule>
    <cfRule type="expression" dxfId="8801" priority="8804" stopIfTrue="1">
      <formula>INDIRECT("第１の３表②!"&amp;CELL("address",EH23))="×"</formula>
    </cfRule>
    <cfRule type="expression" dxfId="8800" priority="8805" stopIfTrue="1">
      <formula>ISBLANK(BO23)=FALSE</formula>
    </cfRule>
  </conditionalFormatting>
  <conditionalFormatting sqref="BO23:BP24">
    <cfRule type="expression" dxfId="8799" priority="8796" stopIfTrue="1">
      <formula>ISBLANK(BO23)=TRUE</formula>
    </cfRule>
    <cfRule type="expression" dxfId="8798" priority="8797" stopIfTrue="1">
      <formula>INDIRECT("第１の３表②!"&amp;CELL("address",EH23))="×××"</formula>
    </cfRule>
    <cfRule type="expression" dxfId="8797" priority="8798" stopIfTrue="1">
      <formula>INDIRECT("第１の３表②!"&amp;CELL("address",EH23))="××"</formula>
    </cfRule>
    <cfRule type="expression" dxfId="8796" priority="8799" stopIfTrue="1">
      <formula>INDIRECT("第１の３表②!"&amp;CELL("address",EH23))="×"</formula>
    </cfRule>
    <cfRule type="expression" dxfId="8795" priority="8800" stopIfTrue="1">
      <formula>ISBLANK(BO23)=FALSE</formula>
    </cfRule>
  </conditionalFormatting>
  <conditionalFormatting sqref="J26:K27">
    <cfRule type="expression" dxfId="8794" priority="8791" stopIfTrue="1">
      <formula>ISBLANK(J26)=TRUE</formula>
    </cfRule>
    <cfRule type="expression" dxfId="8793" priority="8792" stopIfTrue="1">
      <formula>INDIRECT("第１の３表②!"&amp;CELL("address",CC26))="×××"</formula>
    </cfRule>
    <cfRule type="expression" dxfId="8792" priority="8793" stopIfTrue="1">
      <formula>INDIRECT("第１の３表②!"&amp;CELL("address",CC26))="××"</formula>
    </cfRule>
    <cfRule type="expression" dxfId="8791" priority="8794" stopIfTrue="1">
      <formula>INDIRECT("第１の３表②!"&amp;CELL("address",CC26))="×"</formula>
    </cfRule>
    <cfRule type="expression" dxfId="8790" priority="8795" stopIfTrue="1">
      <formula>ISBLANK(J26)=FALSE</formula>
    </cfRule>
  </conditionalFormatting>
  <conditionalFormatting sqref="J26:K27">
    <cfRule type="expression" dxfId="8789" priority="8786" stopIfTrue="1">
      <formula>ISBLANK(J26)=TRUE</formula>
    </cfRule>
    <cfRule type="expression" dxfId="8788" priority="8787" stopIfTrue="1">
      <formula>INDIRECT("第１の３表②!"&amp;CELL("address",CC26))="×××"</formula>
    </cfRule>
    <cfRule type="expression" dxfId="8787" priority="8788" stopIfTrue="1">
      <formula>INDIRECT("第１の３表②!"&amp;CELL("address",CC26))="××"</formula>
    </cfRule>
    <cfRule type="expression" dxfId="8786" priority="8789" stopIfTrue="1">
      <formula>INDIRECT("第１の３表②!"&amp;CELL("address",CC26))="×"</formula>
    </cfRule>
    <cfRule type="expression" dxfId="8785" priority="8790" stopIfTrue="1">
      <formula>ISBLANK(J26)=FALSE</formula>
    </cfRule>
  </conditionalFormatting>
  <conditionalFormatting sqref="J26:K27">
    <cfRule type="expression" dxfId="8784" priority="8781" stopIfTrue="1">
      <formula>ISBLANK(J26)=TRUE</formula>
    </cfRule>
    <cfRule type="expression" dxfId="8783" priority="8782" stopIfTrue="1">
      <formula>INDIRECT("第１の３表②!"&amp;CELL("address",CC26))="×××"</formula>
    </cfRule>
    <cfRule type="expression" dxfId="8782" priority="8783" stopIfTrue="1">
      <formula>INDIRECT("第１の３表②!"&amp;CELL("address",CC26))="××"</formula>
    </cfRule>
    <cfRule type="expression" dxfId="8781" priority="8784" stopIfTrue="1">
      <formula>INDIRECT("第１の３表②!"&amp;CELL("address",CC26))="×"</formula>
    </cfRule>
    <cfRule type="expression" dxfId="8780" priority="8785" stopIfTrue="1">
      <formula>ISBLANK(J26)=FALSE</formula>
    </cfRule>
  </conditionalFormatting>
  <conditionalFormatting sqref="M26:N27">
    <cfRule type="expression" dxfId="8779" priority="8776" stopIfTrue="1">
      <formula>ISBLANK(M26)=TRUE</formula>
    </cfRule>
    <cfRule type="expression" dxfId="8778" priority="8777" stopIfTrue="1">
      <formula>INDIRECT("第１の３表②!"&amp;CELL("address",CF26))="×××"</formula>
    </cfRule>
    <cfRule type="expression" dxfId="8777" priority="8778" stopIfTrue="1">
      <formula>INDIRECT("第１の３表②!"&amp;CELL("address",CF26))="××"</formula>
    </cfRule>
    <cfRule type="expression" dxfId="8776" priority="8779" stopIfTrue="1">
      <formula>INDIRECT("第１の３表②!"&amp;CELL("address",CF26))="×"</formula>
    </cfRule>
    <cfRule type="expression" dxfId="8775" priority="8780" stopIfTrue="1">
      <formula>ISBLANK(M26)=FALSE</formula>
    </cfRule>
  </conditionalFormatting>
  <conditionalFormatting sqref="M26:N27">
    <cfRule type="expression" dxfId="8774" priority="8771" stopIfTrue="1">
      <formula>ISBLANK(M26)=TRUE</formula>
    </cfRule>
    <cfRule type="expression" dxfId="8773" priority="8772" stopIfTrue="1">
      <formula>INDIRECT("第１の３表②!"&amp;CELL("address",CF26))="×××"</formula>
    </cfRule>
    <cfRule type="expression" dxfId="8772" priority="8773" stopIfTrue="1">
      <formula>INDIRECT("第１の３表②!"&amp;CELL("address",CF26))="××"</formula>
    </cfRule>
    <cfRule type="expression" dxfId="8771" priority="8774" stopIfTrue="1">
      <formula>INDIRECT("第１の３表②!"&amp;CELL("address",CF26))="×"</formula>
    </cfRule>
    <cfRule type="expression" dxfId="8770" priority="8775" stopIfTrue="1">
      <formula>ISBLANK(M26)=FALSE</formula>
    </cfRule>
  </conditionalFormatting>
  <conditionalFormatting sqref="M26:N27">
    <cfRule type="expression" dxfId="8769" priority="8766" stopIfTrue="1">
      <formula>ISBLANK(M26)=TRUE</formula>
    </cfRule>
    <cfRule type="expression" dxfId="8768" priority="8767" stopIfTrue="1">
      <formula>INDIRECT("第１の３表②!"&amp;CELL("address",CF26))="×××"</formula>
    </cfRule>
    <cfRule type="expression" dxfId="8767" priority="8768" stopIfTrue="1">
      <formula>INDIRECT("第１の３表②!"&amp;CELL("address",CF26))="××"</formula>
    </cfRule>
    <cfRule type="expression" dxfId="8766" priority="8769" stopIfTrue="1">
      <formula>INDIRECT("第１の３表②!"&amp;CELL("address",CF26))="×"</formula>
    </cfRule>
    <cfRule type="expression" dxfId="8765" priority="8770" stopIfTrue="1">
      <formula>ISBLANK(M26)=FALSE</formula>
    </cfRule>
  </conditionalFormatting>
  <conditionalFormatting sqref="P26:Q27">
    <cfRule type="expression" dxfId="8764" priority="8761" stopIfTrue="1">
      <formula>ISBLANK(P26)=TRUE</formula>
    </cfRule>
    <cfRule type="expression" dxfId="8763" priority="8762" stopIfTrue="1">
      <formula>INDIRECT("第１の３表②!"&amp;CELL("address",CI26))="×××"</formula>
    </cfRule>
    <cfRule type="expression" dxfId="8762" priority="8763" stopIfTrue="1">
      <formula>INDIRECT("第１の３表②!"&amp;CELL("address",CI26))="××"</formula>
    </cfRule>
    <cfRule type="expression" dxfId="8761" priority="8764" stopIfTrue="1">
      <formula>INDIRECT("第１の３表②!"&amp;CELL("address",CI26))="×"</formula>
    </cfRule>
    <cfRule type="expression" dxfId="8760" priority="8765" stopIfTrue="1">
      <formula>ISBLANK(P26)=FALSE</formula>
    </cfRule>
  </conditionalFormatting>
  <conditionalFormatting sqref="P26:Q27">
    <cfRule type="expression" dxfId="8759" priority="8756" stopIfTrue="1">
      <formula>ISBLANK(P26)=TRUE</formula>
    </cfRule>
    <cfRule type="expression" dxfId="8758" priority="8757" stopIfTrue="1">
      <formula>INDIRECT("第１の３表②!"&amp;CELL("address",CI26))="×××"</formula>
    </cfRule>
    <cfRule type="expression" dxfId="8757" priority="8758" stopIfTrue="1">
      <formula>INDIRECT("第１の３表②!"&amp;CELL("address",CI26))="××"</formula>
    </cfRule>
    <cfRule type="expression" dxfId="8756" priority="8759" stopIfTrue="1">
      <formula>INDIRECT("第１の３表②!"&amp;CELL("address",CI26))="×"</formula>
    </cfRule>
    <cfRule type="expression" dxfId="8755" priority="8760" stopIfTrue="1">
      <formula>ISBLANK(P26)=FALSE</formula>
    </cfRule>
  </conditionalFormatting>
  <conditionalFormatting sqref="P26:Q27">
    <cfRule type="expression" dxfId="8754" priority="8751" stopIfTrue="1">
      <formula>ISBLANK(P26)=TRUE</formula>
    </cfRule>
    <cfRule type="expression" dxfId="8753" priority="8752" stopIfTrue="1">
      <formula>INDIRECT("第１の３表②!"&amp;CELL("address",CI26))="×××"</formula>
    </cfRule>
    <cfRule type="expression" dxfId="8752" priority="8753" stopIfTrue="1">
      <formula>INDIRECT("第１の３表②!"&amp;CELL("address",CI26))="××"</formula>
    </cfRule>
    <cfRule type="expression" dxfId="8751" priority="8754" stopIfTrue="1">
      <formula>INDIRECT("第１の３表②!"&amp;CELL("address",CI26))="×"</formula>
    </cfRule>
    <cfRule type="expression" dxfId="8750" priority="8755" stopIfTrue="1">
      <formula>ISBLANK(P26)=FALSE</formula>
    </cfRule>
  </conditionalFormatting>
  <conditionalFormatting sqref="S26:T27">
    <cfRule type="expression" dxfId="8749" priority="8746" stopIfTrue="1">
      <formula>ISBLANK(S26)=TRUE</formula>
    </cfRule>
    <cfRule type="expression" dxfId="8748" priority="8747" stopIfTrue="1">
      <formula>INDIRECT("第１の３表②!"&amp;CELL("address",CL26))="×××"</formula>
    </cfRule>
    <cfRule type="expression" dxfId="8747" priority="8748" stopIfTrue="1">
      <formula>INDIRECT("第１の３表②!"&amp;CELL("address",CL26))="××"</formula>
    </cfRule>
    <cfRule type="expression" dxfId="8746" priority="8749" stopIfTrue="1">
      <formula>INDIRECT("第１の３表②!"&amp;CELL("address",CL26))="×"</formula>
    </cfRule>
    <cfRule type="expression" dxfId="8745" priority="8750" stopIfTrue="1">
      <formula>ISBLANK(S26)=FALSE</formula>
    </cfRule>
  </conditionalFormatting>
  <conditionalFormatting sqref="S26:T27">
    <cfRule type="expression" dxfId="8744" priority="8741" stopIfTrue="1">
      <formula>ISBLANK(S26)=TRUE</formula>
    </cfRule>
    <cfRule type="expression" dxfId="8743" priority="8742" stopIfTrue="1">
      <formula>INDIRECT("第１の３表②!"&amp;CELL("address",CL26))="×××"</formula>
    </cfRule>
    <cfRule type="expression" dxfId="8742" priority="8743" stopIfTrue="1">
      <formula>INDIRECT("第１の３表②!"&amp;CELL("address",CL26))="××"</formula>
    </cfRule>
    <cfRule type="expression" dxfId="8741" priority="8744" stopIfTrue="1">
      <formula>INDIRECT("第１の３表②!"&amp;CELL("address",CL26))="×"</formula>
    </cfRule>
    <cfRule type="expression" dxfId="8740" priority="8745" stopIfTrue="1">
      <formula>ISBLANK(S26)=FALSE</formula>
    </cfRule>
  </conditionalFormatting>
  <conditionalFormatting sqref="S26:T27">
    <cfRule type="expression" dxfId="8739" priority="8736" stopIfTrue="1">
      <formula>ISBLANK(S26)=TRUE</formula>
    </cfRule>
    <cfRule type="expression" dxfId="8738" priority="8737" stopIfTrue="1">
      <formula>INDIRECT("第１の３表②!"&amp;CELL("address",CL26))="×××"</formula>
    </cfRule>
    <cfRule type="expression" dxfId="8737" priority="8738" stopIfTrue="1">
      <formula>INDIRECT("第１の３表②!"&amp;CELL("address",CL26))="××"</formula>
    </cfRule>
    <cfRule type="expression" dxfId="8736" priority="8739" stopIfTrue="1">
      <formula>INDIRECT("第１の３表②!"&amp;CELL("address",CL26))="×"</formula>
    </cfRule>
    <cfRule type="expression" dxfId="8735" priority="8740" stopIfTrue="1">
      <formula>ISBLANK(S26)=FALSE</formula>
    </cfRule>
  </conditionalFormatting>
  <conditionalFormatting sqref="V26:W27">
    <cfRule type="expression" dxfId="8734" priority="8731" stopIfTrue="1">
      <formula>ISBLANK(V26)=TRUE</formula>
    </cfRule>
    <cfRule type="expression" dxfId="8733" priority="8732" stopIfTrue="1">
      <formula>INDIRECT("第１の３表②!"&amp;CELL("address",CO26))="×××"</formula>
    </cfRule>
    <cfRule type="expression" dxfId="8732" priority="8733" stopIfTrue="1">
      <formula>INDIRECT("第１の３表②!"&amp;CELL("address",CO26))="××"</formula>
    </cfRule>
    <cfRule type="expression" dxfId="8731" priority="8734" stopIfTrue="1">
      <formula>INDIRECT("第１の３表②!"&amp;CELL("address",CO26))="×"</formula>
    </cfRule>
    <cfRule type="expression" dxfId="8730" priority="8735" stopIfTrue="1">
      <formula>ISBLANK(V26)=FALSE</formula>
    </cfRule>
  </conditionalFormatting>
  <conditionalFormatting sqref="V26:W27">
    <cfRule type="expression" dxfId="8729" priority="8726" stopIfTrue="1">
      <formula>ISBLANK(V26)=TRUE</formula>
    </cfRule>
    <cfRule type="expression" dxfId="8728" priority="8727" stopIfTrue="1">
      <formula>INDIRECT("第１の３表②!"&amp;CELL("address",CO26))="×××"</formula>
    </cfRule>
    <cfRule type="expression" dxfId="8727" priority="8728" stopIfTrue="1">
      <formula>INDIRECT("第１の３表②!"&amp;CELL("address",CO26))="××"</formula>
    </cfRule>
    <cfRule type="expression" dxfId="8726" priority="8729" stopIfTrue="1">
      <formula>INDIRECT("第１の３表②!"&amp;CELL("address",CO26))="×"</formula>
    </cfRule>
    <cfRule type="expression" dxfId="8725" priority="8730" stopIfTrue="1">
      <formula>ISBLANK(V26)=FALSE</formula>
    </cfRule>
  </conditionalFormatting>
  <conditionalFormatting sqref="V26:W27">
    <cfRule type="expression" dxfId="8724" priority="8721" stopIfTrue="1">
      <formula>ISBLANK(V26)=TRUE</formula>
    </cfRule>
    <cfRule type="expression" dxfId="8723" priority="8722" stopIfTrue="1">
      <formula>INDIRECT("第１の３表②!"&amp;CELL("address",CO26))="×××"</formula>
    </cfRule>
    <cfRule type="expression" dxfId="8722" priority="8723" stopIfTrue="1">
      <formula>INDIRECT("第１の３表②!"&amp;CELL("address",CO26))="××"</formula>
    </cfRule>
    <cfRule type="expression" dxfId="8721" priority="8724" stopIfTrue="1">
      <formula>INDIRECT("第１の３表②!"&amp;CELL("address",CO26))="×"</formula>
    </cfRule>
    <cfRule type="expression" dxfId="8720" priority="8725" stopIfTrue="1">
      <formula>ISBLANK(V26)=FALSE</formula>
    </cfRule>
  </conditionalFormatting>
  <conditionalFormatting sqref="Y26:Z27">
    <cfRule type="expression" dxfId="8719" priority="8716" stopIfTrue="1">
      <formula>ISBLANK(Y26)=TRUE</formula>
    </cfRule>
    <cfRule type="expression" dxfId="8718" priority="8717" stopIfTrue="1">
      <formula>INDIRECT("第１の３表②!"&amp;CELL("address",CR26))="×××"</formula>
    </cfRule>
    <cfRule type="expression" dxfId="8717" priority="8718" stopIfTrue="1">
      <formula>INDIRECT("第１の３表②!"&amp;CELL("address",CR26))="××"</formula>
    </cfRule>
    <cfRule type="expression" dxfId="8716" priority="8719" stopIfTrue="1">
      <formula>INDIRECT("第１の３表②!"&amp;CELL("address",CR26))="×"</formula>
    </cfRule>
    <cfRule type="expression" dxfId="8715" priority="8720" stopIfTrue="1">
      <formula>ISBLANK(Y26)=FALSE</formula>
    </cfRule>
  </conditionalFormatting>
  <conditionalFormatting sqref="Y26:Z27">
    <cfRule type="expression" dxfId="8714" priority="8711" stopIfTrue="1">
      <formula>ISBLANK(Y26)=TRUE</formula>
    </cfRule>
    <cfRule type="expression" dxfId="8713" priority="8712" stopIfTrue="1">
      <formula>INDIRECT("第１の３表②!"&amp;CELL("address",CR26))="×××"</formula>
    </cfRule>
    <cfRule type="expression" dxfId="8712" priority="8713" stopIfTrue="1">
      <formula>INDIRECT("第１の３表②!"&amp;CELL("address",CR26))="××"</formula>
    </cfRule>
    <cfRule type="expression" dxfId="8711" priority="8714" stopIfTrue="1">
      <formula>INDIRECT("第１の３表②!"&amp;CELL("address",CR26))="×"</formula>
    </cfRule>
    <cfRule type="expression" dxfId="8710" priority="8715" stopIfTrue="1">
      <formula>ISBLANK(Y26)=FALSE</formula>
    </cfRule>
  </conditionalFormatting>
  <conditionalFormatting sqref="Y26:Z27">
    <cfRule type="expression" dxfId="8709" priority="8706" stopIfTrue="1">
      <formula>ISBLANK(Y26)=TRUE</formula>
    </cfRule>
    <cfRule type="expression" dxfId="8708" priority="8707" stopIfTrue="1">
      <formula>INDIRECT("第１の３表②!"&amp;CELL("address",CR26))="×××"</formula>
    </cfRule>
    <cfRule type="expression" dxfId="8707" priority="8708" stopIfTrue="1">
      <formula>INDIRECT("第１の３表②!"&amp;CELL("address",CR26))="××"</formula>
    </cfRule>
    <cfRule type="expression" dxfId="8706" priority="8709" stopIfTrue="1">
      <formula>INDIRECT("第１の３表②!"&amp;CELL("address",CR26))="×"</formula>
    </cfRule>
    <cfRule type="expression" dxfId="8705" priority="8710" stopIfTrue="1">
      <formula>ISBLANK(Y26)=FALSE</formula>
    </cfRule>
  </conditionalFormatting>
  <conditionalFormatting sqref="AB26:AC27">
    <cfRule type="expression" dxfId="8704" priority="8701" stopIfTrue="1">
      <formula>ISBLANK(AB26)=TRUE</formula>
    </cfRule>
    <cfRule type="expression" dxfId="8703" priority="8702" stopIfTrue="1">
      <formula>INDIRECT("第１の３表②!"&amp;CELL("address",CU26))="×××"</formula>
    </cfRule>
    <cfRule type="expression" dxfId="8702" priority="8703" stopIfTrue="1">
      <formula>INDIRECT("第１の３表②!"&amp;CELL("address",CU26))="××"</formula>
    </cfRule>
    <cfRule type="expression" dxfId="8701" priority="8704" stopIfTrue="1">
      <formula>INDIRECT("第１の３表②!"&amp;CELL("address",CU26))="×"</formula>
    </cfRule>
    <cfRule type="expression" dxfId="8700" priority="8705" stopIfTrue="1">
      <formula>ISBLANK(AB26)=FALSE</formula>
    </cfRule>
  </conditionalFormatting>
  <conditionalFormatting sqref="AB26:AC27">
    <cfRule type="expression" dxfId="8699" priority="8696" stopIfTrue="1">
      <formula>ISBLANK(AB26)=TRUE</formula>
    </cfRule>
    <cfRule type="expression" dxfId="8698" priority="8697" stopIfTrue="1">
      <formula>INDIRECT("第１の３表②!"&amp;CELL("address",CU26))="×××"</formula>
    </cfRule>
    <cfRule type="expression" dxfId="8697" priority="8698" stopIfTrue="1">
      <formula>INDIRECT("第１の３表②!"&amp;CELL("address",CU26))="××"</formula>
    </cfRule>
    <cfRule type="expression" dxfId="8696" priority="8699" stopIfTrue="1">
      <formula>INDIRECT("第１の３表②!"&amp;CELL("address",CU26))="×"</formula>
    </cfRule>
    <cfRule type="expression" dxfId="8695" priority="8700" stopIfTrue="1">
      <formula>ISBLANK(AB26)=FALSE</formula>
    </cfRule>
  </conditionalFormatting>
  <conditionalFormatting sqref="AB26:AC27">
    <cfRule type="expression" dxfId="8694" priority="8691" stopIfTrue="1">
      <formula>ISBLANK(AB26)=TRUE</formula>
    </cfRule>
    <cfRule type="expression" dxfId="8693" priority="8692" stopIfTrue="1">
      <formula>INDIRECT("第１の３表②!"&amp;CELL("address",CU26))="×××"</formula>
    </cfRule>
    <cfRule type="expression" dxfId="8692" priority="8693" stopIfTrue="1">
      <formula>INDIRECT("第１の３表②!"&amp;CELL("address",CU26))="××"</formula>
    </cfRule>
    <cfRule type="expression" dxfId="8691" priority="8694" stopIfTrue="1">
      <formula>INDIRECT("第１の３表②!"&amp;CELL("address",CU26))="×"</formula>
    </cfRule>
    <cfRule type="expression" dxfId="8690" priority="8695" stopIfTrue="1">
      <formula>ISBLANK(AB26)=FALSE</formula>
    </cfRule>
  </conditionalFormatting>
  <conditionalFormatting sqref="AE26:AF27">
    <cfRule type="expression" dxfId="8689" priority="8686" stopIfTrue="1">
      <formula>ISBLANK(AE26)=TRUE</formula>
    </cfRule>
    <cfRule type="expression" dxfId="8688" priority="8687" stopIfTrue="1">
      <formula>INDIRECT("第１の３表②!"&amp;CELL("address",CX26))="×××"</formula>
    </cfRule>
    <cfRule type="expression" dxfId="8687" priority="8688" stopIfTrue="1">
      <formula>INDIRECT("第１の３表②!"&amp;CELL("address",CX26))="××"</formula>
    </cfRule>
    <cfRule type="expression" dxfId="8686" priority="8689" stopIfTrue="1">
      <formula>INDIRECT("第１の３表②!"&amp;CELL("address",CX26))="×"</formula>
    </cfRule>
    <cfRule type="expression" dxfId="8685" priority="8690" stopIfTrue="1">
      <formula>ISBLANK(AE26)=FALSE</formula>
    </cfRule>
  </conditionalFormatting>
  <conditionalFormatting sqref="AE26:AF27">
    <cfRule type="expression" dxfId="8684" priority="8681" stopIfTrue="1">
      <formula>ISBLANK(AE26)=TRUE</formula>
    </cfRule>
    <cfRule type="expression" dxfId="8683" priority="8682" stopIfTrue="1">
      <formula>INDIRECT("第１の３表②!"&amp;CELL("address",CX26))="×××"</formula>
    </cfRule>
    <cfRule type="expression" dxfId="8682" priority="8683" stopIfTrue="1">
      <formula>INDIRECT("第１の３表②!"&amp;CELL("address",CX26))="××"</formula>
    </cfRule>
    <cfRule type="expression" dxfId="8681" priority="8684" stopIfTrue="1">
      <formula>INDIRECT("第１の３表②!"&amp;CELL("address",CX26))="×"</formula>
    </cfRule>
    <cfRule type="expression" dxfId="8680" priority="8685" stopIfTrue="1">
      <formula>ISBLANK(AE26)=FALSE</formula>
    </cfRule>
  </conditionalFormatting>
  <conditionalFormatting sqref="AE26:AF27">
    <cfRule type="expression" dxfId="8679" priority="8676" stopIfTrue="1">
      <formula>ISBLANK(AE26)=TRUE</formula>
    </cfRule>
    <cfRule type="expression" dxfId="8678" priority="8677" stopIfTrue="1">
      <formula>INDIRECT("第１の３表②!"&amp;CELL("address",CX26))="×××"</formula>
    </cfRule>
    <cfRule type="expression" dxfId="8677" priority="8678" stopIfTrue="1">
      <formula>INDIRECT("第１の３表②!"&amp;CELL("address",CX26))="××"</formula>
    </cfRule>
    <cfRule type="expression" dxfId="8676" priority="8679" stopIfTrue="1">
      <formula>INDIRECT("第１の３表②!"&amp;CELL("address",CX26))="×"</formula>
    </cfRule>
    <cfRule type="expression" dxfId="8675" priority="8680" stopIfTrue="1">
      <formula>ISBLANK(AE26)=FALSE</formula>
    </cfRule>
  </conditionalFormatting>
  <conditionalFormatting sqref="AH26:AI27">
    <cfRule type="expression" dxfId="8674" priority="8671" stopIfTrue="1">
      <formula>ISBLANK(AH26)=TRUE</formula>
    </cfRule>
    <cfRule type="expression" dxfId="8673" priority="8672" stopIfTrue="1">
      <formula>INDIRECT("第１の３表②!"&amp;CELL("address",DA26))="×××"</formula>
    </cfRule>
    <cfRule type="expression" dxfId="8672" priority="8673" stopIfTrue="1">
      <formula>INDIRECT("第１の３表②!"&amp;CELL("address",DA26))="××"</formula>
    </cfRule>
    <cfRule type="expression" dxfId="8671" priority="8674" stopIfTrue="1">
      <formula>INDIRECT("第１の３表②!"&amp;CELL("address",DA26))="×"</formula>
    </cfRule>
    <cfRule type="expression" dxfId="8670" priority="8675" stopIfTrue="1">
      <formula>ISBLANK(AH26)=FALSE</formula>
    </cfRule>
  </conditionalFormatting>
  <conditionalFormatting sqref="AH26:AI27">
    <cfRule type="expression" dxfId="8669" priority="8666" stopIfTrue="1">
      <formula>ISBLANK(AH26)=TRUE</formula>
    </cfRule>
    <cfRule type="expression" dxfId="8668" priority="8667" stopIfTrue="1">
      <formula>INDIRECT("第１の３表②!"&amp;CELL("address",DA26))="×××"</formula>
    </cfRule>
    <cfRule type="expression" dxfId="8667" priority="8668" stopIfTrue="1">
      <formula>INDIRECT("第１の３表②!"&amp;CELL("address",DA26))="××"</formula>
    </cfRule>
    <cfRule type="expression" dxfId="8666" priority="8669" stopIfTrue="1">
      <formula>INDIRECT("第１の３表②!"&amp;CELL("address",DA26))="×"</formula>
    </cfRule>
    <cfRule type="expression" dxfId="8665" priority="8670" stopIfTrue="1">
      <formula>ISBLANK(AH26)=FALSE</formula>
    </cfRule>
  </conditionalFormatting>
  <conditionalFormatting sqref="AH26:AI27">
    <cfRule type="expression" dxfId="8664" priority="8661" stopIfTrue="1">
      <formula>ISBLANK(AH26)=TRUE</formula>
    </cfRule>
    <cfRule type="expression" dxfId="8663" priority="8662" stopIfTrue="1">
      <formula>INDIRECT("第１の３表②!"&amp;CELL("address",DA26))="×××"</formula>
    </cfRule>
    <cfRule type="expression" dxfId="8662" priority="8663" stopIfTrue="1">
      <formula>INDIRECT("第１の３表②!"&amp;CELL("address",DA26))="××"</formula>
    </cfRule>
    <cfRule type="expression" dxfId="8661" priority="8664" stopIfTrue="1">
      <formula>INDIRECT("第１の３表②!"&amp;CELL("address",DA26))="×"</formula>
    </cfRule>
    <cfRule type="expression" dxfId="8660" priority="8665" stopIfTrue="1">
      <formula>ISBLANK(AH26)=FALSE</formula>
    </cfRule>
  </conditionalFormatting>
  <conditionalFormatting sqref="AK26:AL27">
    <cfRule type="expression" dxfId="8659" priority="8656" stopIfTrue="1">
      <formula>ISBLANK(AK26)=TRUE</formula>
    </cfRule>
    <cfRule type="expression" dxfId="8658" priority="8657" stopIfTrue="1">
      <formula>INDIRECT("第１の３表②!"&amp;CELL("address",DD26))="×××"</formula>
    </cfRule>
    <cfRule type="expression" dxfId="8657" priority="8658" stopIfTrue="1">
      <formula>INDIRECT("第１の３表②!"&amp;CELL("address",DD26))="××"</formula>
    </cfRule>
    <cfRule type="expression" dxfId="8656" priority="8659" stopIfTrue="1">
      <formula>INDIRECT("第１の３表②!"&amp;CELL("address",DD26))="×"</formula>
    </cfRule>
    <cfRule type="expression" dxfId="8655" priority="8660" stopIfTrue="1">
      <formula>ISBLANK(AK26)=FALSE</formula>
    </cfRule>
  </conditionalFormatting>
  <conditionalFormatting sqref="AK26:AL27">
    <cfRule type="expression" dxfId="8654" priority="8651" stopIfTrue="1">
      <formula>ISBLANK(AK26)=TRUE</formula>
    </cfRule>
    <cfRule type="expression" dxfId="8653" priority="8652" stopIfTrue="1">
      <formula>INDIRECT("第１の３表②!"&amp;CELL("address",DD26))="×××"</formula>
    </cfRule>
    <cfRule type="expression" dxfId="8652" priority="8653" stopIfTrue="1">
      <formula>INDIRECT("第１の３表②!"&amp;CELL("address",DD26))="××"</formula>
    </cfRule>
    <cfRule type="expression" dxfId="8651" priority="8654" stopIfTrue="1">
      <formula>INDIRECT("第１の３表②!"&amp;CELL("address",DD26))="×"</formula>
    </cfRule>
    <cfRule type="expression" dxfId="8650" priority="8655" stopIfTrue="1">
      <formula>ISBLANK(AK26)=FALSE</formula>
    </cfRule>
  </conditionalFormatting>
  <conditionalFormatting sqref="AK26:AL27">
    <cfRule type="expression" dxfId="8649" priority="8646" stopIfTrue="1">
      <formula>ISBLANK(AK26)=TRUE</formula>
    </cfRule>
    <cfRule type="expression" dxfId="8648" priority="8647" stopIfTrue="1">
      <formula>INDIRECT("第１の３表②!"&amp;CELL("address",DD26))="×××"</formula>
    </cfRule>
    <cfRule type="expression" dxfId="8647" priority="8648" stopIfTrue="1">
      <formula>INDIRECT("第１の３表②!"&amp;CELL("address",DD26))="××"</formula>
    </cfRule>
    <cfRule type="expression" dxfId="8646" priority="8649" stopIfTrue="1">
      <formula>INDIRECT("第１の３表②!"&amp;CELL("address",DD26))="×"</formula>
    </cfRule>
    <cfRule type="expression" dxfId="8645" priority="8650" stopIfTrue="1">
      <formula>ISBLANK(AK26)=FALSE</formula>
    </cfRule>
  </conditionalFormatting>
  <conditionalFormatting sqref="AN26:AO27">
    <cfRule type="expression" dxfId="8644" priority="8641" stopIfTrue="1">
      <formula>ISBLANK(AN26)=TRUE</formula>
    </cfRule>
    <cfRule type="expression" dxfId="8643" priority="8642" stopIfTrue="1">
      <formula>INDIRECT("第１の３表②!"&amp;CELL("address",DG26))="×××"</formula>
    </cfRule>
    <cfRule type="expression" dxfId="8642" priority="8643" stopIfTrue="1">
      <formula>INDIRECT("第１の３表②!"&amp;CELL("address",DG26))="××"</formula>
    </cfRule>
    <cfRule type="expression" dxfId="8641" priority="8644" stopIfTrue="1">
      <formula>INDIRECT("第１の３表②!"&amp;CELL("address",DG26))="×"</formula>
    </cfRule>
    <cfRule type="expression" dxfId="8640" priority="8645" stopIfTrue="1">
      <formula>ISBLANK(AN26)=FALSE</formula>
    </cfRule>
  </conditionalFormatting>
  <conditionalFormatting sqref="AN26:AO27">
    <cfRule type="expression" dxfId="8639" priority="8636" stopIfTrue="1">
      <formula>ISBLANK(AN26)=TRUE</formula>
    </cfRule>
    <cfRule type="expression" dxfId="8638" priority="8637" stopIfTrue="1">
      <formula>INDIRECT("第１の３表②!"&amp;CELL("address",DG26))="×××"</formula>
    </cfRule>
    <cfRule type="expression" dxfId="8637" priority="8638" stopIfTrue="1">
      <formula>INDIRECT("第１の３表②!"&amp;CELL("address",DG26))="××"</formula>
    </cfRule>
    <cfRule type="expression" dxfId="8636" priority="8639" stopIfTrue="1">
      <formula>INDIRECT("第１の３表②!"&amp;CELL("address",DG26))="×"</formula>
    </cfRule>
    <cfRule type="expression" dxfId="8635" priority="8640" stopIfTrue="1">
      <formula>ISBLANK(AN26)=FALSE</formula>
    </cfRule>
  </conditionalFormatting>
  <conditionalFormatting sqref="AN26:AO27">
    <cfRule type="expression" dxfId="8634" priority="8631" stopIfTrue="1">
      <formula>ISBLANK(AN26)=TRUE</formula>
    </cfRule>
    <cfRule type="expression" dxfId="8633" priority="8632" stopIfTrue="1">
      <formula>INDIRECT("第１の３表②!"&amp;CELL("address",DG26))="×××"</formula>
    </cfRule>
    <cfRule type="expression" dxfId="8632" priority="8633" stopIfTrue="1">
      <formula>INDIRECT("第１の３表②!"&amp;CELL("address",DG26))="××"</formula>
    </cfRule>
    <cfRule type="expression" dxfId="8631" priority="8634" stopIfTrue="1">
      <formula>INDIRECT("第１の３表②!"&amp;CELL("address",DG26))="×"</formula>
    </cfRule>
    <cfRule type="expression" dxfId="8630" priority="8635" stopIfTrue="1">
      <formula>ISBLANK(AN26)=FALSE</formula>
    </cfRule>
  </conditionalFormatting>
  <conditionalFormatting sqref="AQ26:AR27">
    <cfRule type="expression" dxfId="8629" priority="8626" stopIfTrue="1">
      <formula>ISBLANK(AQ26)=TRUE</formula>
    </cfRule>
    <cfRule type="expression" dxfId="8628" priority="8627" stopIfTrue="1">
      <formula>INDIRECT("第１の３表②!"&amp;CELL("address",DJ26))="×××"</formula>
    </cfRule>
    <cfRule type="expression" dxfId="8627" priority="8628" stopIfTrue="1">
      <formula>INDIRECT("第１の３表②!"&amp;CELL("address",DJ26))="××"</formula>
    </cfRule>
    <cfRule type="expression" dxfId="8626" priority="8629" stopIfTrue="1">
      <formula>INDIRECT("第１の３表②!"&amp;CELL("address",DJ26))="×"</formula>
    </cfRule>
    <cfRule type="expression" dxfId="8625" priority="8630" stopIfTrue="1">
      <formula>ISBLANK(AQ26)=FALSE</formula>
    </cfRule>
  </conditionalFormatting>
  <conditionalFormatting sqref="AQ26:AR27">
    <cfRule type="expression" dxfId="8624" priority="8621" stopIfTrue="1">
      <formula>ISBLANK(AQ26)=TRUE</formula>
    </cfRule>
    <cfRule type="expression" dxfId="8623" priority="8622" stopIfTrue="1">
      <formula>INDIRECT("第１の３表②!"&amp;CELL("address",DJ26))="×××"</formula>
    </cfRule>
    <cfRule type="expression" dxfId="8622" priority="8623" stopIfTrue="1">
      <formula>INDIRECT("第１の３表②!"&amp;CELL("address",DJ26))="××"</formula>
    </cfRule>
    <cfRule type="expression" dxfId="8621" priority="8624" stopIfTrue="1">
      <formula>INDIRECT("第１の３表②!"&amp;CELL("address",DJ26))="×"</formula>
    </cfRule>
    <cfRule type="expression" dxfId="8620" priority="8625" stopIfTrue="1">
      <formula>ISBLANK(AQ26)=FALSE</formula>
    </cfRule>
  </conditionalFormatting>
  <conditionalFormatting sqref="AQ26:AR27">
    <cfRule type="expression" dxfId="8619" priority="8616" stopIfTrue="1">
      <formula>ISBLANK(AQ26)=TRUE</formula>
    </cfRule>
    <cfRule type="expression" dxfId="8618" priority="8617" stopIfTrue="1">
      <formula>INDIRECT("第１の３表②!"&amp;CELL("address",DJ26))="×××"</formula>
    </cfRule>
    <cfRule type="expression" dxfId="8617" priority="8618" stopIfTrue="1">
      <formula>INDIRECT("第１の３表②!"&amp;CELL("address",DJ26))="××"</formula>
    </cfRule>
    <cfRule type="expression" dxfId="8616" priority="8619" stopIfTrue="1">
      <formula>INDIRECT("第１の３表②!"&amp;CELL("address",DJ26))="×"</formula>
    </cfRule>
    <cfRule type="expression" dxfId="8615" priority="8620" stopIfTrue="1">
      <formula>ISBLANK(AQ26)=FALSE</formula>
    </cfRule>
  </conditionalFormatting>
  <conditionalFormatting sqref="AT26:AU27">
    <cfRule type="expression" dxfId="8614" priority="8611" stopIfTrue="1">
      <formula>ISBLANK(AT26)=TRUE</formula>
    </cfRule>
    <cfRule type="expression" dxfId="8613" priority="8612" stopIfTrue="1">
      <formula>INDIRECT("第１の３表②!"&amp;CELL("address",DM26))="×××"</formula>
    </cfRule>
    <cfRule type="expression" dxfId="8612" priority="8613" stopIfTrue="1">
      <formula>INDIRECT("第１の３表②!"&amp;CELL("address",DM26))="××"</formula>
    </cfRule>
    <cfRule type="expression" dxfId="8611" priority="8614" stopIfTrue="1">
      <formula>INDIRECT("第１の３表②!"&amp;CELL("address",DM26))="×"</formula>
    </cfRule>
    <cfRule type="expression" dxfId="8610" priority="8615" stopIfTrue="1">
      <formula>ISBLANK(AT26)=FALSE</formula>
    </cfRule>
  </conditionalFormatting>
  <conditionalFormatting sqref="AT26:AU27">
    <cfRule type="expression" dxfId="8609" priority="8606" stopIfTrue="1">
      <formula>ISBLANK(AT26)=TRUE</formula>
    </cfRule>
    <cfRule type="expression" dxfId="8608" priority="8607" stopIfTrue="1">
      <formula>INDIRECT("第１の３表②!"&amp;CELL("address",DM26))="×××"</formula>
    </cfRule>
    <cfRule type="expression" dxfId="8607" priority="8608" stopIfTrue="1">
      <formula>INDIRECT("第１の３表②!"&amp;CELL("address",DM26))="××"</formula>
    </cfRule>
    <cfRule type="expression" dxfId="8606" priority="8609" stopIfTrue="1">
      <formula>INDIRECT("第１の３表②!"&amp;CELL("address",DM26))="×"</formula>
    </cfRule>
    <cfRule type="expression" dxfId="8605" priority="8610" stopIfTrue="1">
      <formula>ISBLANK(AT26)=FALSE</formula>
    </cfRule>
  </conditionalFormatting>
  <conditionalFormatting sqref="AT26:AU27">
    <cfRule type="expression" dxfId="8604" priority="8601" stopIfTrue="1">
      <formula>ISBLANK(AT26)=TRUE</formula>
    </cfRule>
    <cfRule type="expression" dxfId="8603" priority="8602" stopIfTrue="1">
      <formula>INDIRECT("第１の３表②!"&amp;CELL("address",DM26))="×××"</formula>
    </cfRule>
    <cfRule type="expression" dxfId="8602" priority="8603" stopIfTrue="1">
      <formula>INDIRECT("第１の３表②!"&amp;CELL("address",DM26))="××"</formula>
    </cfRule>
    <cfRule type="expression" dxfId="8601" priority="8604" stopIfTrue="1">
      <formula>INDIRECT("第１の３表②!"&amp;CELL("address",DM26))="×"</formula>
    </cfRule>
    <cfRule type="expression" dxfId="8600" priority="8605" stopIfTrue="1">
      <formula>ISBLANK(AT26)=FALSE</formula>
    </cfRule>
  </conditionalFormatting>
  <conditionalFormatting sqref="AW26:AX27">
    <cfRule type="expression" dxfId="8599" priority="8596" stopIfTrue="1">
      <formula>ISBLANK(AW26)=TRUE</formula>
    </cfRule>
    <cfRule type="expression" dxfId="8598" priority="8597" stopIfTrue="1">
      <formula>INDIRECT("第１の３表②!"&amp;CELL("address",DP26))="×××"</formula>
    </cfRule>
    <cfRule type="expression" dxfId="8597" priority="8598" stopIfTrue="1">
      <formula>INDIRECT("第１の３表②!"&amp;CELL("address",DP26))="××"</formula>
    </cfRule>
    <cfRule type="expression" dxfId="8596" priority="8599" stopIfTrue="1">
      <formula>INDIRECT("第１の３表②!"&amp;CELL("address",DP26))="×"</formula>
    </cfRule>
    <cfRule type="expression" dxfId="8595" priority="8600" stopIfTrue="1">
      <formula>ISBLANK(AW26)=FALSE</formula>
    </cfRule>
  </conditionalFormatting>
  <conditionalFormatting sqref="AW26:AX27">
    <cfRule type="expression" dxfId="8594" priority="8591" stopIfTrue="1">
      <formula>ISBLANK(AW26)=TRUE</formula>
    </cfRule>
    <cfRule type="expression" dxfId="8593" priority="8592" stopIfTrue="1">
      <formula>INDIRECT("第１の３表②!"&amp;CELL("address",DP26))="×××"</formula>
    </cfRule>
    <cfRule type="expression" dxfId="8592" priority="8593" stopIfTrue="1">
      <formula>INDIRECT("第１の３表②!"&amp;CELL("address",DP26))="××"</formula>
    </cfRule>
    <cfRule type="expression" dxfId="8591" priority="8594" stopIfTrue="1">
      <formula>INDIRECT("第１の３表②!"&amp;CELL("address",DP26))="×"</formula>
    </cfRule>
    <cfRule type="expression" dxfId="8590" priority="8595" stopIfTrue="1">
      <formula>ISBLANK(AW26)=FALSE</formula>
    </cfRule>
  </conditionalFormatting>
  <conditionalFormatting sqref="AW26:AX27">
    <cfRule type="expression" dxfId="8589" priority="8586" stopIfTrue="1">
      <formula>ISBLANK(AW26)=TRUE</formula>
    </cfRule>
    <cfRule type="expression" dxfId="8588" priority="8587" stopIfTrue="1">
      <formula>INDIRECT("第１の３表②!"&amp;CELL("address",DP26))="×××"</formula>
    </cfRule>
    <cfRule type="expression" dxfId="8587" priority="8588" stopIfTrue="1">
      <formula>INDIRECT("第１の３表②!"&amp;CELL("address",DP26))="××"</formula>
    </cfRule>
    <cfRule type="expression" dxfId="8586" priority="8589" stopIfTrue="1">
      <formula>INDIRECT("第１の３表②!"&amp;CELL("address",DP26))="×"</formula>
    </cfRule>
    <cfRule type="expression" dxfId="8585" priority="8590" stopIfTrue="1">
      <formula>ISBLANK(AW26)=FALSE</formula>
    </cfRule>
  </conditionalFormatting>
  <conditionalFormatting sqref="AZ26:BA27">
    <cfRule type="expression" dxfId="8584" priority="8581" stopIfTrue="1">
      <formula>ISBLANK(AZ26)=TRUE</formula>
    </cfRule>
    <cfRule type="expression" dxfId="8583" priority="8582" stopIfTrue="1">
      <formula>INDIRECT("第１の３表②!"&amp;CELL("address",DS26))="×××"</formula>
    </cfRule>
    <cfRule type="expression" dxfId="8582" priority="8583" stopIfTrue="1">
      <formula>INDIRECT("第１の３表②!"&amp;CELL("address",DS26))="××"</formula>
    </cfRule>
    <cfRule type="expression" dxfId="8581" priority="8584" stopIfTrue="1">
      <formula>INDIRECT("第１の３表②!"&amp;CELL("address",DS26))="×"</formula>
    </cfRule>
    <cfRule type="expression" dxfId="8580" priority="8585" stopIfTrue="1">
      <formula>ISBLANK(AZ26)=FALSE</formula>
    </cfRule>
  </conditionalFormatting>
  <conditionalFormatting sqref="AZ26:BA27">
    <cfRule type="expression" dxfId="8579" priority="8576" stopIfTrue="1">
      <formula>ISBLANK(AZ26)=TRUE</formula>
    </cfRule>
    <cfRule type="expression" dxfId="8578" priority="8577" stopIfTrue="1">
      <formula>INDIRECT("第１の３表②!"&amp;CELL("address",DS26))="×××"</formula>
    </cfRule>
    <cfRule type="expression" dxfId="8577" priority="8578" stopIfTrue="1">
      <formula>INDIRECT("第１の３表②!"&amp;CELL("address",DS26))="××"</formula>
    </cfRule>
    <cfRule type="expression" dxfId="8576" priority="8579" stopIfTrue="1">
      <formula>INDIRECT("第１の３表②!"&amp;CELL("address",DS26))="×"</formula>
    </cfRule>
    <cfRule type="expression" dxfId="8575" priority="8580" stopIfTrue="1">
      <formula>ISBLANK(AZ26)=FALSE</formula>
    </cfRule>
  </conditionalFormatting>
  <conditionalFormatting sqref="AZ26:BA27">
    <cfRule type="expression" dxfId="8574" priority="8571" stopIfTrue="1">
      <formula>ISBLANK(AZ26)=TRUE</formula>
    </cfRule>
    <cfRule type="expression" dxfId="8573" priority="8572" stopIfTrue="1">
      <formula>INDIRECT("第１の３表②!"&amp;CELL("address",DS26))="×××"</formula>
    </cfRule>
    <cfRule type="expression" dxfId="8572" priority="8573" stopIfTrue="1">
      <formula>INDIRECT("第１の３表②!"&amp;CELL("address",DS26))="××"</formula>
    </cfRule>
    <cfRule type="expression" dxfId="8571" priority="8574" stopIfTrue="1">
      <formula>INDIRECT("第１の３表②!"&amp;CELL("address",DS26))="×"</formula>
    </cfRule>
    <cfRule type="expression" dxfId="8570" priority="8575" stopIfTrue="1">
      <formula>ISBLANK(AZ26)=FALSE</formula>
    </cfRule>
  </conditionalFormatting>
  <conditionalFormatting sqref="BC26:BD27">
    <cfRule type="expression" dxfId="8569" priority="8566" stopIfTrue="1">
      <formula>ISBLANK(BC26)=TRUE</formula>
    </cfRule>
    <cfRule type="expression" dxfId="8568" priority="8567" stopIfTrue="1">
      <formula>INDIRECT("第１の３表②!"&amp;CELL("address",DV26))="×××"</formula>
    </cfRule>
    <cfRule type="expression" dxfId="8567" priority="8568" stopIfTrue="1">
      <formula>INDIRECT("第１の３表②!"&amp;CELL("address",DV26))="××"</formula>
    </cfRule>
    <cfRule type="expression" dxfId="8566" priority="8569" stopIfTrue="1">
      <formula>INDIRECT("第１の３表②!"&amp;CELL("address",DV26))="×"</formula>
    </cfRule>
    <cfRule type="expression" dxfId="8565" priority="8570" stopIfTrue="1">
      <formula>ISBLANK(BC26)=FALSE</formula>
    </cfRule>
  </conditionalFormatting>
  <conditionalFormatting sqref="BC26:BD27">
    <cfRule type="expression" dxfId="8564" priority="8561" stopIfTrue="1">
      <formula>ISBLANK(BC26)=TRUE</formula>
    </cfRule>
    <cfRule type="expression" dxfId="8563" priority="8562" stopIfTrue="1">
      <formula>INDIRECT("第１の３表②!"&amp;CELL("address",DV26))="×××"</formula>
    </cfRule>
    <cfRule type="expression" dxfId="8562" priority="8563" stopIfTrue="1">
      <formula>INDIRECT("第１の３表②!"&amp;CELL("address",DV26))="××"</formula>
    </cfRule>
    <cfRule type="expression" dxfId="8561" priority="8564" stopIfTrue="1">
      <formula>INDIRECT("第１の３表②!"&amp;CELL("address",DV26))="×"</formula>
    </cfRule>
    <cfRule type="expression" dxfId="8560" priority="8565" stopIfTrue="1">
      <formula>ISBLANK(BC26)=FALSE</formula>
    </cfRule>
  </conditionalFormatting>
  <conditionalFormatting sqref="BC26:BD27">
    <cfRule type="expression" dxfId="8559" priority="8556" stopIfTrue="1">
      <formula>ISBLANK(BC26)=TRUE</formula>
    </cfRule>
    <cfRule type="expression" dxfId="8558" priority="8557" stopIfTrue="1">
      <formula>INDIRECT("第１の３表②!"&amp;CELL("address",DV26))="×××"</formula>
    </cfRule>
    <cfRule type="expression" dxfId="8557" priority="8558" stopIfTrue="1">
      <formula>INDIRECT("第１の３表②!"&amp;CELL("address",DV26))="××"</formula>
    </cfRule>
    <cfRule type="expression" dxfId="8556" priority="8559" stopIfTrue="1">
      <formula>INDIRECT("第１の３表②!"&amp;CELL("address",DV26))="×"</formula>
    </cfRule>
    <cfRule type="expression" dxfId="8555" priority="8560" stopIfTrue="1">
      <formula>ISBLANK(BC26)=FALSE</formula>
    </cfRule>
  </conditionalFormatting>
  <conditionalFormatting sqref="BF26:BG27">
    <cfRule type="expression" dxfId="8554" priority="8551" stopIfTrue="1">
      <formula>ISBLANK(BF26)=TRUE</formula>
    </cfRule>
    <cfRule type="expression" dxfId="8553" priority="8552" stopIfTrue="1">
      <formula>INDIRECT("第１の３表②!"&amp;CELL("address",DY26))="×××"</formula>
    </cfRule>
    <cfRule type="expression" dxfId="8552" priority="8553" stopIfTrue="1">
      <formula>INDIRECT("第１の３表②!"&amp;CELL("address",DY26))="××"</formula>
    </cfRule>
    <cfRule type="expression" dxfId="8551" priority="8554" stopIfTrue="1">
      <formula>INDIRECT("第１の３表②!"&amp;CELL("address",DY26))="×"</formula>
    </cfRule>
    <cfRule type="expression" dxfId="8550" priority="8555" stopIfTrue="1">
      <formula>ISBLANK(BF26)=FALSE</formula>
    </cfRule>
  </conditionalFormatting>
  <conditionalFormatting sqref="BF26:BG27">
    <cfRule type="expression" dxfId="8549" priority="8546" stopIfTrue="1">
      <formula>ISBLANK(BF26)=TRUE</formula>
    </cfRule>
    <cfRule type="expression" dxfId="8548" priority="8547" stopIfTrue="1">
      <formula>INDIRECT("第１の３表②!"&amp;CELL("address",DY26))="×××"</formula>
    </cfRule>
    <cfRule type="expression" dxfId="8547" priority="8548" stopIfTrue="1">
      <formula>INDIRECT("第１の３表②!"&amp;CELL("address",DY26))="××"</formula>
    </cfRule>
    <cfRule type="expression" dxfId="8546" priority="8549" stopIfTrue="1">
      <formula>INDIRECT("第１の３表②!"&amp;CELL("address",DY26))="×"</formula>
    </cfRule>
    <cfRule type="expression" dxfId="8545" priority="8550" stopIfTrue="1">
      <formula>ISBLANK(BF26)=FALSE</formula>
    </cfRule>
  </conditionalFormatting>
  <conditionalFormatting sqref="BF26:BG27">
    <cfRule type="expression" dxfId="8544" priority="8541" stopIfTrue="1">
      <formula>ISBLANK(BF26)=TRUE</formula>
    </cfRule>
    <cfRule type="expression" dxfId="8543" priority="8542" stopIfTrue="1">
      <formula>INDIRECT("第１の３表②!"&amp;CELL("address",DY26))="×××"</formula>
    </cfRule>
    <cfRule type="expression" dxfId="8542" priority="8543" stopIfTrue="1">
      <formula>INDIRECT("第１の３表②!"&amp;CELL("address",DY26))="××"</formula>
    </cfRule>
    <cfRule type="expression" dxfId="8541" priority="8544" stopIfTrue="1">
      <formula>INDIRECT("第１の３表②!"&amp;CELL("address",DY26))="×"</formula>
    </cfRule>
    <cfRule type="expression" dxfId="8540" priority="8545" stopIfTrue="1">
      <formula>ISBLANK(BF26)=FALSE</formula>
    </cfRule>
  </conditionalFormatting>
  <conditionalFormatting sqref="BI26:BJ27">
    <cfRule type="expression" dxfId="8539" priority="8536" stopIfTrue="1">
      <formula>ISBLANK(BI26)=TRUE</formula>
    </cfRule>
    <cfRule type="expression" dxfId="8538" priority="8537" stopIfTrue="1">
      <formula>INDIRECT("第１の３表②!"&amp;CELL("address",EB26))="×××"</formula>
    </cfRule>
    <cfRule type="expression" dxfId="8537" priority="8538" stopIfTrue="1">
      <formula>INDIRECT("第１の３表②!"&amp;CELL("address",EB26))="××"</formula>
    </cfRule>
    <cfRule type="expression" dxfId="8536" priority="8539" stopIfTrue="1">
      <formula>INDIRECT("第１の３表②!"&amp;CELL("address",EB26))="×"</formula>
    </cfRule>
    <cfRule type="expression" dxfId="8535" priority="8540" stopIfTrue="1">
      <formula>ISBLANK(BI26)=FALSE</formula>
    </cfRule>
  </conditionalFormatting>
  <conditionalFormatting sqref="BI26:BJ27">
    <cfRule type="expression" dxfId="8534" priority="8531" stopIfTrue="1">
      <formula>ISBLANK(BI26)=TRUE</formula>
    </cfRule>
    <cfRule type="expression" dxfId="8533" priority="8532" stopIfTrue="1">
      <formula>INDIRECT("第１の３表②!"&amp;CELL("address",EB26))="×××"</formula>
    </cfRule>
    <cfRule type="expression" dxfId="8532" priority="8533" stopIfTrue="1">
      <formula>INDIRECT("第１の３表②!"&amp;CELL("address",EB26))="××"</formula>
    </cfRule>
    <cfRule type="expression" dxfId="8531" priority="8534" stopIfTrue="1">
      <formula>INDIRECT("第１の３表②!"&amp;CELL("address",EB26))="×"</formula>
    </cfRule>
    <cfRule type="expression" dxfId="8530" priority="8535" stopIfTrue="1">
      <formula>ISBLANK(BI26)=FALSE</formula>
    </cfRule>
  </conditionalFormatting>
  <conditionalFormatting sqref="BI26:BJ27">
    <cfRule type="expression" dxfId="8529" priority="8526" stopIfTrue="1">
      <formula>ISBLANK(BI26)=TRUE</formula>
    </cfRule>
    <cfRule type="expression" dxfId="8528" priority="8527" stopIfTrue="1">
      <formula>INDIRECT("第１の３表②!"&amp;CELL("address",EB26))="×××"</formula>
    </cfRule>
    <cfRule type="expression" dxfId="8527" priority="8528" stopIfTrue="1">
      <formula>INDIRECT("第１の３表②!"&amp;CELL("address",EB26))="××"</formula>
    </cfRule>
    <cfRule type="expression" dxfId="8526" priority="8529" stopIfTrue="1">
      <formula>INDIRECT("第１の３表②!"&amp;CELL("address",EB26))="×"</formula>
    </cfRule>
    <cfRule type="expression" dxfId="8525" priority="8530" stopIfTrue="1">
      <formula>ISBLANK(BI26)=FALSE</formula>
    </cfRule>
  </conditionalFormatting>
  <conditionalFormatting sqref="BL26:BM27">
    <cfRule type="expression" dxfId="8524" priority="8521" stopIfTrue="1">
      <formula>ISBLANK(BL26)=TRUE</formula>
    </cfRule>
    <cfRule type="expression" dxfId="8523" priority="8522" stopIfTrue="1">
      <formula>INDIRECT("第１の３表②!"&amp;CELL("address",EE26))="×××"</formula>
    </cfRule>
    <cfRule type="expression" dxfId="8522" priority="8523" stopIfTrue="1">
      <formula>INDIRECT("第１の３表②!"&amp;CELL("address",EE26))="××"</formula>
    </cfRule>
    <cfRule type="expression" dxfId="8521" priority="8524" stopIfTrue="1">
      <formula>INDIRECT("第１の３表②!"&amp;CELL("address",EE26))="×"</formula>
    </cfRule>
    <cfRule type="expression" dxfId="8520" priority="8525" stopIfTrue="1">
      <formula>ISBLANK(BL26)=FALSE</formula>
    </cfRule>
  </conditionalFormatting>
  <conditionalFormatting sqref="BL26:BM27">
    <cfRule type="expression" dxfId="8519" priority="8516" stopIfTrue="1">
      <formula>ISBLANK(BL26)=TRUE</formula>
    </cfRule>
    <cfRule type="expression" dxfId="8518" priority="8517" stopIfTrue="1">
      <formula>INDIRECT("第１の３表②!"&amp;CELL("address",EE26))="×××"</formula>
    </cfRule>
    <cfRule type="expression" dxfId="8517" priority="8518" stopIfTrue="1">
      <formula>INDIRECT("第１の３表②!"&amp;CELL("address",EE26))="××"</formula>
    </cfRule>
    <cfRule type="expression" dxfId="8516" priority="8519" stopIfTrue="1">
      <formula>INDIRECT("第１の３表②!"&amp;CELL("address",EE26))="×"</formula>
    </cfRule>
    <cfRule type="expression" dxfId="8515" priority="8520" stopIfTrue="1">
      <formula>ISBLANK(BL26)=FALSE</formula>
    </cfRule>
  </conditionalFormatting>
  <conditionalFormatting sqref="BL26:BM27">
    <cfRule type="expression" dxfId="8514" priority="8511" stopIfTrue="1">
      <formula>ISBLANK(BL26)=TRUE</formula>
    </cfRule>
    <cfRule type="expression" dxfId="8513" priority="8512" stopIfTrue="1">
      <formula>INDIRECT("第１の３表②!"&amp;CELL("address",EE26))="×××"</formula>
    </cfRule>
    <cfRule type="expression" dxfId="8512" priority="8513" stopIfTrue="1">
      <formula>INDIRECT("第１の３表②!"&amp;CELL("address",EE26))="××"</formula>
    </cfRule>
    <cfRule type="expression" dxfId="8511" priority="8514" stopIfTrue="1">
      <formula>INDIRECT("第１の３表②!"&amp;CELL("address",EE26))="×"</formula>
    </cfRule>
    <cfRule type="expression" dxfId="8510" priority="8515" stopIfTrue="1">
      <formula>ISBLANK(BL26)=FALSE</formula>
    </cfRule>
  </conditionalFormatting>
  <conditionalFormatting sqref="BO26:BP27">
    <cfRule type="expression" dxfId="8509" priority="8506" stopIfTrue="1">
      <formula>ISBLANK(BO26)=TRUE</formula>
    </cfRule>
    <cfRule type="expression" dxfId="8508" priority="8507" stopIfTrue="1">
      <formula>INDIRECT("第１の３表②!"&amp;CELL("address",EH26))="×××"</formula>
    </cfRule>
    <cfRule type="expression" dxfId="8507" priority="8508" stopIfTrue="1">
      <formula>INDIRECT("第１の３表②!"&amp;CELL("address",EH26))="××"</formula>
    </cfRule>
    <cfRule type="expression" dxfId="8506" priority="8509" stopIfTrue="1">
      <formula>INDIRECT("第１の３表②!"&amp;CELL("address",EH26))="×"</formula>
    </cfRule>
    <cfRule type="expression" dxfId="8505" priority="8510" stopIfTrue="1">
      <formula>ISBLANK(BO26)=FALSE</formula>
    </cfRule>
  </conditionalFormatting>
  <conditionalFormatting sqref="BO26:BP27">
    <cfRule type="expression" dxfId="8504" priority="8501" stopIfTrue="1">
      <formula>ISBLANK(BO26)=TRUE</formula>
    </cfRule>
    <cfRule type="expression" dxfId="8503" priority="8502" stopIfTrue="1">
      <formula>INDIRECT("第１の３表②!"&amp;CELL("address",EH26))="×××"</formula>
    </cfRule>
    <cfRule type="expression" dxfId="8502" priority="8503" stopIfTrue="1">
      <formula>INDIRECT("第１の３表②!"&amp;CELL("address",EH26))="××"</formula>
    </cfRule>
    <cfRule type="expression" dxfId="8501" priority="8504" stopIfTrue="1">
      <formula>INDIRECT("第１の３表②!"&amp;CELL("address",EH26))="×"</formula>
    </cfRule>
    <cfRule type="expression" dxfId="8500" priority="8505" stopIfTrue="1">
      <formula>ISBLANK(BO26)=FALSE</formula>
    </cfRule>
  </conditionalFormatting>
  <conditionalFormatting sqref="BO26:BP27">
    <cfRule type="expression" dxfId="8499" priority="8496" stopIfTrue="1">
      <formula>ISBLANK(BO26)=TRUE</formula>
    </cfRule>
    <cfRule type="expression" dxfId="8498" priority="8497" stopIfTrue="1">
      <formula>INDIRECT("第１の３表②!"&amp;CELL("address",EH26))="×××"</formula>
    </cfRule>
    <cfRule type="expression" dxfId="8497" priority="8498" stopIfTrue="1">
      <formula>INDIRECT("第１の３表②!"&amp;CELL("address",EH26))="××"</formula>
    </cfRule>
    <cfRule type="expression" dxfId="8496" priority="8499" stopIfTrue="1">
      <formula>INDIRECT("第１の３表②!"&amp;CELL("address",EH26))="×"</formula>
    </cfRule>
    <cfRule type="expression" dxfId="8495" priority="8500" stopIfTrue="1">
      <formula>ISBLANK(BO26)=FALSE</formula>
    </cfRule>
  </conditionalFormatting>
  <conditionalFormatting sqref="J29:K30">
    <cfRule type="expression" dxfId="8494" priority="8491" stopIfTrue="1">
      <formula>ISBLANK(J29)=TRUE</formula>
    </cfRule>
    <cfRule type="expression" dxfId="8493" priority="8492" stopIfTrue="1">
      <formula>INDIRECT("第１の３表②!"&amp;CELL("address",CC29))="×××"</formula>
    </cfRule>
    <cfRule type="expression" dxfId="8492" priority="8493" stopIfTrue="1">
      <formula>INDIRECT("第１の３表②!"&amp;CELL("address",CC29))="××"</formula>
    </cfRule>
    <cfRule type="expression" dxfId="8491" priority="8494" stopIfTrue="1">
      <formula>INDIRECT("第１の３表②!"&amp;CELL("address",CC29))="×"</formula>
    </cfRule>
    <cfRule type="expression" dxfId="8490" priority="8495" stopIfTrue="1">
      <formula>ISBLANK(J29)=FALSE</formula>
    </cfRule>
  </conditionalFormatting>
  <conditionalFormatting sqref="J29:K30">
    <cfRule type="expression" dxfId="8489" priority="8486" stopIfTrue="1">
      <formula>ISBLANK(J29)=TRUE</formula>
    </cfRule>
    <cfRule type="expression" dxfId="8488" priority="8487" stopIfTrue="1">
      <formula>INDIRECT("第１の３表②!"&amp;CELL("address",CC29))="×××"</formula>
    </cfRule>
    <cfRule type="expression" dxfId="8487" priority="8488" stopIfTrue="1">
      <formula>INDIRECT("第１の３表②!"&amp;CELL("address",CC29))="××"</formula>
    </cfRule>
    <cfRule type="expression" dxfId="8486" priority="8489" stopIfTrue="1">
      <formula>INDIRECT("第１の３表②!"&amp;CELL("address",CC29))="×"</formula>
    </cfRule>
    <cfRule type="expression" dxfId="8485" priority="8490" stopIfTrue="1">
      <formula>ISBLANK(J29)=FALSE</formula>
    </cfRule>
  </conditionalFormatting>
  <conditionalFormatting sqref="J29:K30">
    <cfRule type="expression" dxfId="8484" priority="8481" stopIfTrue="1">
      <formula>ISBLANK(J29)=TRUE</formula>
    </cfRule>
    <cfRule type="expression" dxfId="8483" priority="8482" stopIfTrue="1">
      <formula>INDIRECT("第１の３表②!"&amp;CELL("address",CC29))="×××"</formula>
    </cfRule>
    <cfRule type="expression" dxfId="8482" priority="8483" stopIfTrue="1">
      <formula>INDIRECT("第１の３表②!"&amp;CELL("address",CC29))="××"</formula>
    </cfRule>
    <cfRule type="expression" dxfId="8481" priority="8484" stopIfTrue="1">
      <formula>INDIRECT("第１の３表②!"&amp;CELL("address",CC29))="×"</formula>
    </cfRule>
    <cfRule type="expression" dxfId="8480" priority="8485" stopIfTrue="1">
      <formula>ISBLANK(J29)=FALSE</formula>
    </cfRule>
  </conditionalFormatting>
  <conditionalFormatting sqref="M29:N30">
    <cfRule type="expression" dxfId="8479" priority="8476" stopIfTrue="1">
      <formula>ISBLANK(M29)=TRUE</formula>
    </cfRule>
    <cfRule type="expression" dxfId="8478" priority="8477" stopIfTrue="1">
      <formula>INDIRECT("第１の３表②!"&amp;CELL("address",CF29))="×××"</formula>
    </cfRule>
    <cfRule type="expression" dxfId="8477" priority="8478" stopIfTrue="1">
      <formula>INDIRECT("第１の３表②!"&amp;CELL("address",CF29))="××"</formula>
    </cfRule>
    <cfRule type="expression" dxfId="8476" priority="8479" stopIfTrue="1">
      <formula>INDIRECT("第１の３表②!"&amp;CELL("address",CF29))="×"</formula>
    </cfRule>
    <cfRule type="expression" dxfId="8475" priority="8480" stopIfTrue="1">
      <formula>ISBLANK(M29)=FALSE</formula>
    </cfRule>
  </conditionalFormatting>
  <conditionalFormatting sqref="M29:N30">
    <cfRule type="expression" dxfId="8474" priority="8471" stopIfTrue="1">
      <formula>ISBLANK(M29)=TRUE</formula>
    </cfRule>
    <cfRule type="expression" dxfId="8473" priority="8472" stopIfTrue="1">
      <formula>INDIRECT("第１の３表②!"&amp;CELL("address",CF29))="×××"</formula>
    </cfRule>
    <cfRule type="expression" dxfId="8472" priority="8473" stopIfTrue="1">
      <formula>INDIRECT("第１の３表②!"&amp;CELL("address",CF29))="××"</formula>
    </cfRule>
    <cfRule type="expression" dxfId="8471" priority="8474" stopIfTrue="1">
      <formula>INDIRECT("第１の３表②!"&amp;CELL("address",CF29))="×"</formula>
    </cfRule>
    <cfRule type="expression" dxfId="8470" priority="8475" stopIfTrue="1">
      <formula>ISBLANK(M29)=FALSE</formula>
    </cfRule>
  </conditionalFormatting>
  <conditionalFormatting sqref="M29:N30">
    <cfRule type="expression" dxfId="8469" priority="8466" stopIfTrue="1">
      <formula>ISBLANK(M29)=TRUE</formula>
    </cfRule>
    <cfRule type="expression" dxfId="8468" priority="8467" stopIfTrue="1">
      <formula>INDIRECT("第１の３表②!"&amp;CELL("address",CF29))="×××"</formula>
    </cfRule>
    <cfRule type="expression" dxfId="8467" priority="8468" stopIfTrue="1">
      <formula>INDIRECT("第１の３表②!"&amp;CELL("address",CF29))="××"</formula>
    </cfRule>
    <cfRule type="expression" dxfId="8466" priority="8469" stopIfTrue="1">
      <formula>INDIRECT("第１の３表②!"&amp;CELL("address",CF29))="×"</formula>
    </cfRule>
    <cfRule type="expression" dxfId="8465" priority="8470" stopIfTrue="1">
      <formula>ISBLANK(M29)=FALSE</formula>
    </cfRule>
  </conditionalFormatting>
  <conditionalFormatting sqref="P29:Q30">
    <cfRule type="expression" dxfId="8464" priority="8461" stopIfTrue="1">
      <formula>ISBLANK(P29)=TRUE</formula>
    </cfRule>
    <cfRule type="expression" dxfId="8463" priority="8462" stopIfTrue="1">
      <formula>INDIRECT("第１の３表②!"&amp;CELL("address",CI29))="×××"</formula>
    </cfRule>
    <cfRule type="expression" dxfId="8462" priority="8463" stopIfTrue="1">
      <formula>INDIRECT("第１の３表②!"&amp;CELL("address",CI29))="××"</formula>
    </cfRule>
    <cfRule type="expression" dxfId="8461" priority="8464" stopIfTrue="1">
      <formula>INDIRECT("第１の３表②!"&amp;CELL("address",CI29))="×"</formula>
    </cfRule>
    <cfRule type="expression" dxfId="8460" priority="8465" stopIfTrue="1">
      <formula>ISBLANK(P29)=FALSE</formula>
    </cfRule>
  </conditionalFormatting>
  <conditionalFormatting sqref="P29:Q30">
    <cfRule type="expression" dxfId="8459" priority="8456" stopIfTrue="1">
      <formula>ISBLANK(P29)=TRUE</formula>
    </cfRule>
    <cfRule type="expression" dxfId="8458" priority="8457" stopIfTrue="1">
      <formula>INDIRECT("第１の３表②!"&amp;CELL("address",CI29))="×××"</formula>
    </cfRule>
    <cfRule type="expression" dxfId="8457" priority="8458" stopIfTrue="1">
      <formula>INDIRECT("第１の３表②!"&amp;CELL("address",CI29))="××"</formula>
    </cfRule>
    <cfRule type="expression" dxfId="8456" priority="8459" stopIfTrue="1">
      <formula>INDIRECT("第１の３表②!"&amp;CELL("address",CI29))="×"</formula>
    </cfRule>
    <cfRule type="expression" dxfId="8455" priority="8460" stopIfTrue="1">
      <formula>ISBLANK(P29)=FALSE</formula>
    </cfRule>
  </conditionalFormatting>
  <conditionalFormatting sqref="P29:Q30">
    <cfRule type="expression" dxfId="8454" priority="8451" stopIfTrue="1">
      <formula>ISBLANK(P29)=TRUE</formula>
    </cfRule>
    <cfRule type="expression" dxfId="8453" priority="8452" stopIfTrue="1">
      <formula>INDIRECT("第１の３表②!"&amp;CELL("address",CI29))="×××"</formula>
    </cfRule>
    <cfRule type="expression" dxfId="8452" priority="8453" stopIfTrue="1">
      <formula>INDIRECT("第１の３表②!"&amp;CELL("address",CI29))="××"</formula>
    </cfRule>
    <cfRule type="expression" dxfId="8451" priority="8454" stopIfTrue="1">
      <formula>INDIRECT("第１の３表②!"&amp;CELL("address",CI29))="×"</formula>
    </cfRule>
    <cfRule type="expression" dxfId="8450" priority="8455" stopIfTrue="1">
      <formula>ISBLANK(P29)=FALSE</formula>
    </cfRule>
  </conditionalFormatting>
  <conditionalFormatting sqref="S29:T30">
    <cfRule type="expression" dxfId="8449" priority="8446" stopIfTrue="1">
      <formula>ISBLANK(S29)=TRUE</formula>
    </cfRule>
    <cfRule type="expression" dxfId="8448" priority="8447" stopIfTrue="1">
      <formula>INDIRECT("第１の３表②!"&amp;CELL("address",CL29))="×××"</formula>
    </cfRule>
    <cfRule type="expression" dxfId="8447" priority="8448" stopIfTrue="1">
      <formula>INDIRECT("第１の３表②!"&amp;CELL("address",CL29))="××"</formula>
    </cfRule>
    <cfRule type="expression" dxfId="8446" priority="8449" stopIfTrue="1">
      <formula>INDIRECT("第１の３表②!"&amp;CELL("address",CL29))="×"</formula>
    </cfRule>
    <cfRule type="expression" dxfId="8445" priority="8450" stopIfTrue="1">
      <formula>ISBLANK(S29)=FALSE</formula>
    </cfRule>
  </conditionalFormatting>
  <conditionalFormatting sqref="S29:T30">
    <cfRule type="expression" dxfId="8444" priority="8441" stopIfTrue="1">
      <formula>ISBLANK(S29)=TRUE</formula>
    </cfRule>
    <cfRule type="expression" dxfId="8443" priority="8442" stopIfTrue="1">
      <formula>INDIRECT("第１の３表②!"&amp;CELL("address",CL29))="×××"</formula>
    </cfRule>
    <cfRule type="expression" dxfId="8442" priority="8443" stopIfTrue="1">
      <formula>INDIRECT("第１の３表②!"&amp;CELL("address",CL29))="××"</formula>
    </cfRule>
    <cfRule type="expression" dxfId="8441" priority="8444" stopIfTrue="1">
      <formula>INDIRECT("第１の３表②!"&amp;CELL("address",CL29))="×"</formula>
    </cfRule>
    <cfRule type="expression" dxfId="8440" priority="8445" stopIfTrue="1">
      <formula>ISBLANK(S29)=FALSE</formula>
    </cfRule>
  </conditionalFormatting>
  <conditionalFormatting sqref="S29:T30">
    <cfRule type="expression" dxfId="8439" priority="8436" stopIfTrue="1">
      <formula>ISBLANK(S29)=TRUE</formula>
    </cfRule>
    <cfRule type="expression" dxfId="8438" priority="8437" stopIfTrue="1">
      <formula>INDIRECT("第１の３表②!"&amp;CELL("address",CL29))="×××"</formula>
    </cfRule>
    <cfRule type="expression" dxfId="8437" priority="8438" stopIfTrue="1">
      <formula>INDIRECT("第１の３表②!"&amp;CELL("address",CL29))="××"</formula>
    </cfRule>
    <cfRule type="expression" dxfId="8436" priority="8439" stopIfTrue="1">
      <formula>INDIRECT("第１の３表②!"&amp;CELL("address",CL29))="×"</formula>
    </cfRule>
    <cfRule type="expression" dxfId="8435" priority="8440" stopIfTrue="1">
      <formula>ISBLANK(S29)=FALSE</formula>
    </cfRule>
  </conditionalFormatting>
  <conditionalFormatting sqref="V29:W30">
    <cfRule type="expression" dxfId="8434" priority="8431" stopIfTrue="1">
      <formula>ISBLANK(V29)=TRUE</formula>
    </cfRule>
    <cfRule type="expression" dxfId="8433" priority="8432" stopIfTrue="1">
      <formula>INDIRECT("第１の３表②!"&amp;CELL("address",CO29))="×××"</formula>
    </cfRule>
    <cfRule type="expression" dxfId="8432" priority="8433" stopIfTrue="1">
      <formula>INDIRECT("第１の３表②!"&amp;CELL("address",CO29))="××"</formula>
    </cfRule>
    <cfRule type="expression" dxfId="8431" priority="8434" stopIfTrue="1">
      <formula>INDIRECT("第１の３表②!"&amp;CELL("address",CO29))="×"</formula>
    </cfRule>
    <cfRule type="expression" dxfId="8430" priority="8435" stopIfTrue="1">
      <formula>ISBLANK(V29)=FALSE</formula>
    </cfRule>
  </conditionalFormatting>
  <conditionalFormatting sqref="V29:W30">
    <cfRule type="expression" dxfId="8429" priority="8426" stopIfTrue="1">
      <formula>ISBLANK(V29)=TRUE</formula>
    </cfRule>
    <cfRule type="expression" dxfId="8428" priority="8427" stopIfTrue="1">
      <formula>INDIRECT("第１の３表②!"&amp;CELL("address",CO29))="×××"</formula>
    </cfRule>
    <cfRule type="expression" dxfId="8427" priority="8428" stopIfTrue="1">
      <formula>INDIRECT("第１の３表②!"&amp;CELL("address",CO29))="××"</formula>
    </cfRule>
    <cfRule type="expression" dxfId="8426" priority="8429" stopIfTrue="1">
      <formula>INDIRECT("第１の３表②!"&amp;CELL("address",CO29))="×"</formula>
    </cfRule>
    <cfRule type="expression" dxfId="8425" priority="8430" stopIfTrue="1">
      <formula>ISBLANK(V29)=FALSE</formula>
    </cfRule>
  </conditionalFormatting>
  <conditionalFormatting sqref="V29:W30">
    <cfRule type="expression" dxfId="8424" priority="8421" stopIfTrue="1">
      <formula>ISBLANK(V29)=TRUE</formula>
    </cfRule>
    <cfRule type="expression" dxfId="8423" priority="8422" stopIfTrue="1">
      <formula>INDIRECT("第１の３表②!"&amp;CELL("address",CO29))="×××"</formula>
    </cfRule>
    <cfRule type="expression" dxfId="8422" priority="8423" stopIfTrue="1">
      <formula>INDIRECT("第１の３表②!"&amp;CELL("address",CO29))="××"</formula>
    </cfRule>
    <cfRule type="expression" dxfId="8421" priority="8424" stopIfTrue="1">
      <formula>INDIRECT("第１の３表②!"&amp;CELL("address",CO29))="×"</formula>
    </cfRule>
    <cfRule type="expression" dxfId="8420" priority="8425" stopIfTrue="1">
      <formula>ISBLANK(V29)=FALSE</formula>
    </cfRule>
  </conditionalFormatting>
  <conditionalFormatting sqref="Y29:Z30">
    <cfRule type="expression" dxfId="8419" priority="8416" stopIfTrue="1">
      <formula>ISBLANK(Y29)=TRUE</formula>
    </cfRule>
    <cfRule type="expression" dxfId="8418" priority="8417" stopIfTrue="1">
      <formula>INDIRECT("第１の３表②!"&amp;CELL("address",CR29))="×××"</formula>
    </cfRule>
    <cfRule type="expression" dxfId="8417" priority="8418" stopIfTrue="1">
      <formula>INDIRECT("第１の３表②!"&amp;CELL("address",CR29))="××"</formula>
    </cfRule>
    <cfRule type="expression" dxfId="8416" priority="8419" stopIfTrue="1">
      <formula>INDIRECT("第１の３表②!"&amp;CELL("address",CR29))="×"</formula>
    </cfRule>
    <cfRule type="expression" dxfId="8415" priority="8420" stopIfTrue="1">
      <formula>ISBLANK(Y29)=FALSE</formula>
    </cfRule>
  </conditionalFormatting>
  <conditionalFormatting sqref="Y29:Z30">
    <cfRule type="expression" dxfId="8414" priority="8411" stopIfTrue="1">
      <formula>ISBLANK(Y29)=TRUE</formula>
    </cfRule>
    <cfRule type="expression" dxfId="8413" priority="8412" stopIfTrue="1">
      <formula>INDIRECT("第１の３表②!"&amp;CELL("address",CR29))="×××"</formula>
    </cfRule>
    <cfRule type="expression" dxfId="8412" priority="8413" stopIfTrue="1">
      <formula>INDIRECT("第１の３表②!"&amp;CELL("address",CR29))="××"</formula>
    </cfRule>
    <cfRule type="expression" dxfId="8411" priority="8414" stopIfTrue="1">
      <formula>INDIRECT("第１の３表②!"&amp;CELL("address",CR29))="×"</formula>
    </cfRule>
    <cfRule type="expression" dxfId="8410" priority="8415" stopIfTrue="1">
      <formula>ISBLANK(Y29)=FALSE</formula>
    </cfRule>
  </conditionalFormatting>
  <conditionalFormatting sqref="Y29:Z30">
    <cfRule type="expression" dxfId="8409" priority="8406" stopIfTrue="1">
      <formula>ISBLANK(Y29)=TRUE</formula>
    </cfRule>
    <cfRule type="expression" dxfId="8408" priority="8407" stopIfTrue="1">
      <formula>INDIRECT("第１の３表②!"&amp;CELL("address",CR29))="×××"</formula>
    </cfRule>
    <cfRule type="expression" dxfId="8407" priority="8408" stopIfTrue="1">
      <formula>INDIRECT("第１の３表②!"&amp;CELL("address",CR29))="××"</formula>
    </cfRule>
    <cfRule type="expression" dxfId="8406" priority="8409" stopIfTrue="1">
      <formula>INDIRECT("第１の３表②!"&amp;CELL("address",CR29))="×"</formula>
    </cfRule>
    <cfRule type="expression" dxfId="8405" priority="8410" stopIfTrue="1">
      <formula>ISBLANK(Y29)=FALSE</formula>
    </cfRule>
  </conditionalFormatting>
  <conditionalFormatting sqref="AB29:AC30">
    <cfRule type="expression" dxfId="8404" priority="8401" stopIfTrue="1">
      <formula>ISBLANK(AB29)=TRUE</formula>
    </cfRule>
    <cfRule type="expression" dxfId="8403" priority="8402" stopIfTrue="1">
      <formula>INDIRECT("第１の３表②!"&amp;CELL("address",CU29))="×××"</formula>
    </cfRule>
    <cfRule type="expression" dxfId="8402" priority="8403" stopIfTrue="1">
      <formula>INDIRECT("第１の３表②!"&amp;CELL("address",CU29))="××"</formula>
    </cfRule>
    <cfRule type="expression" dxfId="8401" priority="8404" stopIfTrue="1">
      <formula>INDIRECT("第１の３表②!"&amp;CELL("address",CU29))="×"</formula>
    </cfRule>
    <cfRule type="expression" dxfId="8400" priority="8405" stopIfTrue="1">
      <formula>ISBLANK(AB29)=FALSE</formula>
    </cfRule>
  </conditionalFormatting>
  <conditionalFormatting sqref="AB29:AC30">
    <cfRule type="expression" dxfId="8399" priority="8396" stopIfTrue="1">
      <formula>ISBLANK(AB29)=TRUE</formula>
    </cfRule>
    <cfRule type="expression" dxfId="8398" priority="8397" stopIfTrue="1">
      <formula>INDIRECT("第１の３表②!"&amp;CELL("address",CU29))="×××"</formula>
    </cfRule>
    <cfRule type="expression" dxfId="8397" priority="8398" stopIfTrue="1">
      <formula>INDIRECT("第１の３表②!"&amp;CELL("address",CU29))="××"</formula>
    </cfRule>
    <cfRule type="expression" dxfId="8396" priority="8399" stopIfTrue="1">
      <formula>INDIRECT("第１の３表②!"&amp;CELL("address",CU29))="×"</formula>
    </cfRule>
    <cfRule type="expression" dxfId="8395" priority="8400" stopIfTrue="1">
      <formula>ISBLANK(AB29)=FALSE</formula>
    </cfRule>
  </conditionalFormatting>
  <conditionalFormatting sqref="AB29:AC30">
    <cfRule type="expression" dxfId="8394" priority="8391" stopIfTrue="1">
      <formula>ISBLANK(AB29)=TRUE</formula>
    </cfRule>
    <cfRule type="expression" dxfId="8393" priority="8392" stopIfTrue="1">
      <formula>INDIRECT("第１の３表②!"&amp;CELL("address",CU29))="×××"</formula>
    </cfRule>
    <cfRule type="expression" dxfId="8392" priority="8393" stopIfTrue="1">
      <formula>INDIRECT("第１の３表②!"&amp;CELL("address",CU29))="××"</formula>
    </cfRule>
    <cfRule type="expression" dxfId="8391" priority="8394" stopIfTrue="1">
      <formula>INDIRECT("第１の３表②!"&amp;CELL("address",CU29))="×"</formula>
    </cfRule>
    <cfRule type="expression" dxfId="8390" priority="8395" stopIfTrue="1">
      <formula>ISBLANK(AB29)=FALSE</formula>
    </cfRule>
  </conditionalFormatting>
  <conditionalFormatting sqref="AE29:AF30">
    <cfRule type="expression" dxfId="8389" priority="8386" stopIfTrue="1">
      <formula>ISBLANK(AE29)=TRUE</formula>
    </cfRule>
    <cfRule type="expression" dxfId="8388" priority="8387" stopIfTrue="1">
      <formula>INDIRECT("第１の３表②!"&amp;CELL("address",CX29))="×××"</formula>
    </cfRule>
    <cfRule type="expression" dxfId="8387" priority="8388" stopIfTrue="1">
      <formula>INDIRECT("第１の３表②!"&amp;CELL("address",CX29))="××"</formula>
    </cfRule>
    <cfRule type="expression" dxfId="8386" priority="8389" stopIfTrue="1">
      <formula>INDIRECT("第１の３表②!"&amp;CELL("address",CX29))="×"</formula>
    </cfRule>
    <cfRule type="expression" dxfId="8385" priority="8390" stopIfTrue="1">
      <formula>ISBLANK(AE29)=FALSE</formula>
    </cfRule>
  </conditionalFormatting>
  <conditionalFormatting sqref="AE29:AF30">
    <cfRule type="expression" dxfId="8384" priority="8381" stopIfTrue="1">
      <formula>ISBLANK(AE29)=TRUE</formula>
    </cfRule>
    <cfRule type="expression" dxfId="8383" priority="8382" stopIfTrue="1">
      <formula>INDIRECT("第１の３表②!"&amp;CELL("address",CX29))="×××"</formula>
    </cfRule>
    <cfRule type="expression" dxfId="8382" priority="8383" stopIfTrue="1">
      <formula>INDIRECT("第１の３表②!"&amp;CELL("address",CX29))="××"</formula>
    </cfRule>
    <cfRule type="expression" dxfId="8381" priority="8384" stopIfTrue="1">
      <formula>INDIRECT("第１の３表②!"&amp;CELL("address",CX29))="×"</formula>
    </cfRule>
    <cfRule type="expression" dxfId="8380" priority="8385" stopIfTrue="1">
      <formula>ISBLANK(AE29)=FALSE</formula>
    </cfRule>
  </conditionalFormatting>
  <conditionalFormatting sqref="AE29:AF30">
    <cfRule type="expression" dxfId="8379" priority="8376" stopIfTrue="1">
      <formula>ISBLANK(AE29)=TRUE</formula>
    </cfRule>
    <cfRule type="expression" dxfId="8378" priority="8377" stopIfTrue="1">
      <formula>INDIRECT("第１の３表②!"&amp;CELL("address",CX29))="×××"</formula>
    </cfRule>
    <cfRule type="expression" dxfId="8377" priority="8378" stopIfTrue="1">
      <formula>INDIRECT("第１の３表②!"&amp;CELL("address",CX29))="××"</formula>
    </cfRule>
    <cfRule type="expression" dxfId="8376" priority="8379" stopIfTrue="1">
      <formula>INDIRECT("第１の３表②!"&amp;CELL("address",CX29))="×"</formula>
    </cfRule>
    <cfRule type="expression" dxfId="8375" priority="8380" stopIfTrue="1">
      <formula>ISBLANK(AE29)=FALSE</formula>
    </cfRule>
  </conditionalFormatting>
  <conditionalFormatting sqref="AH29:AI30">
    <cfRule type="expression" dxfId="8374" priority="8371" stopIfTrue="1">
      <formula>ISBLANK(AH29)=TRUE</formula>
    </cfRule>
    <cfRule type="expression" dxfId="8373" priority="8372" stopIfTrue="1">
      <formula>INDIRECT("第１の３表②!"&amp;CELL("address",DA29))="×××"</formula>
    </cfRule>
    <cfRule type="expression" dxfId="8372" priority="8373" stopIfTrue="1">
      <formula>INDIRECT("第１の３表②!"&amp;CELL("address",DA29))="××"</formula>
    </cfRule>
    <cfRule type="expression" dxfId="8371" priority="8374" stopIfTrue="1">
      <formula>INDIRECT("第１の３表②!"&amp;CELL("address",DA29))="×"</formula>
    </cfRule>
    <cfRule type="expression" dxfId="8370" priority="8375" stopIfTrue="1">
      <formula>ISBLANK(AH29)=FALSE</formula>
    </cfRule>
  </conditionalFormatting>
  <conditionalFormatting sqref="AH29:AI30">
    <cfRule type="expression" dxfId="8369" priority="8366" stopIfTrue="1">
      <formula>ISBLANK(AH29)=TRUE</formula>
    </cfRule>
    <cfRule type="expression" dxfId="8368" priority="8367" stopIfTrue="1">
      <formula>INDIRECT("第１の３表②!"&amp;CELL("address",DA29))="×××"</formula>
    </cfRule>
    <cfRule type="expression" dxfId="8367" priority="8368" stopIfTrue="1">
      <formula>INDIRECT("第１の３表②!"&amp;CELL("address",DA29))="××"</formula>
    </cfRule>
    <cfRule type="expression" dxfId="8366" priority="8369" stopIfTrue="1">
      <formula>INDIRECT("第１の３表②!"&amp;CELL("address",DA29))="×"</formula>
    </cfRule>
    <cfRule type="expression" dxfId="8365" priority="8370" stopIfTrue="1">
      <formula>ISBLANK(AH29)=FALSE</formula>
    </cfRule>
  </conditionalFormatting>
  <conditionalFormatting sqref="AH29:AI30">
    <cfRule type="expression" dxfId="8364" priority="8361" stopIfTrue="1">
      <formula>ISBLANK(AH29)=TRUE</formula>
    </cfRule>
    <cfRule type="expression" dxfId="8363" priority="8362" stopIfTrue="1">
      <formula>INDIRECT("第１の３表②!"&amp;CELL("address",DA29))="×××"</formula>
    </cfRule>
    <cfRule type="expression" dxfId="8362" priority="8363" stopIfTrue="1">
      <formula>INDIRECT("第１の３表②!"&amp;CELL("address",DA29))="××"</formula>
    </cfRule>
    <cfRule type="expression" dxfId="8361" priority="8364" stopIfTrue="1">
      <formula>INDIRECT("第１の３表②!"&amp;CELL("address",DA29))="×"</formula>
    </cfRule>
    <cfRule type="expression" dxfId="8360" priority="8365" stopIfTrue="1">
      <formula>ISBLANK(AH29)=FALSE</formula>
    </cfRule>
  </conditionalFormatting>
  <conditionalFormatting sqref="AK29:AL30">
    <cfRule type="expression" dxfId="8359" priority="8356" stopIfTrue="1">
      <formula>ISBLANK(AK29)=TRUE</formula>
    </cfRule>
    <cfRule type="expression" dxfId="8358" priority="8357" stopIfTrue="1">
      <formula>INDIRECT("第１の３表②!"&amp;CELL("address",DD29))="×××"</formula>
    </cfRule>
    <cfRule type="expression" dxfId="8357" priority="8358" stopIfTrue="1">
      <formula>INDIRECT("第１の３表②!"&amp;CELL("address",DD29))="××"</formula>
    </cfRule>
    <cfRule type="expression" dxfId="8356" priority="8359" stopIfTrue="1">
      <formula>INDIRECT("第１の３表②!"&amp;CELL("address",DD29))="×"</formula>
    </cfRule>
    <cfRule type="expression" dxfId="8355" priority="8360" stopIfTrue="1">
      <formula>ISBLANK(AK29)=FALSE</formula>
    </cfRule>
  </conditionalFormatting>
  <conditionalFormatting sqref="AK29:AL30">
    <cfRule type="expression" dxfId="8354" priority="8351" stopIfTrue="1">
      <formula>ISBLANK(AK29)=TRUE</formula>
    </cfRule>
    <cfRule type="expression" dxfId="8353" priority="8352" stopIfTrue="1">
      <formula>INDIRECT("第１の３表②!"&amp;CELL("address",DD29))="×××"</formula>
    </cfRule>
    <cfRule type="expression" dxfId="8352" priority="8353" stopIfTrue="1">
      <formula>INDIRECT("第１の３表②!"&amp;CELL("address",DD29))="××"</formula>
    </cfRule>
    <cfRule type="expression" dxfId="8351" priority="8354" stopIfTrue="1">
      <formula>INDIRECT("第１の３表②!"&amp;CELL("address",DD29))="×"</formula>
    </cfRule>
    <cfRule type="expression" dxfId="8350" priority="8355" stopIfTrue="1">
      <formula>ISBLANK(AK29)=FALSE</formula>
    </cfRule>
  </conditionalFormatting>
  <conditionalFormatting sqref="AK29:AL30">
    <cfRule type="expression" dxfId="8349" priority="8346" stopIfTrue="1">
      <formula>ISBLANK(AK29)=TRUE</formula>
    </cfRule>
    <cfRule type="expression" dxfId="8348" priority="8347" stopIfTrue="1">
      <formula>INDIRECT("第１の３表②!"&amp;CELL("address",DD29))="×××"</formula>
    </cfRule>
    <cfRule type="expression" dxfId="8347" priority="8348" stopIfTrue="1">
      <formula>INDIRECT("第１の３表②!"&amp;CELL("address",DD29))="××"</formula>
    </cfRule>
    <cfRule type="expression" dxfId="8346" priority="8349" stopIfTrue="1">
      <formula>INDIRECT("第１の３表②!"&amp;CELL("address",DD29))="×"</formula>
    </cfRule>
    <cfRule type="expression" dxfId="8345" priority="8350" stopIfTrue="1">
      <formula>ISBLANK(AK29)=FALSE</formula>
    </cfRule>
  </conditionalFormatting>
  <conditionalFormatting sqref="AN29:AO30">
    <cfRule type="expression" dxfId="8344" priority="8341" stopIfTrue="1">
      <formula>ISBLANK(AN29)=TRUE</formula>
    </cfRule>
    <cfRule type="expression" dxfId="8343" priority="8342" stopIfTrue="1">
      <formula>INDIRECT("第１の３表②!"&amp;CELL("address",DG29))="×××"</formula>
    </cfRule>
    <cfRule type="expression" dxfId="8342" priority="8343" stopIfTrue="1">
      <formula>INDIRECT("第１の３表②!"&amp;CELL("address",DG29))="××"</formula>
    </cfRule>
    <cfRule type="expression" dxfId="8341" priority="8344" stopIfTrue="1">
      <formula>INDIRECT("第１の３表②!"&amp;CELL("address",DG29))="×"</formula>
    </cfRule>
    <cfRule type="expression" dxfId="8340" priority="8345" stopIfTrue="1">
      <formula>ISBLANK(AN29)=FALSE</formula>
    </cfRule>
  </conditionalFormatting>
  <conditionalFormatting sqref="AN29:AO30">
    <cfRule type="expression" dxfId="8339" priority="8336" stopIfTrue="1">
      <formula>ISBLANK(AN29)=TRUE</formula>
    </cfRule>
    <cfRule type="expression" dxfId="8338" priority="8337" stopIfTrue="1">
      <formula>INDIRECT("第１の３表②!"&amp;CELL("address",DG29))="×××"</formula>
    </cfRule>
    <cfRule type="expression" dxfId="8337" priority="8338" stopIfTrue="1">
      <formula>INDIRECT("第１の３表②!"&amp;CELL("address",DG29))="××"</formula>
    </cfRule>
    <cfRule type="expression" dxfId="8336" priority="8339" stopIfTrue="1">
      <formula>INDIRECT("第１の３表②!"&amp;CELL("address",DG29))="×"</formula>
    </cfRule>
    <cfRule type="expression" dxfId="8335" priority="8340" stopIfTrue="1">
      <formula>ISBLANK(AN29)=FALSE</formula>
    </cfRule>
  </conditionalFormatting>
  <conditionalFormatting sqref="AN29:AO30">
    <cfRule type="expression" dxfId="8334" priority="8331" stopIfTrue="1">
      <formula>ISBLANK(AN29)=TRUE</formula>
    </cfRule>
    <cfRule type="expression" dxfId="8333" priority="8332" stopIfTrue="1">
      <formula>INDIRECT("第１の３表②!"&amp;CELL("address",DG29))="×××"</formula>
    </cfRule>
    <cfRule type="expression" dxfId="8332" priority="8333" stopIfTrue="1">
      <formula>INDIRECT("第１の３表②!"&amp;CELL("address",DG29))="××"</formula>
    </cfRule>
    <cfRule type="expression" dxfId="8331" priority="8334" stopIfTrue="1">
      <formula>INDIRECT("第１の３表②!"&amp;CELL("address",DG29))="×"</formula>
    </cfRule>
    <cfRule type="expression" dxfId="8330" priority="8335" stopIfTrue="1">
      <formula>ISBLANK(AN29)=FALSE</formula>
    </cfRule>
  </conditionalFormatting>
  <conditionalFormatting sqref="AQ29:AR30">
    <cfRule type="expression" dxfId="8329" priority="8326" stopIfTrue="1">
      <formula>ISBLANK(AQ29)=TRUE</formula>
    </cfRule>
    <cfRule type="expression" dxfId="8328" priority="8327" stopIfTrue="1">
      <formula>INDIRECT("第１の３表②!"&amp;CELL("address",DJ29))="×××"</formula>
    </cfRule>
    <cfRule type="expression" dxfId="8327" priority="8328" stopIfTrue="1">
      <formula>INDIRECT("第１の３表②!"&amp;CELL("address",DJ29))="××"</formula>
    </cfRule>
    <cfRule type="expression" dxfId="8326" priority="8329" stopIfTrue="1">
      <formula>INDIRECT("第１の３表②!"&amp;CELL("address",DJ29))="×"</formula>
    </cfRule>
    <cfRule type="expression" dxfId="8325" priority="8330" stopIfTrue="1">
      <formula>ISBLANK(AQ29)=FALSE</formula>
    </cfRule>
  </conditionalFormatting>
  <conditionalFormatting sqref="AQ29:AR30">
    <cfRule type="expression" dxfId="8324" priority="8321" stopIfTrue="1">
      <formula>ISBLANK(AQ29)=TRUE</formula>
    </cfRule>
    <cfRule type="expression" dxfId="8323" priority="8322" stopIfTrue="1">
      <formula>INDIRECT("第１の３表②!"&amp;CELL("address",DJ29))="×××"</formula>
    </cfRule>
    <cfRule type="expression" dxfId="8322" priority="8323" stopIfTrue="1">
      <formula>INDIRECT("第１の３表②!"&amp;CELL("address",DJ29))="××"</formula>
    </cfRule>
    <cfRule type="expression" dxfId="8321" priority="8324" stopIfTrue="1">
      <formula>INDIRECT("第１の３表②!"&amp;CELL("address",DJ29))="×"</formula>
    </cfRule>
    <cfRule type="expression" dxfId="8320" priority="8325" stopIfTrue="1">
      <formula>ISBLANK(AQ29)=FALSE</formula>
    </cfRule>
  </conditionalFormatting>
  <conditionalFormatting sqref="AQ29:AR30">
    <cfRule type="expression" dxfId="8319" priority="8316" stopIfTrue="1">
      <formula>ISBLANK(AQ29)=TRUE</formula>
    </cfRule>
    <cfRule type="expression" dxfId="8318" priority="8317" stopIfTrue="1">
      <formula>INDIRECT("第１の３表②!"&amp;CELL("address",DJ29))="×××"</formula>
    </cfRule>
    <cfRule type="expression" dxfId="8317" priority="8318" stopIfTrue="1">
      <formula>INDIRECT("第１の３表②!"&amp;CELL("address",DJ29))="××"</formula>
    </cfRule>
    <cfRule type="expression" dxfId="8316" priority="8319" stopIfTrue="1">
      <formula>INDIRECT("第１の３表②!"&amp;CELL("address",DJ29))="×"</formula>
    </cfRule>
    <cfRule type="expression" dxfId="8315" priority="8320" stopIfTrue="1">
      <formula>ISBLANK(AQ29)=FALSE</formula>
    </cfRule>
  </conditionalFormatting>
  <conditionalFormatting sqref="AT29:AU30">
    <cfRule type="expression" dxfId="8314" priority="8311" stopIfTrue="1">
      <formula>ISBLANK(AT29)=TRUE</formula>
    </cfRule>
    <cfRule type="expression" dxfId="8313" priority="8312" stopIfTrue="1">
      <formula>INDIRECT("第１の３表②!"&amp;CELL("address",DM29))="×××"</formula>
    </cfRule>
    <cfRule type="expression" dxfId="8312" priority="8313" stopIfTrue="1">
      <formula>INDIRECT("第１の３表②!"&amp;CELL("address",DM29))="××"</formula>
    </cfRule>
    <cfRule type="expression" dxfId="8311" priority="8314" stopIfTrue="1">
      <formula>INDIRECT("第１の３表②!"&amp;CELL("address",DM29))="×"</formula>
    </cfRule>
    <cfRule type="expression" dxfId="8310" priority="8315" stopIfTrue="1">
      <formula>ISBLANK(AT29)=FALSE</formula>
    </cfRule>
  </conditionalFormatting>
  <conditionalFormatting sqref="AT29:AU30">
    <cfRule type="expression" dxfId="8309" priority="8306" stopIfTrue="1">
      <formula>ISBLANK(AT29)=TRUE</formula>
    </cfRule>
    <cfRule type="expression" dxfId="8308" priority="8307" stopIfTrue="1">
      <formula>INDIRECT("第１の３表②!"&amp;CELL("address",DM29))="×××"</formula>
    </cfRule>
    <cfRule type="expression" dxfId="8307" priority="8308" stopIfTrue="1">
      <formula>INDIRECT("第１の３表②!"&amp;CELL("address",DM29))="××"</formula>
    </cfRule>
    <cfRule type="expression" dxfId="8306" priority="8309" stopIfTrue="1">
      <formula>INDIRECT("第１の３表②!"&amp;CELL("address",DM29))="×"</formula>
    </cfRule>
    <cfRule type="expression" dxfId="8305" priority="8310" stopIfTrue="1">
      <formula>ISBLANK(AT29)=FALSE</formula>
    </cfRule>
  </conditionalFormatting>
  <conditionalFormatting sqref="AT29:AU30">
    <cfRule type="expression" dxfId="8304" priority="8301" stopIfTrue="1">
      <formula>ISBLANK(AT29)=TRUE</formula>
    </cfRule>
    <cfRule type="expression" dxfId="8303" priority="8302" stopIfTrue="1">
      <formula>INDIRECT("第１の３表②!"&amp;CELL("address",DM29))="×××"</formula>
    </cfRule>
    <cfRule type="expression" dxfId="8302" priority="8303" stopIfTrue="1">
      <formula>INDIRECT("第１の３表②!"&amp;CELL("address",DM29))="××"</formula>
    </cfRule>
    <cfRule type="expression" dxfId="8301" priority="8304" stopIfTrue="1">
      <formula>INDIRECT("第１の３表②!"&amp;CELL("address",DM29))="×"</formula>
    </cfRule>
    <cfRule type="expression" dxfId="8300" priority="8305" stopIfTrue="1">
      <formula>ISBLANK(AT29)=FALSE</formula>
    </cfRule>
  </conditionalFormatting>
  <conditionalFormatting sqref="AW29:AX30">
    <cfRule type="expression" dxfId="8299" priority="8296" stopIfTrue="1">
      <formula>ISBLANK(AW29)=TRUE</formula>
    </cfRule>
    <cfRule type="expression" dxfId="8298" priority="8297" stopIfTrue="1">
      <formula>INDIRECT("第１の３表②!"&amp;CELL("address",DP29))="×××"</formula>
    </cfRule>
    <cfRule type="expression" dxfId="8297" priority="8298" stopIfTrue="1">
      <formula>INDIRECT("第１の３表②!"&amp;CELL("address",DP29))="××"</formula>
    </cfRule>
    <cfRule type="expression" dxfId="8296" priority="8299" stopIfTrue="1">
      <formula>INDIRECT("第１の３表②!"&amp;CELL("address",DP29))="×"</formula>
    </cfRule>
    <cfRule type="expression" dxfId="8295" priority="8300" stopIfTrue="1">
      <formula>ISBLANK(AW29)=FALSE</formula>
    </cfRule>
  </conditionalFormatting>
  <conditionalFormatting sqref="AW29:AX30">
    <cfRule type="expression" dxfId="8294" priority="8291" stopIfTrue="1">
      <formula>ISBLANK(AW29)=TRUE</formula>
    </cfRule>
    <cfRule type="expression" dxfId="8293" priority="8292" stopIfTrue="1">
      <formula>INDIRECT("第１の３表②!"&amp;CELL("address",DP29))="×××"</formula>
    </cfRule>
    <cfRule type="expression" dxfId="8292" priority="8293" stopIfTrue="1">
      <formula>INDIRECT("第１の３表②!"&amp;CELL("address",DP29))="××"</formula>
    </cfRule>
    <cfRule type="expression" dxfId="8291" priority="8294" stopIfTrue="1">
      <formula>INDIRECT("第１の３表②!"&amp;CELL("address",DP29))="×"</formula>
    </cfRule>
    <cfRule type="expression" dxfId="8290" priority="8295" stopIfTrue="1">
      <formula>ISBLANK(AW29)=FALSE</formula>
    </cfRule>
  </conditionalFormatting>
  <conditionalFormatting sqref="AW29:AX30">
    <cfRule type="expression" dxfId="8289" priority="8286" stopIfTrue="1">
      <formula>ISBLANK(AW29)=TRUE</formula>
    </cfRule>
    <cfRule type="expression" dxfId="8288" priority="8287" stopIfTrue="1">
      <formula>INDIRECT("第１の３表②!"&amp;CELL("address",DP29))="×××"</formula>
    </cfRule>
    <cfRule type="expression" dxfId="8287" priority="8288" stopIfTrue="1">
      <formula>INDIRECT("第１の３表②!"&amp;CELL("address",DP29))="××"</formula>
    </cfRule>
    <cfRule type="expression" dxfId="8286" priority="8289" stopIfTrue="1">
      <formula>INDIRECT("第１の３表②!"&amp;CELL("address",DP29))="×"</formula>
    </cfRule>
    <cfRule type="expression" dxfId="8285" priority="8290" stopIfTrue="1">
      <formula>ISBLANK(AW29)=FALSE</formula>
    </cfRule>
  </conditionalFormatting>
  <conditionalFormatting sqref="AZ29:BA30">
    <cfRule type="expression" dxfId="8284" priority="8281" stopIfTrue="1">
      <formula>ISBLANK(AZ29)=TRUE</formula>
    </cfRule>
    <cfRule type="expression" dxfId="8283" priority="8282" stopIfTrue="1">
      <formula>INDIRECT("第１の３表②!"&amp;CELL("address",DS29))="×××"</formula>
    </cfRule>
    <cfRule type="expression" dxfId="8282" priority="8283" stopIfTrue="1">
      <formula>INDIRECT("第１の３表②!"&amp;CELL("address",DS29))="××"</formula>
    </cfRule>
    <cfRule type="expression" dxfId="8281" priority="8284" stopIfTrue="1">
      <formula>INDIRECT("第１の３表②!"&amp;CELL("address",DS29))="×"</formula>
    </cfRule>
    <cfRule type="expression" dxfId="8280" priority="8285" stopIfTrue="1">
      <formula>ISBLANK(AZ29)=FALSE</formula>
    </cfRule>
  </conditionalFormatting>
  <conditionalFormatting sqref="AZ29:BA30">
    <cfRule type="expression" dxfId="8279" priority="8276" stopIfTrue="1">
      <formula>ISBLANK(AZ29)=TRUE</formula>
    </cfRule>
    <cfRule type="expression" dxfId="8278" priority="8277" stopIfTrue="1">
      <formula>INDIRECT("第１の３表②!"&amp;CELL("address",DS29))="×××"</formula>
    </cfRule>
    <cfRule type="expression" dxfId="8277" priority="8278" stopIfTrue="1">
      <formula>INDIRECT("第１の３表②!"&amp;CELL("address",DS29))="××"</formula>
    </cfRule>
    <cfRule type="expression" dxfId="8276" priority="8279" stopIfTrue="1">
      <formula>INDIRECT("第１の３表②!"&amp;CELL("address",DS29))="×"</formula>
    </cfRule>
    <cfRule type="expression" dxfId="8275" priority="8280" stopIfTrue="1">
      <formula>ISBLANK(AZ29)=FALSE</formula>
    </cfRule>
  </conditionalFormatting>
  <conditionalFormatting sqref="AZ29:BA30">
    <cfRule type="expression" dxfId="8274" priority="8271" stopIfTrue="1">
      <formula>ISBLANK(AZ29)=TRUE</formula>
    </cfRule>
    <cfRule type="expression" dxfId="8273" priority="8272" stopIfTrue="1">
      <formula>INDIRECT("第１の３表②!"&amp;CELL("address",DS29))="×××"</formula>
    </cfRule>
    <cfRule type="expression" dxfId="8272" priority="8273" stopIfTrue="1">
      <formula>INDIRECT("第１の３表②!"&amp;CELL("address",DS29))="××"</formula>
    </cfRule>
    <cfRule type="expression" dxfId="8271" priority="8274" stopIfTrue="1">
      <formula>INDIRECT("第１の３表②!"&amp;CELL("address",DS29))="×"</formula>
    </cfRule>
    <cfRule type="expression" dxfId="8270" priority="8275" stopIfTrue="1">
      <formula>ISBLANK(AZ29)=FALSE</formula>
    </cfRule>
  </conditionalFormatting>
  <conditionalFormatting sqref="BC29:BD30">
    <cfRule type="expression" dxfId="8269" priority="8266" stopIfTrue="1">
      <formula>ISBLANK(BC29)=TRUE</formula>
    </cfRule>
    <cfRule type="expression" dxfId="8268" priority="8267" stopIfTrue="1">
      <formula>INDIRECT("第１の３表②!"&amp;CELL("address",DV29))="×××"</formula>
    </cfRule>
    <cfRule type="expression" dxfId="8267" priority="8268" stopIfTrue="1">
      <formula>INDIRECT("第１の３表②!"&amp;CELL("address",DV29))="××"</formula>
    </cfRule>
    <cfRule type="expression" dxfId="8266" priority="8269" stopIfTrue="1">
      <formula>INDIRECT("第１の３表②!"&amp;CELL("address",DV29))="×"</formula>
    </cfRule>
    <cfRule type="expression" dxfId="8265" priority="8270" stopIfTrue="1">
      <formula>ISBLANK(BC29)=FALSE</formula>
    </cfRule>
  </conditionalFormatting>
  <conditionalFormatting sqref="BC29:BD30">
    <cfRule type="expression" dxfId="8264" priority="8261" stopIfTrue="1">
      <formula>ISBLANK(BC29)=TRUE</formula>
    </cfRule>
    <cfRule type="expression" dxfId="8263" priority="8262" stopIfTrue="1">
      <formula>INDIRECT("第１の３表②!"&amp;CELL("address",DV29))="×××"</formula>
    </cfRule>
    <cfRule type="expression" dxfId="8262" priority="8263" stopIfTrue="1">
      <formula>INDIRECT("第１の３表②!"&amp;CELL("address",DV29))="××"</formula>
    </cfRule>
    <cfRule type="expression" dxfId="8261" priority="8264" stopIfTrue="1">
      <formula>INDIRECT("第１の３表②!"&amp;CELL("address",DV29))="×"</formula>
    </cfRule>
    <cfRule type="expression" dxfId="8260" priority="8265" stopIfTrue="1">
      <formula>ISBLANK(BC29)=FALSE</formula>
    </cfRule>
  </conditionalFormatting>
  <conditionalFormatting sqref="BC29:BD30">
    <cfRule type="expression" dxfId="8259" priority="8256" stopIfTrue="1">
      <formula>ISBLANK(BC29)=TRUE</formula>
    </cfRule>
    <cfRule type="expression" dxfId="8258" priority="8257" stopIfTrue="1">
      <formula>INDIRECT("第１の３表②!"&amp;CELL("address",DV29))="×××"</formula>
    </cfRule>
    <cfRule type="expression" dxfId="8257" priority="8258" stopIfTrue="1">
      <formula>INDIRECT("第１の３表②!"&amp;CELL("address",DV29))="××"</formula>
    </cfRule>
    <cfRule type="expression" dxfId="8256" priority="8259" stopIfTrue="1">
      <formula>INDIRECT("第１の３表②!"&amp;CELL("address",DV29))="×"</formula>
    </cfRule>
    <cfRule type="expression" dxfId="8255" priority="8260" stopIfTrue="1">
      <formula>ISBLANK(BC29)=FALSE</formula>
    </cfRule>
  </conditionalFormatting>
  <conditionalFormatting sqref="BF29:BG30">
    <cfRule type="expression" dxfId="8254" priority="8251" stopIfTrue="1">
      <formula>ISBLANK(BF29)=TRUE</formula>
    </cfRule>
    <cfRule type="expression" dxfId="8253" priority="8252" stopIfTrue="1">
      <formula>INDIRECT("第１の３表②!"&amp;CELL("address",DY29))="×××"</formula>
    </cfRule>
    <cfRule type="expression" dxfId="8252" priority="8253" stopIfTrue="1">
      <formula>INDIRECT("第１の３表②!"&amp;CELL("address",DY29))="××"</formula>
    </cfRule>
    <cfRule type="expression" dxfId="8251" priority="8254" stopIfTrue="1">
      <formula>INDIRECT("第１の３表②!"&amp;CELL("address",DY29))="×"</formula>
    </cfRule>
    <cfRule type="expression" dxfId="8250" priority="8255" stopIfTrue="1">
      <formula>ISBLANK(BF29)=FALSE</formula>
    </cfRule>
  </conditionalFormatting>
  <conditionalFormatting sqref="BF29:BG30">
    <cfRule type="expression" dxfId="8249" priority="8246" stopIfTrue="1">
      <formula>ISBLANK(BF29)=TRUE</formula>
    </cfRule>
    <cfRule type="expression" dxfId="8248" priority="8247" stopIfTrue="1">
      <formula>INDIRECT("第１の３表②!"&amp;CELL("address",DY29))="×××"</formula>
    </cfRule>
    <cfRule type="expression" dxfId="8247" priority="8248" stopIfTrue="1">
      <formula>INDIRECT("第１の３表②!"&amp;CELL("address",DY29))="××"</formula>
    </cfRule>
    <cfRule type="expression" dxfId="8246" priority="8249" stopIfTrue="1">
      <formula>INDIRECT("第１の３表②!"&amp;CELL("address",DY29))="×"</formula>
    </cfRule>
    <cfRule type="expression" dxfId="8245" priority="8250" stopIfTrue="1">
      <formula>ISBLANK(BF29)=FALSE</formula>
    </cfRule>
  </conditionalFormatting>
  <conditionalFormatting sqref="BF29:BG30">
    <cfRule type="expression" dxfId="8244" priority="8241" stopIfTrue="1">
      <formula>ISBLANK(BF29)=TRUE</formula>
    </cfRule>
    <cfRule type="expression" dxfId="8243" priority="8242" stopIfTrue="1">
      <formula>INDIRECT("第１の３表②!"&amp;CELL("address",DY29))="×××"</formula>
    </cfRule>
    <cfRule type="expression" dxfId="8242" priority="8243" stopIfTrue="1">
      <formula>INDIRECT("第１の３表②!"&amp;CELL("address",DY29))="××"</formula>
    </cfRule>
    <cfRule type="expression" dxfId="8241" priority="8244" stopIfTrue="1">
      <formula>INDIRECT("第１の３表②!"&amp;CELL("address",DY29))="×"</formula>
    </cfRule>
    <cfRule type="expression" dxfId="8240" priority="8245" stopIfTrue="1">
      <formula>ISBLANK(BF29)=FALSE</formula>
    </cfRule>
  </conditionalFormatting>
  <conditionalFormatting sqref="BI29:BJ30">
    <cfRule type="expression" dxfId="8239" priority="8236" stopIfTrue="1">
      <formula>ISBLANK(BI29)=TRUE</formula>
    </cfRule>
    <cfRule type="expression" dxfId="8238" priority="8237" stopIfTrue="1">
      <formula>INDIRECT("第１の３表②!"&amp;CELL("address",EB29))="×××"</formula>
    </cfRule>
    <cfRule type="expression" dxfId="8237" priority="8238" stopIfTrue="1">
      <formula>INDIRECT("第１の３表②!"&amp;CELL("address",EB29))="××"</formula>
    </cfRule>
    <cfRule type="expression" dxfId="8236" priority="8239" stopIfTrue="1">
      <formula>INDIRECT("第１の３表②!"&amp;CELL("address",EB29))="×"</formula>
    </cfRule>
    <cfRule type="expression" dxfId="8235" priority="8240" stopIfTrue="1">
      <formula>ISBLANK(BI29)=FALSE</formula>
    </cfRule>
  </conditionalFormatting>
  <conditionalFormatting sqref="BI29:BJ30">
    <cfRule type="expression" dxfId="8234" priority="8231" stopIfTrue="1">
      <formula>ISBLANK(BI29)=TRUE</formula>
    </cfRule>
    <cfRule type="expression" dxfId="8233" priority="8232" stopIfTrue="1">
      <formula>INDIRECT("第１の３表②!"&amp;CELL("address",EB29))="×××"</formula>
    </cfRule>
    <cfRule type="expression" dxfId="8232" priority="8233" stopIfTrue="1">
      <formula>INDIRECT("第１の３表②!"&amp;CELL("address",EB29))="××"</formula>
    </cfRule>
    <cfRule type="expression" dxfId="8231" priority="8234" stopIfTrue="1">
      <formula>INDIRECT("第１の３表②!"&amp;CELL("address",EB29))="×"</formula>
    </cfRule>
    <cfRule type="expression" dxfId="8230" priority="8235" stopIfTrue="1">
      <formula>ISBLANK(BI29)=FALSE</formula>
    </cfRule>
  </conditionalFormatting>
  <conditionalFormatting sqref="BI29:BJ30">
    <cfRule type="expression" dxfId="8229" priority="8226" stopIfTrue="1">
      <formula>ISBLANK(BI29)=TRUE</formula>
    </cfRule>
    <cfRule type="expression" dxfId="8228" priority="8227" stopIfTrue="1">
      <formula>INDIRECT("第１の３表②!"&amp;CELL("address",EB29))="×××"</formula>
    </cfRule>
    <cfRule type="expression" dxfId="8227" priority="8228" stopIfTrue="1">
      <formula>INDIRECT("第１の３表②!"&amp;CELL("address",EB29))="××"</formula>
    </cfRule>
    <cfRule type="expression" dxfId="8226" priority="8229" stopIfTrue="1">
      <formula>INDIRECT("第１の３表②!"&amp;CELL("address",EB29))="×"</formula>
    </cfRule>
    <cfRule type="expression" dxfId="8225" priority="8230" stopIfTrue="1">
      <formula>ISBLANK(BI29)=FALSE</formula>
    </cfRule>
  </conditionalFormatting>
  <conditionalFormatting sqref="BL29:BM30">
    <cfRule type="expression" dxfId="8224" priority="8221" stopIfTrue="1">
      <formula>ISBLANK(BL29)=TRUE</formula>
    </cfRule>
    <cfRule type="expression" dxfId="8223" priority="8222" stopIfTrue="1">
      <formula>INDIRECT("第１の３表②!"&amp;CELL("address",EE29))="×××"</formula>
    </cfRule>
    <cfRule type="expression" dxfId="8222" priority="8223" stopIfTrue="1">
      <formula>INDIRECT("第１の３表②!"&amp;CELL("address",EE29))="××"</formula>
    </cfRule>
    <cfRule type="expression" dxfId="8221" priority="8224" stopIfTrue="1">
      <formula>INDIRECT("第１の３表②!"&amp;CELL("address",EE29))="×"</formula>
    </cfRule>
    <cfRule type="expression" dxfId="8220" priority="8225" stopIfTrue="1">
      <formula>ISBLANK(BL29)=FALSE</formula>
    </cfRule>
  </conditionalFormatting>
  <conditionalFormatting sqref="BL29:BM30">
    <cfRule type="expression" dxfId="8219" priority="8216" stopIfTrue="1">
      <formula>ISBLANK(BL29)=TRUE</formula>
    </cfRule>
    <cfRule type="expression" dxfId="8218" priority="8217" stopIfTrue="1">
      <formula>INDIRECT("第１の３表②!"&amp;CELL("address",EE29))="×××"</formula>
    </cfRule>
    <cfRule type="expression" dxfId="8217" priority="8218" stopIfTrue="1">
      <formula>INDIRECT("第１の３表②!"&amp;CELL("address",EE29))="××"</formula>
    </cfRule>
    <cfRule type="expression" dxfId="8216" priority="8219" stopIfTrue="1">
      <formula>INDIRECT("第１の３表②!"&amp;CELL("address",EE29))="×"</formula>
    </cfRule>
    <cfRule type="expression" dxfId="8215" priority="8220" stopIfTrue="1">
      <formula>ISBLANK(BL29)=FALSE</formula>
    </cfRule>
  </conditionalFormatting>
  <conditionalFormatting sqref="BL29:BM30">
    <cfRule type="expression" dxfId="8214" priority="8211" stopIfTrue="1">
      <formula>ISBLANK(BL29)=TRUE</formula>
    </cfRule>
    <cfRule type="expression" dxfId="8213" priority="8212" stopIfTrue="1">
      <formula>INDIRECT("第１の３表②!"&amp;CELL("address",EE29))="×××"</formula>
    </cfRule>
    <cfRule type="expression" dxfId="8212" priority="8213" stopIfTrue="1">
      <formula>INDIRECT("第１の３表②!"&amp;CELL("address",EE29))="××"</formula>
    </cfRule>
    <cfRule type="expression" dxfId="8211" priority="8214" stopIfTrue="1">
      <formula>INDIRECT("第１の３表②!"&amp;CELL("address",EE29))="×"</formula>
    </cfRule>
    <cfRule type="expression" dxfId="8210" priority="8215" stopIfTrue="1">
      <formula>ISBLANK(BL29)=FALSE</formula>
    </cfRule>
  </conditionalFormatting>
  <conditionalFormatting sqref="BO29:BP30">
    <cfRule type="expression" dxfId="8209" priority="8206" stopIfTrue="1">
      <formula>ISBLANK(BO29)=TRUE</formula>
    </cfRule>
    <cfRule type="expression" dxfId="8208" priority="8207" stopIfTrue="1">
      <formula>INDIRECT("第１の３表②!"&amp;CELL("address",EH29))="×××"</formula>
    </cfRule>
    <cfRule type="expression" dxfId="8207" priority="8208" stopIfTrue="1">
      <formula>INDIRECT("第１の３表②!"&amp;CELL("address",EH29))="××"</formula>
    </cfRule>
    <cfRule type="expression" dxfId="8206" priority="8209" stopIfTrue="1">
      <formula>INDIRECT("第１の３表②!"&amp;CELL("address",EH29))="×"</formula>
    </cfRule>
    <cfRule type="expression" dxfId="8205" priority="8210" stopIfTrue="1">
      <formula>ISBLANK(BO29)=FALSE</formula>
    </cfRule>
  </conditionalFormatting>
  <conditionalFormatting sqref="BO29:BP30">
    <cfRule type="expression" dxfId="8204" priority="8201" stopIfTrue="1">
      <formula>ISBLANK(BO29)=TRUE</formula>
    </cfRule>
    <cfRule type="expression" dxfId="8203" priority="8202" stopIfTrue="1">
      <formula>INDIRECT("第１の３表②!"&amp;CELL("address",EH29))="×××"</formula>
    </cfRule>
    <cfRule type="expression" dxfId="8202" priority="8203" stopIfTrue="1">
      <formula>INDIRECT("第１の３表②!"&amp;CELL("address",EH29))="××"</formula>
    </cfRule>
    <cfRule type="expression" dxfId="8201" priority="8204" stopIfTrue="1">
      <formula>INDIRECT("第１の３表②!"&amp;CELL("address",EH29))="×"</formula>
    </cfRule>
    <cfRule type="expression" dxfId="8200" priority="8205" stopIfTrue="1">
      <formula>ISBLANK(BO29)=FALSE</formula>
    </cfRule>
  </conditionalFormatting>
  <conditionalFormatting sqref="BO29:BP30">
    <cfRule type="expression" dxfId="8199" priority="8196" stopIfTrue="1">
      <formula>ISBLANK(BO29)=TRUE</formula>
    </cfRule>
    <cfRule type="expression" dxfId="8198" priority="8197" stopIfTrue="1">
      <formula>INDIRECT("第１の３表②!"&amp;CELL("address",EH29))="×××"</formula>
    </cfRule>
    <cfRule type="expression" dxfId="8197" priority="8198" stopIfTrue="1">
      <formula>INDIRECT("第１の３表②!"&amp;CELL("address",EH29))="××"</formula>
    </cfRule>
    <cfRule type="expression" dxfId="8196" priority="8199" stopIfTrue="1">
      <formula>INDIRECT("第１の３表②!"&amp;CELL("address",EH29))="×"</formula>
    </cfRule>
    <cfRule type="expression" dxfId="8195" priority="8200" stopIfTrue="1">
      <formula>ISBLANK(BO29)=FALSE</formula>
    </cfRule>
  </conditionalFormatting>
  <conditionalFormatting sqref="J32:K33">
    <cfRule type="expression" dxfId="8194" priority="8191" stopIfTrue="1">
      <formula>ISBLANK(J32)=TRUE</formula>
    </cfRule>
    <cfRule type="expression" dxfId="8193" priority="8192" stopIfTrue="1">
      <formula>INDIRECT("第１の３表②!"&amp;CELL("address",CC32))="×××"</formula>
    </cfRule>
    <cfRule type="expression" dxfId="8192" priority="8193" stopIfTrue="1">
      <formula>INDIRECT("第１の３表②!"&amp;CELL("address",CC32))="××"</formula>
    </cfRule>
    <cfRule type="expression" dxfId="8191" priority="8194" stopIfTrue="1">
      <formula>INDIRECT("第１の３表②!"&amp;CELL("address",CC32))="×"</formula>
    </cfRule>
    <cfRule type="expression" dxfId="8190" priority="8195" stopIfTrue="1">
      <formula>ISBLANK(J32)=FALSE</formula>
    </cfRule>
  </conditionalFormatting>
  <conditionalFormatting sqref="J32:K33">
    <cfRule type="expression" dxfId="8189" priority="8186" stopIfTrue="1">
      <formula>ISBLANK(J32)=TRUE</formula>
    </cfRule>
    <cfRule type="expression" dxfId="8188" priority="8187" stopIfTrue="1">
      <formula>INDIRECT("第１の３表②!"&amp;CELL("address",CC32))="×××"</formula>
    </cfRule>
    <cfRule type="expression" dxfId="8187" priority="8188" stopIfTrue="1">
      <formula>INDIRECT("第１の３表②!"&amp;CELL("address",CC32))="××"</formula>
    </cfRule>
    <cfRule type="expression" dxfId="8186" priority="8189" stopIfTrue="1">
      <formula>INDIRECT("第１の３表②!"&amp;CELL("address",CC32))="×"</formula>
    </cfRule>
    <cfRule type="expression" dxfId="8185" priority="8190" stopIfTrue="1">
      <formula>ISBLANK(J32)=FALSE</formula>
    </cfRule>
  </conditionalFormatting>
  <conditionalFormatting sqref="J32:K33">
    <cfRule type="expression" dxfId="8184" priority="8181" stopIfTrue="1">
      <formula>ISBLANK(J32)=TRUE</formula>
    </cfRule>
    <cfRule type="expression" dxfId="8183" priority="8182" stopIfTrue="1">
      <formula>INDIRECT("第１の３表②!"&amp;CELL("address",CC32))="×××"</formula>
    </cfRule>
    <cfRule type="expression" dxfId="8182" priority="8183" stopIfTrue="1">
      <formula>INDIRECT("第１の３表②!"&amp;CELL("address",CC32))="××"</formula>
    </cfRule>
    <cfRule type="expression" dxfId="8181" priority="8184" stopIfTrue="1">
      <formula>INDIRECT("第１の３表②!"&amp;CELL("address",CC32))="×"</formula>
    </cfRule>
    <cfRule type="expression" dxfId="8180" priority="8185" stopIfTrue="1">
      <formula>ISBLANK(J32)=FALSE</formula>
    </cfRule>
  </conditionalFormatting>
  <conditionalFormatting sqref="M32:N33">
    <cfRule type="expression" dxfId="8179" priority="8176" stopIfTrue="1">
      <formula>ISBLANK(M32)=TRUE</formula>
    </cfRule>
    <cfRule type="expression" dxfId="8178" priority="8177" stopIfTrue="1">
      <formula>INDIRECT("第１の３表②!"&amp;CELL("address",CF32))="×××"</formula>
    </cfRule>
    <cfRule type="expression" dxfId="8177" priority="8178" stopIfTrue="1">
      <formula>INDIRECT("第１の３表②!"&amp;CELL("address",CF32))="××"</formula>
    </cfRule>
    <cfRule type="expression" dxfId="8176" priority="8179" stopIfTrue="1">
      <formula>INDIRECT("第１の３表②!"&amp;CELL("address",CF32))="×"</formula>
    </cfRule>
    <cfRule type="expression" dxfId="8175" priority="8180" stopIfTrue="1">
      <formula>ISBLANK(M32)=FALSE</formula>
    </cfRule>
  </conditionalFormatting>
  <conditionalFormatting sqref="M32:N33">
    <cfRule type="expression" dxfId="8174" priority="8171" stopIfTrue="1">
      <formula>ISBLANK(M32)=TRUE</formula>
    </cfRule>
    <cfRule type="expression" dxfId="8173" priority="8172" stopIfTrue="1">
      <formula>INDIRECT("第１の３表②!"&amp;CELL("address",CF32))="×××"</formula>
    </cfRule>
    <cfRule type="expression" dxfId="8172" priority="8173" stopIfTrue="1">
      <formula>INDIRECT("第１の３表②!"&amp;CELL("address",CF32))="××"</formula>
    </cfRule>
    <cfRule type="expression" dxfId="8171" priority="8174" stopIfTrue="1">
      <formula>INDIRECT("第１の３表②!"&amp;CELL("address",CF32))="×"</formula>
    </cfRule>
    <cfRule type="expression" dxfId="8170" priority="8175" stopIfTrue="1">
      <formula>ISBLANK(M32)=FALSE</formula>
    </cfRule>
  </conditionalFormatting>
  <conditionalFormatting sqref="M32:N33">
    <cfRule type="expression" dxfId="8169" priority="8166" stopIfTrue="1">
      <formula>ISBLANK(M32)=TRUE</formula>
    </cfRule>
    <cfRule type="expression" dxfId="8168" priority="8167" stopIfTrue="1">
      <formula>INDIRECT("第１の３表②!"&amp;CELL("address",CF32))="×××"</formula>
    </cfRule>
    <cfRule type="expression" dxfId="8167" priority="8168" stopIfTrue="1">
      <formula>INDIRECT("第１の３表②!"&amp;CELL("address",CF32))="××"</formula>
    </cfRule>
    <cfRule type="expression" dxfId="8166" priority="8169" stopIfTrue="1">
      <formula>INDIRECT("第１の３表②!"&amp;CELL("address",CF32))="×"</formula>
    </cfRule>
    <cfRule type="expression" dxfId="8165" priority="8170" stopIfTrue="1">
      <formula>ISBLANK(M32)=FALSE</formula>
    </cfRule>
  </conditionalFormatting>
  <conditionalFormatting sqref="P32:Q33">
    <cfRule type="expression" dxfId="8164" priority="8161" stopIfTrue="1">
      <formula>ISBLANK(P32)=TRUE</formula>
    </cfRule>
    <cfRule type="expression" dxfId="8163" priority="8162" stopIfTrue="1">
      <formula>INDIRECT("第１の３表②!"&amp;CELL("address",CI32))="×××"</formula>
    </cfRule>
    <cfRule type="expression" dxfId="8162" priority="8163" stopIfTrue="1">
      <formula>INDIRECT("第１の３表②!"&amp;CELL("address",CI32))="××"</formula>
    </cfRule>
    <cfRule type="expression" dxfId="8161" priority="8164" stopIfTrue="1">
      <formula>INDIRECT("第１の３表②!"&amp;CELL("address",CI32))="×"</formula>
    </cfRule>
    <cfRule type="expression" dxfId="8160" priority="8165" stopIfTrue="1">
      <formula>ISBLANK(P32)=FALSE</formula>
    </cfRule>
  </conditionalFormatting>
  <conditionalFormatting sqref="P32:Q33">
    <cfRule type="expression" dxfId="8159" priority="8156" stopIfTrue="1">
      <formula>ISBLANK(P32)=TRUE</formula>
    </cfRule>
    <cfRule type="expression" dxfId="8158" priority="8157" stopIfTrue="1">
      <formula>INDIRECT("第１の３表②!"&amp;CELL("address",CI32))="×××"</formula>
    </cfRule>
    <cfRule type="expression" dxfId="8157" priority="8158" stopIfTrue="1">
      <formula>INDIRECT("第１の３表②!"&amp;CELL("address",CI32))="××"</formula>
    </cfRule>
    <cfRule type="expression" dxfId="8156" priority="8159" stopIfTrue="1">
      <formula>INDIRECT("第１の３表②!"&amp;CELL("address",CI32))="×"</formula>
    </cfRule>
    <cfRule type="expression" dxfId="8155" priority="8160" stopIfTrue="1">
      <formula>ISBLANK(P32)=FALSE</formula>
    </cfRule>
  </conditionalFormatting>
  <conditionalFormatting sqref="P32:Q33">
    <cfRule type="expression" dxfId="8154" priority="8151" stopIfTrue="1">
      <formula>ISBLANK(P32)=TRUE</formula>
    </cfRule>
    <cfRule type="expression" dxfId="8153" priority="8152" stopIfTrue="1">
      <formula>INDIRECT("第１の３表②!"&amp;CELL("address",CI32))="×××"</formula>
    </cfRule>
    <cfRule type="expression" dxfId="8152" priority="8153" stopIfTrue="1">
      <formula>INDIRECT("第１の３表②!"&amp;CELL("address",CI32))="××"</formula>
    </cfRule>
    <cfRule type="expression" dxfId="8151" priority="8154" stopIfTrue="1">
      <formula>INDIRECT("第１の３表②!"&amp;CELL("address",CI32))="×"</formula>
    </cfRule>
    <cfRule type="expression" dxfId="8150" priority="8155" stopIfTrue="1">
      <formula>ISBLANK(P32)=FALSE</formula>
    </cfRule>
  </conditionalFormatting>
  <conditionalFormatting sqref="S32:T33">
    <cfRule type="expression" dxfId="8149" priority="8146" stopIfTrue="1">
      <formula>ISBLANK(S32)=TRUE</formula>
    </cfRule>
    <cfRule type="expression" dxfId="8148" priority="8147" stopIfTrue="1">
      <formula>INDIRECT("第１の３表②!"&amp;CELL("address",CL32))="×××"</formula>
    </cfRule>
    <cfRule type="expression" dxfId="8147" priority="8148" stopIfTrue="1">
      <formula>INDIRECT("第１の３表②!"&amp;CELL("address",CL32))="××"</formula>
    </cfRule>
    <cfRule type="expression" dxfId="8146" priority="8149" stopIfTrue="1">
      <formula>INDIRECT("第１の３表②!"&amp;CELL("address",CL32))="×"</formula>
    </cfRule>
    <cfRule type="expression" dxfId="8145" priority="8150" stopIfTrue="1">
      <formula>ISBLANK(S32)=FALSE</formula>
    </cfRule>
  </conditionalFormatting>
  <conditionalFormatting sqref="S32:T33">
    <cfRule type="expression" dxfId="8144" priority="8141" stopIfTrue="1">
      <formula>ISBLANK(S32)=TRUE</formula>
    </cfRule>
    <cfRule type="expression" dxfId="8143" priority="8142" stopIfTrue="1">
      <formula>INDIRECT("第１の３表②!"&amp;CELL("address",CL32))="×××"</formula>
    </cfRule>
    <cfRule type="expression" dxfId="8142" priority="8143" stopIfTrue="1">
      <formula>INDIRECT("第１の３表②!"&amp;CELL("address",CL32))="××"</formula>
    </cfRule>
    <cfRule type="expression" dxfId="8141" priority="8144" stopIfTrue="1">
      <formula>INDIRECT("第１の３表②!"&amp;CELL("address",CL32))="×"</formula>
    </cfRule>
    <cfRule type="expression" dxfId="8140" priority="8145" stopIfTrue="1">
      <formula>ISBLANK(S32)=FALSE</formula>
    </cfRule>
  </conditionalFormatting>
  <conditionalFormatting sqref="S32:T33">
    <cfRule type="expression" dxfId="8139" priority="8136" stopIfTrue="1">
      <formula>ISBLANK(S32)=TRUE</formula>
    </cfRule>
    <cfRule type="expression" dxfId="8138" priority="8137" stopIfTrue="1">
      <formula>INDIRECT("第１の３表②!"&amp;CELL("address",CL32))="×××"</formula>
    </cfRule>
    <cfRule type="expression" dxfId="8137" priority="8138" stopIfTrue="1">
      <formula>INDIRECT("第１の３表②!"&amp;CELL("address",CL32))="××"</formula>
    </cfRule>
    <cfRule type="expression" dxfId="8136" priority="8139" stopIfTrue="1">
      <formula>INDIRECT("第１の３表②!"&amp;CELL("address",CL32))="×"</formula>
    </cfRule>
    <cfRule type="expression" dxfId="8135" priority="8140" stopIfTrue="1">
      <formula>ISBLANK(S32)=FALSE</formula>
    </cfRule>
  </conditionalFormatting>
  <conditionalFormatting sqref="V32:W33">
    <cfRule type="expression" dxfId="8134" priority="8131" stopIfTrue="1">
      <formula>ISBLANK(V32)=TRUE</formula>
    </cfRule>
    <cfRule type="expression" dxfId="8133" priority="8132" stopIfTrue="1">
      <formula>INDIRECT("第１の３表②!"&amp;CELL("address",CO32))="×××"</formula>
    </cfRule>
    <cfRule type="expression" dxfId="8132" priority="8133" stopIfTrue="1">
      <formula>INDIRECT("第１の３表②!"&amp;CELL("address",CO32))="××"</formula>
    </cfRule>
    <cfRule type="expression" dxfId="8131" priority="8134" stopIfTrue="1">
      <formula>INDIRECT("第１の３表②!"&amp;CELL("address",CO32))="×"</formula>
    </cfRule>
    <cfRule type="expression" dxfId="8130" priority="8135" stopIfTrue="1">
      <formula>ISBLANK(V32)=FALSE</formula>
    </cfRule>
  </conditionalFormatting>
  <conditionalFormatting sqref="V32:W33">
    <cfRule type="expression" dxfId="8129" priority="8126" stopIfTrue="1">
      <formula>ISBLANK(V32)=TRUE</formula>
    </cfRule>
    <cfRule type="expression" dxfId="8128" priority="8127" stopIfTrue="1">
      <formula>INDIRECT("第１の３表②!"&amp;CELL("address",CO32))="×××"</formula>
    </cfRule>
    <cfRule type="expression" dxfId="8127" priority="8128" stopIfTrue="1">
      <formula>INDIRECT("第１の３表②!"&amp;CELL("address",CO32))="××"</formula>
    </cfRule>
    <cfRule type="expression" dxfId="8126" priority="8129" stopIfTrue="1">
      <formula>INDIRECT("第１の３表②!"&amp;CELL("address",CO32))="×"</formula>
    </cfRule>
    <cfRule type="expression" dxfId="8125" priority="8130" stopIfTrue="1">
      <formula>ISBLANK(V32)=FALSE</formula>
    </cfRule>
  </conditionalFormatting>
  <conditionalFormatting sqref="V32:W33">
    <cfRule type="expression" dxfId="8124" priority="8121" stopIfTrue="1">
      <formula>ISBLANK(V32)=TRUE</formula>
    </cfRule>
    <cfRule type="expression" dxfId="8123" priority="8122" stopIfTrue="1">
      <formula>INDIRECT("第１の３表②!"&amp;CELL("address",CO32))="×××"</formula>
    </cfRule>
    <cfRule type="expression" dxfId="8122" priority="8123" stopIfTrue="1">
      <formula>INDIRECT("第１の３表②!"&amp;CELL("address",CO32))="××"</formula>
    </cfRule>
    <cfRule type="expression" dxfId="8121" priority="8124" stopIfTrue="1">
      <formula>INDIRECT("第１の３表②!"&amp;CELL("address",CO32))="×"</formula>
    </cfRule>
    <cfRule type="expression" dxfId="8120" priority="8125" stopIfTrue="1">
      <formula>ISBLANK(V32)=FALSE</formula>
    </cfRule>
  </conditionalFormatting>
  <conditionalFormatting sqref="Y32:Z33">
    <cfRule type="expression" dxfId="8119" priority="8116" stopIfTrue="1">
      <formula>ISBLANK(Y32)=TRUE</formula>
    </cfRule>
    <cfRule type="expression" dxfId="8118" priority="8117" stopIfTrue="1">
      <formula>INDIRECT("第１の３表②!"&amp;CELL("address",CR32))="×××"</formula>
    </cfRule>
    <cfRule type="expression" dxfId="8117" priority="8118" stopIfTrue="1">
      <formula>INDIRECT("第１の３表②!"&amp;CELL("address",CR32))="××"</formula>
    </cfRule>
    <cfRule type="expression" dxfId="8116" priority="8119" stopIfTrue="1">
      <formula>INDIRECT("第１の３表②!"&amp;CELL("address",CR32))="×"</formula>
    </cfRule>
    <cfRule type="expression" dxfId="8115" priority="8120" stopIfTrue="1">
      <formula>ISBLANK(Y32)=FALSE</formula>
    </cfRule>
  </conditionalFormatting>
  <conditionalFormatting sqref="Y32:Z33">
    <cfRule type="expression" dxfId="8114" priority="8111" stopIfTrue="1">
      <formula>ISBLANK(Y32)=TRUE</formula>
    </cfRule>
    <cfRule type="expression" dxfId="8113" priority="8112" stopIfTrue="1">
      <formula>INDIRECT("第１の３表②!"&amp;CELL("address",CR32))="×××"</formula>
    </cfRule>
    <cfRule type="expression" dxfId="8112" priority="8113" stopIfTrue="1">
      <formula>INDIRECT("第１の３表②!"&amp;CELL("address",CR32))="××"</formula>
    </cfRule>
    <cfRule type="expression" dxfId="8111" priority="8114" stopIfTrue="1">
      <formula>INDIRECT("第１の３表②!"&amp;CELL("address",CR32))="×"</formula>
    </cfRule>
    <cfRule type="expression" dxfId="8110" priority="8115" stopIfTrue="1">
      <formula>ISBLANK(Y32)=FALSE</formula>
    </cfRule>
  </conditionalFormatting>
  <conditionalFormatting sqref="Y32:Z33">
    <cfRule type="expression" dxfId="8109" priority="8106" stopIfTrue="1">
      <formula>ISBLANK(Y32)=TRUE</formula>
    </cfRule>
    <cfRule type="expression" dxfId="8108" priority="8107" stopIfTrue="1">
      <formula>INDIRECT("第１の３表②!"&amp;CELL("address",CR32))="×××"</formula>
    </cfRule>
    <cfRule type="expression" dxfId="8107" priority="8108" stopIfTrue="1">
      <formula>INDIRECT("第１の３表②!"&amp;CELL("address",CR32))="××"</formula>
    </cfRule>
    <cfRule type="expression" dxfId="8106" priority="8109" stopIfTrue="1">
      <formula>INDIRECT("第１の３表②!"&amp;CELL("address",CR32))="×"</formula>
    </cfRule>
    <cfRule type="expression" dxfId="8105" priority="8110" stopIfTrue="1">
      <formula>ISBLANK(Y32)=FALSE</formula>
    </cfRule>
  </conditionalFormatting>
  <conditionalFormatting sqref="AB32:AC33">
    <cfRule type="expression" dxfId="8104" priority="8101" stopIfTrue="1">
      <formula>ISBLANK(AB32)=TRUE</formula>
    </cfRule>
    <cfRule type="expression" dxfId="8103" priority="8102" stopIfTrue="1">
      <formula>INDIRECT("第１の３表②!"&amp;CELL("address",CU32))="×××"</formula>
    </cfRule>
    <cfRule type="expression" dxfId="8102" priority="8103" stopIfTrue="1">
      <formula>INDIRECT("第１の３表②!"&amp;CELL("address",CU32))="××"</formula>
    </cfRule>
    <cfRule type="expression" dxfId="8101" priority="8104" stopIfTrue="1">
      <formula>INDIRECT("第１の３表②!"&amp;CELL("address",CU32))="×"</formula>
    </cfRule>
    <cfRule type="expression" dxfId="8100" priority="8105" stopIfTrue="1">
      <formula>ISBLANK(AB32)=FALSE</formula>
    </cfRule>
  </conditionalFormatting>
  <conditionalFormatting sqref="AB32:AC33">
    <cfRule type="expression" dxfId="8099" priority="8096" stopIfTrue="1">
      <formula>ISBLANK(AB32)=TRUE</formula>
    </cfRule>
    <cfRule type="expression" dxfId="8098" priority="8097" stopIfTrue="1">
      <formula>INDIRECT("第１の３表②!"&amp;CELL("address",CU32))="×××"</formula>
    </cfRule>
    <cfRule type="expression" dxfId="8097" priority="8098" stopIfTrue="1">
      <formula>INDIRECT("第１の３表②!"&amp;CELL("address",CU32))="××"</formula>
    </cfRule>
    <cfRule type="expression" dxfId="8096" priority="8099" stopIfTrue="1">
      <formula>INDIRECT("第１の３表②!"&amp;CELL("address",CU32))="×"</formula>
    </cfRule>
    <cfRule type="expression" dxfId="8095" priority="8100" stopIfTrue="1">
      <formula>ISBLANK(AB32)=FALSE</formula>
    </cfRule>
  </conditionalFormatting>
  <conditionalFormatting sqref="AB32:AC33">
    <cfRule type="expression" dxfId="8094" priority="8091" stopIfTrue="1">
      <formula>ISBLANK(AB32)=TRUE</formula>
    </cfRule>
    <cfRule type="expression" dxfId="8093" priority="8092" stopIfTrue="1">
      <formula>INDIRECT("第１の３表②!"&amp;CELL("address",CU32))="×××"</formula>
    </cfRule>
    <cfRule type="expression" dxfId="8092" priority="8093" stopIfTrue="1">
      <formula>INDIRECT("第１の３表②!"&amp;CELL("address",CU32))="××"</formula>
    </cfRule>
    <cfRule type="expression" dxfId="8091" priority="8094" stopIfTrue="1">
      <formula>INDIRECT("第１の３表②!"&amp;CELL("address",CU32))="×"</formula>
    </cfRule>
    <cfRule type="expression" dxfId="8090" priority="8095" stopIfTrue="1">
      <formula>ISBLANK(AB32)=FALSE</formula>
    </cfRule>
  </conditionalFormatting>
  <conditionalFormatting sqref="AE32:AF33">
    <cfRule type="expression" dxfId="8089" priority="8086" stopIfTrue="1">
      <formula>ISBLANK(AE32)=TRUE</formula>
    </cfRule>
    <cfRule type="expression" dxfId="8088" priority="8087" stopIfTrue="1">
      <formula>INDIRECT("第１の３表②!"&amp;CELL("address",CX32))="×××"</formula>
    </cfRule>
    <cfRule type="expression" dxfId="8087" priority="8088" stopIfTrue="1">
      <formula>INDIRECT("第１の３表②!"&amp;CELL("address",CX32))="××"</formula>
    </cfRule>
    <cfRule type="expression" dxfId="8086" priority="8089" stopIfTrue="1">
      <formula>INDIRECT("第１の３表②!"&amp;CELL("address",CX32))="×"</formula>
    </cfRule>
    <cfRule type="expression" dxfId="8085" priority="8090" stopIfTrue="1">
      <formula>ISBLANK(AE32)=FALSE</formula>
    </cfRule>
  </conditionalFormatting>
  <conditionalFormatting sqref="AE32:AF33">
    <cfRule type="expression" dxfId="8084" priority="8081" stopIfTrue="1">
      <formula>ISBLANK(AE32)=TRUE</formula>
    </cfRule>
    <cfRule type="expression" dxfId="8083" priority="8082" stopIfTrue="1">
      <formula>INDIRECT("第１の３表②!"&amp;CELL("address",CX32))="×××"</formula>
    </cfRule>
    <cfRule type="expression" dxfId="8082" priority="8083" stopIfTrue="1">
      <formula>INDIRECT("第１の３表②!"&amp;CELL("address",CX32))="××"</formula>
    </cfRule>
    <cfRule type="expression" dxfId="8081" priority="8084" stopIfTrue="1">
      <formula>INDIRECT("第１の３表②!"&amp;CELL("address",CX32))="×"</formula>
    </cfRule>
    <cfRule type="expression" dxfId="8080" priority="8085" stopIfTrue="1">
      <formula>ISBLANK(AE32)=FALSE</formula>
    </cfRule>
  </conditionalFormatting>
  <conditionalFormatting sqref="AE32:AF33">
    <cfRule type="expression" dxfId="8079" priority="8076" stopIfTrue="1">
      <formula>ISBLANK(AE32)=TRUE</formula>
    </cfRule>
    <cfRule type="expression" dxfId="8078" priority="8077" stopIfTrue="1">
      <formula>INDIRECT("第１の３表②!"&amp;CELL("address",CX32))="×××"</formula>
    </cfRule>
    <cfRule type="expression" dxfId="8077" priority="8078" stopIfTrue="1">
      <formula>INDIRECT("第１の３表②!"&amp;CELL("address",CX32))="××"</formula>
    </cfRule>
    <cfRule type="expression" dxfId="8076" priority="8079" stopIfTrue="1">
      <formula>INDIRECT("第１の３表②!"&amp;CELL("address",CX32))="×"</formula>
    </cfRule>
    <cfRule type="expression" dxfId="8075" priority="8080" stopIfTrue="1">
      <formula>ISBLANK(AE32)=FALSE</formula>
    </cfRule>
  </conditionalFormatting>
  <conditionalFormatting sqref="AH32:AI33">
    <cfRule type="expression" dxfId="8074" priority="8071" stopIfTrue="1">
      <formula>ISBLANK(AH32)=TRUE</formula>
    </cfRule>
    <cfRule type="expression" dxfId="8073" priority="8072" stopIfTrue="1">
      <formula>INDIRECT("第１の３表②!"&amp;CELL("address",DA32))="×××"</formula>
    </cfRule>
    <cfRule type="expression" dxfId="8072" priority="8073" stopIfTrue="1">
      <formula>INDIRECT("第１の３表②!"&amp;CELL("address",DA32))="××"</formula>
    </cfRule>
    <cfRule type="expression" dxfId="8071" priority="8074" stopIfTrue="1">
      <formula>INDIRECT("第１の３表②!"&amp;CELL("address",DA32))="×"</formula>
    </cfRule>
    <cfRule type="expression" dxfId="8070" priority="8075" stopIfTrue="1">
      <formula>ISBLANK(AH32)=FALSE</formula>
    </cfRule>
  </conditionalFormatting>
  <conditionalFormatting sqref="AH32:AI33">
    <cfRule type="expression" dxfId="8069" priority="8066" stopIfTrue="1">
      <formula>ISBLANK(AH32)=TRUE</formula>
    </cfRule>
    <cfRule type="expression" dxfId="8068" priority="8067" stopIfTrue="1">
      <formula>INDIRECT("第１の３表②!"&amp;CELL("address",DA32))="×××"</formula>
    </cfRule>
    <cfRule type="expression" dxfId="8067" priority="8068" stopIfTrue="1">
      <formula>INDIRECT("第１の３表②!"&amp;CELL("address",DA32))="××"</formula>
    </cfRule>
    <cfRule type="expression" dxfId="8066" priority="8069" stopIfTrue="1">
      <formula>INDIRECT("第１の３表②!"&amp;CELL("address",DA32))="×"</formula>
    </cfRule>
    <cfRule type="expression" dxfId="8065" priority="8070" stopIfTrue="1">
      <formula>ISBLANK(AH32)=FALSE</formula>
    </cfRule>
  </conditionalFormatting>
  <conditionalFormatting sqref="AH32:AI33">
    <cfRule type="expression" dxfId="8064" priority="8061" stopIfTrue="1">
      <formula>ISBLANK(AH32)=TRUE</formula>
    </cfRule>
    <cfRule type="expression" dxfId="8063" priority="8062" stopIfTrue="1">
      <formula>INDIRECT("第１の３表②!"&amp;CELL("address",DA32))="×××"</formula>
    </cfRule>
    <cfRule type="expression" dxfId="8062" priority="8063" stopIfTrue="1">
      <formula>INDIRECT("第１の３表②!"&amp;CELL("address",DA32))="××"</formula>
    </cfRule>
    <cfRule type="expression" dxfId="8061" priority="8064" stopIfTrue="1">
      <formula>INDIRECT("第１の３表②!"&amp;CELL("address",DA32))="×"</formula>
    </cfRule>
    <cfRule type="expression" dxfId="8060" priority="8065" stopIfTrue="1">
      <formula>ISBLANK(AH32)=FALSE</formula>
    </cfRule>
  </conditionalFormatting>
  <conditionalFormatting sqref="AK32:AL33">
    <cfRule type="expression" dxfId="8059" priority="8056" stopIfTrue="1">
      <formula>ISBLANK(AK32)=TRUE</formula>
    </cfRule>
    <cfRule type="expression" dxfId="8058" priority="8057" stopIfTrue="1">
      <formula>INDIRECT("第１の３表②!"&amp;CELL("address",DD32))="×××"</formula>
    </cfRule>
    <cfRule type="expression" dxfId="8057" priority="8058" stopIfTrue="1">
      <formula>INDIRECT("第１の３表②!"&amp;CELL("address",DD32))="××"</formula>
    </cfRule>
    <cfRule type="expression" dxfId="8056" priority="8059" stopIfTrue="1">
      <formula>INDIRECT("第１の３表②!"&amp;CELL("address",DD32))="×"</formula>
    </cfRule>
    <cfRule type="expression" dxfId="8055" priority="8060" stopIfTrue="1">
      <formula>ISBLANK(AK32)=FALSE</formula>
    </cfRule>
  </conditionalFormatting>
  <conditionalFormatting sqref="AK32:AL33">
    <cfRule type="expression" dxfId="8054" priority="8051" stopIfTrue="1">
      <formula>ISBLANK(AK32)=TRUE</formula>
    </cfRule>
    <cfRule type="expression" dxfId="8053" priority="8052" stopIfTrue="1">
      <formula>INDIRECT("第１の３表②!"&amp;CELL("address",DD32))="×××"</formula>
    </cfRule>
    <cfRule type="expression" dxfId="8052" priority="8053" stopIfTrue="1">
      <formula>INDIRECT("第１の３表②!"&amp;CELL("address",DD32))="××"</formula>
    </cfRule>
    <cfRule type="expression" dxfId="8051" priority="8054" stopIfTrue="1">
      <formula>INDIRECT("第１の３表②!"&amp;CELL("address",DD32))="×"</formula>
    </cfRule>
    <cfRule type="expression" dxfId="8050" priority="8055" stopIfTrue="1">
      <formula>ISBLANK(AK32)=FALSE</formula>
    </cfRule>
  </conditionalFormatting>
  <conditionalFormatting sqref="AK32:AL33">
    <cfRule type="expression" dxfId="8049" priority="8046" stopIfTrue="1">
      <formula>ISBLANK(AK32)=TRUE</formula>
    </cfRule>
    <cfRule type="expression" dxfId="8048" priority="8047" stopIfTrue="1">
      <formula>INDIRECT("第１の３表②!"&amp;CELL("address",DD32))="×××"</formula>
    </cfRule>
    <cfRule type="expression" dxfId="8047" priority="8048" stopIfTrue="1">
      <formula>INDIRECT("第１の３表②!"&amp;CELL("address",DD32))="××"</formula>
    </cfRule>
    <cfRule type="expression" dxfId="8046" priority="8049" stopIfTrue="1">
      <formula>INDIRECT("第１の３表②!"&amp;CELL("address",DD32))="×"</formula>
    </cfRule>
    <cfRule type="expression" dxfId="8045" priority="8050" stopIfTrue="1">
      <formula>ISBLANK(AK32)=FALSE</formula>
    </cfRule>
  </conditionalFormatting>
  <conditionalFormatting sqref="AN32:AO33">
    <cfRule type="expression" dxfId="8044" priority="8041" stopIfTrue="1">
      <formula>ISBLANK(AN32)=TRUE</formula>
    </cfRule>
    <cfRule type="expression" dxfId="8043" priority="8042" stopIfTrue="1">
      <formula>INDIRECT("第１の３表②!"&amp;CELL("address",DG32))="×××"</formula>
    </cfRule>
    <cfRule type="expression" dxfId="8042" priority="8043" stopIfTrue="1">
      <formula>INDIRECT("第１の３表②!"&amp;CELL("address",DG32))="××"</formula>
    </cfRule>
    <cfRule type="expression" dxfId="8041" priority="8044" stopIfTrue="1">
      <formula>INDIRECT("第１の３表②!"&amp;CELL("address",DG32))="×"</formula>
    </cfRule>
    <cfRule type="expression" dxfId="8040" priority="8045" stopIfTrue="1">
      <formula>ISBLANK(AN32)=FALSE</formula>
    </cfRule>
  </conditionalFormatting>
  <conditionalFormatting sqref="AN32:AO33">
    <cfRule type="expression" dxfId="8039" priority="8036" stopIfTrue="1">
      <formula>ISBLANK(AN32)=TRUE</formula>
    </cfRule>
    <cfRule type="expression" dxfId="8038" priority="8037" stopIfTrue="1">
      <formula>INDIRECT("第１の３表②!"&amp;CELL("address",DG32))="×××"</formula>
    </cfRule>
    <cfRule type="expression" dxfId="8037" priority="8038" stopIfTrue="1">
      <formula>INDIRECT("第１の３表②!"&amp;CELL("address",DG32))="××"</formula>
    </cfRule>
    <cfRule type="expression" dxfId="8036" priority="8039" stopIfTrue="1">
      <formula>INDIRECT("第１の３表②!"&amp;CELL("address",DG32))="×"</formula>
    </cfRule>
    <cfRule type="expression" dxfId="8035" priority="8040" stopIfTrue="1">
      <formula>ISBLANK(AN32)=FALSE</formula>
    </cfRule>
  </conditionalFormatting>
  <conditionalFormatting sqref="AN32:AO33">
    <cfRule type="expression" dxfId="8034" priority="8031" stopIfTrue="1">
      <formula>ISBLANK(AN32)=TRUE</formula>
    </cfRule>
    <cfRule type="expression" dxfId="8033" priority="8032" stopIfTrue="1">
      <formula>INDIRECT("第１の３表②!"&amp;CELL("address",DG32))="×××"</formula>
    </cfRule>
    <cfRule type="expression" dxfId="8032" priority="8033" stopIfTrue="1">
      <formula>INDIRECT("第１の３表②!"&amp;CELL("address",DG32))="××"</formula>
    </cfRule>
    <cfRule type="expression" dxfId="8031" priority="8034" stopIfTrue="1">
      <formula>INDIRECT("第１の３表②!"&amp;CELL("address",DG32))="×"</formula>
    </cfRule>
    <cfRule type="expression" dxfId="8030" priority="8035" stopIfTrue="1">
      <formula>ISBLANK(AN32)=FALSE</formula>
    </cfRule>
  </conditionalFormatting>
  <conditionalFormatting sqref="AQ32:AR33">
    <cfRule type="expression" dxfId="8029" priority="8026" stopIfTrue="1">
      <formula>ISBLANK(AQ32)=TRUE</formula>
    </cfRule>
    <cfRule type="expression" dxfId="8028" priority="8027" stopIfTrue="1">
      <formula>INDIRECT("第１の３表②!"&amp;CELL("address",DJ32))="×××"</formula>
    </cfRule>
    <cfRule type="expression" dxfId="8027" priority="8028" stopIfTrue="1">
      <formula>INDIRECT("第１の３表②!"&amp;CELL("address",DJ32))="××"</formula>
    </cfRule>
    <cfRule type="expression" dxfId="8026" priority="8029" stopIfTrue="1">
      <formula>INDIRECT("第１の３表②!"&amp;CELL("address",DJ32))="×"</formula>
    </cfRule>
    <cfRule type="expression" dxfId="8025" priority="8030" stopIfTrue="1">
      <formula>ISBLANK(AQ32)=FALSE</formula>
    </cfRule>
  </conditionalFormatting>
  <conditionalFormatting sqref="AQ32:AR33">
    <cfRule type="expression" dxfId="8024" priority="8021" stopIfTrue="1">
      <formula>ISBLANK(AQ32)=TRUE</formula>
    </cfRule>
    <cfRule type="expression" dxfId="8023" priority="8022" stopIfTrue="1">
      <formula>INDIRECT("第１の３表②!"&amp;CELL("address",DJ32))="×××"</formula>
    </cfRule>
    <cfRule type="expression" dxfId="8022" priority="8023" stopIfTrue="1">
      <formula>INDIRECT("第１の３表②!"&amp;CELL("address",DJ32))="××"</formula>
    </cfRule>
    <cfRule type="expression" dxfId="8021" priority="8024" stopIfTrue="1">
      <formula>INDIRECT("第１の３表②!"&amp;CELL("address",DJ32))="×"</formula>
    </cfRule>
    <cfRule type="expression" dxfId="8020" priority="8025" stopIfTrue="1">
      <formula>ISBLANK(AQ32)=FALSE</formula>
    </cfRule>
  </conditionalFormatting>
  <conditionalFormatting sqref="AQ32:AR33">
    <cfRule type="expression" dxfId="8019" priority="8016" stopIfTrue="1">
      <formula>ISBLANK(AQ32)=TRUE</formula>
    </cfRule>
    <cfRule type="expression" dxfId="8018" priority="8017" stopIfTrue="1">
      <formula>INDIRECT("第１の３表②!"&amp;CELL("address",DJ32))="×××"</formula>
    </cfRule>
    <cfRule type="expression" dxfId="8017" priority="8018" stopIfTrue="1">
      <formula>INDIRECT("第１の３表②!"&amp;CELL("address",DJ32))="××"</formula>
    </cfRule>
    <cfRule type="expression" dxfId="8016" priority="8019" stopIfTrue="1">
      <formula>INDIRECT("第１の３表②!"&amp;CELL("address",DJ32))="×"</formula>
    </cfRule>
    <cfRule type="expression" dxfId="8015" priority="8020" stopIfTrue="1">
      <formula>ISBLANK(AQ32)=FALSE</formula>
    </cfRule>
  </conditionalFormatting>
  <conditionalFormatting sqref="AT32:AU33">
    <cfRule type="expression" dxfId="8014" priority="8011" stopIfTrue="1">
      <formula>ISBLANK(AT32)=TRUE</formula>
    </cfRule>
    <cfRule type="expression" dxfId="8013" priority="8012" stopIfTrue="1">
      <formula>INDIRECT("第１の３表②!"&amp;CELL("address",DM32))="×××"</formula>
    </cfRule>
    <cfRule type="expression" dxfId="8012" priority="8013" stopIfTrue="1">
      <formula>INDIRECT("第１の３表②!"&amp;CELL("address",DM32))="××"</formula>
    </cfRule>
    <cfRule type="expression" dxfId="8011" priority="8014" stopIfTrue="1">
      <formula>INDIRECT("第１の３表②!"&amp;CELL("address",DM32))="×"</formula>
    </cfRule>
    <cfRule type="expression" dxfId="8010" priority="8015" stopIfTrue="1">
      <formula>ISBLANK(AT32)=FALSE</formula>
    </cfRule>
  </conditionalFormatting>
  <conditionalFormatting sqref="AT32:AU33">
    <cfRule type="expression" dxfId="8009" priority="8006" stopIfTrue="1">
      <formula>ISBLANK(AT32)=TRUE</formula>
    </cfRule>
    <cfRule type="expression" dxfId="8008" priority="8007" stopIfTrue="1">
      <formula>INDIRECT("第１の３表②!"&amp;CELL("address",DM32))="×××"</formula>
    </cfRule>
    <cfRule type="expression" dxfId="8007" priority="8008" stopIfTrue="1">
      <formula>INDIRECT("第１の３表②!"&amp;CELL("address",DM32))="××"</formula>
    </cfRule>
    <cfRule type="expression" dxfId="8006" priority="8009" stopIfTrue="1">
      <formula>INDIRECT("第１の３表②!"&amp;CELL("address",DM32))="×"</formula>
    </cfRule>
    <cfRule type="expression" dxfId="8005" priority="8010" stopIfTrue="1">
      <formula>ISBLANK(AT32)=FALSE</formula>
    </cfRule>
  </conditionalFormatting>
  <conditionalFormatting sqref="AT32:AU33">
    <cfRule type="expression" dxfId="8004" priority="8001" stopIfTrue="1">
      <formula>ISBLANK(AT32)=TRUE</formula>
    </cfRule>
    <cfRule type="expression" dxfId="8003" priority="8002" stopIfTrue="1">
      <formula>INDIRECT("第１の３表②!"&amp;CELL("address",DM32))="×××"</formula>
    </cfRule>
    <cfRule type="expression" dxfId="8002" priority="8003" stopIfTrue="1">
      <formula>INDIRECT("第１の３表②!"&amp;CELL("address",DM32))="××"</formula>
    </cfRule>
    <cfRule type="expression" dxfId="8001" priority="8004" stopIfTrue="1">
      <formula>INDIRECT("第１の３表②!"&amp;CELL("address",DM32))="×"</formula>
    </cfRule>
    <cfRule type="expression" dxfId="8000" priority="8005" stopIfTrue="1">
      <formula>ISBLANK(AT32)=FALSE</formula>
    </cfRule>
  </conditionalFormatting>
  <conditionalFormatting sqref="AW32:AX33">
    <cfRule type="expression" dxfId="7999" priority="7996" stopIfTrue="1">
      <formula>ISBLANK(AW32)=TRUE</formula>
    </cfRule>
    <cfRule type="expression" dxfId="7998" priority="7997" stopIfTrue="1">
      <formula>INDIRECT("第１の３表②!"&amp;CELL("address",DP32))="×××"</formula>
    </cfRule>
    <cfRule type="expression" dxfId="7997" priority="7998" stopIfTrue="1">
      <formula>INDIRECT("第１の３表②!"&amp;CELL("address",DP32))="××"</formula>
    </cfRule>
    <cfRule type="expression" dxfId="7996" priority="7999" stopIfTrue="1">
      <formula>INDIRECT("第１の３表②!"&amp;CELL("address",DP32))="×"</formula>
    </cfRule>
    <cfRule type="expression" dxfId="7995" priority="8000" stopIfTrue="1">
      <formula>ISBLANK(AW32)=FALSE</formula>
    </cfRule>
  </conditionalFormatting>
  <conditionalFormatting sqref="AW32:AX33">
    <cfRule type="expression" dxfId="7994" priority="7991" stopIfTrue="1">
      <formula>ISBLANK(AW32)=TRUE</formula>
    </cfRule>
    <cfRule type="expression" dxfId="7993" priority="7992" stopIfTrue="1">
      <formula>INDIRECT("第１の３表②!"&amp;CELL("address",DP32))="×××"</formula>
    </cfRule>
    <cfRule type="expression" dxfId="7992" priority="7993" stopIfTrue="1">
      <formula>INDIRECT("第１の３表②!"&amp;CELL("address",DP32))="××"</formula>
    </cfRule>
    <cfRule type="expression" dxfId="7991" priority="7994" stopIfTrue="1">
      <formula>INDIRECT("第１の３表②!"&amp;CELL("address",DP32))="×"</formula>
    </cfRule>
    <cfRule type="expression" dxfId="7990" priority="7995" stopIfTrue="1">
      <formula>ISBLANK(AW32)=FALSE</formula>
    </cfRule>
  </conditionalFormatting>
  <conditionalFormatting sqref="AW32:AX33">
    <cfRule type="expression" dxfId="7989" priority="7986" stopIfTrue="1">
      <formula>ISBLANK(AW32)=TRUE</formula>
    </cfRule>
    <cfRule type="expression" dxfId="7988" priority="7987" stopIfTrue="1">
      <formula>INDIRECT("第１の３表②!"&amp;CELL("address",DP32))="×××"</formula>
    </cfRule>
    <cfRule type="expression" dxfId="7987" priority="7988" stopIfTrue="1">
      <formula>INDIRECT("第１の３表②!"&amp;CELL("address",DP32))="××"</formula>
    </cfRule>
    <cfRule type="expression" dxfId="7986" priority="7989" stopIfTrue="1">
      <formula>INDIRECT("第１の３表②!"&amp;CELL("address",DP32))="×"</formula>
    </cfRule>
    <cfRule type="expression" dxfId="7985" priority="7990" stopIfTrue="1">
      <formula>ISBLANK(AW32)=FALSE</formula>
    </cfRule>
  </conditionalFormatting>
  <conditionalFormatting sqref="AZ32:BA33">
    <cfRule type="expression" dxfId="7984" priority="7981" stopIfTrue="1">
      <formula>ISBLANK(AZ32)=TRUE</formula>
    </cfRule>
    <cfRule type="expression" dxfId="7983" priority="7982" stopIfTrue="1">
      <formula>INDIRECT("第１の３表②!"&amp;CELL("address",DS32))="×××"</formula>
    </cfRule>
    <cfRule type="expression" dxfId="7982" priority="7983" stopIfTrue="1">
      <formula>INDIRECT("第１の３表②!"&amp;CELL("address",DS32))="××"</formula>
    </cfRule>
    <cfRule type="expression" dxfId="7981" priority="7984" stopIfTrue="1">
      <formula>INDIRECT("第１の３表②!"&amp;CELL("address",DS32))="×"</formula>
    </cfRule>
    <cfRule type="expression" dxfId="7980" priority="7985" stopIfTrue="1">
      <formula>ISBLANK(AZ32)=FALSE</formula>
    </cfRule>
  </conditionalFormatting>
  <conditionalFormatting sqref="AZ32:BA33">
    <cfRule type="expression" dxfId="7979" priority="7976" stopIfTrue="1">
      <formula>ISBLANK(AZ32)=TRUE</formula>
    </cfRule>
    <cfRule type="expression" dxfId="7978" priority="7977" stopIfTrue="1">
      <formula>INDIRECT("第１の３表②!"&amp;CELL("address",DS32))="×××"</formula>
    </cfRule>
    <cfRule type="expression" dxfId="7977" priority="7978" stopIfTrue="1">
      <formula>INDIRECT("第１の３表②!"&amp;CELL("address",DS32))="××"</formula>
    </cfRule>
    <cfRule type="expression" dxfId="7976" priority="7979" stopIfTrue="1">
      <formula>INDIRECT("第１の３表②!"&amp;CELL("address",DS32))="×"</formula>
    </cfRule>
    <cfRule type="expression" dxfId="7975" priority="7980" stopIfTrue="1">
      <formula>ISBLANK(AZ32)=FALSE</formula>
    </cfRule>
  </conditionalFormatting>
  <conditionalFormatting sqref="AZ32:BA33">
    <cfRule type="expression" dxfId="7974" priority="7971" stopIfTrue="1">
      <formula>ISBLANK(AZ32)=TRUE</formula>
    </cfRule>
    <cfRule type="expression" dxfId="7973" priority="7972" stopIfTrue="1">
      <formula>INDIRECT("第１の３表②!"&amp;CELL("address",DS32))="×××"</formula>
    </cfRule>
    <cfRule type="expression" dxfId="7972" priority="7973" stopIfTrue="1">
      <formula>INDIRECT("第１の３表②!"&amp;CELL("address",DS32))="××"</formula>
    </cfRule>
    <cfRule type="expression" dxfId="7971" priority="7974" stopIfTrue="1">
      <formula>INDIRECT("第１の３表②!"&amp;CELL("address",DS32))="×"</formula>
    </cfRule>
    <cfRule type="expression" dxfId="7970" priority="7975" stopIfTrue="1">
      <formula>ISBLANK(AZ32)=FALSE</formula>
    </cfRule>
  </conditionalFormatting>
  <conditionalFormatting sqref="BC32:BD33">
    <cfRule type="expression" dxfId="7969" priority="7966" stopIfTrue="1">
      <formula>ISBLANK(BC32)=TRUE</formula>
    </cfRule>
    <cfRule type="expression" dxfId="7968" priority="7967" stopIfTrue="1">
      <formula>INDIRECT("第１の３表②!"&amp;CELL("address",DV32))="×××"</formula>
    </cfRule>
    <cfRule type="expression" dxfId="7967" priority="7968" stopIfTrue="1">
      <formula>INDIRECT("第１の３表②!"&amp;CELL("address",DV32))="××"</formula>
    </cfRule>
    <cfRule type="expression" dxfId="7966" priority="7969" stopIfTrue="1">
      <formula>INDIRECT("第１の３表②!"&amp;CELL("address",DV32))="×"</formula>
    </cfRule>
    <cfRule type="expression" dxfId="7965" priority="7970" stopIfTrue="1">
      <formula>ISBLANK(BC32)=FALSE</formula>
    </cfRule>
  </conditionalFormatting>
  <conditionalFormatting sqref="BC32:BD33">
    <cfRule type="expression" dxfId="7964" priority="7961" stopIfTrue="1">
      <formula>ISBLANK(BC32)=TRUE</formula>
    </cfRule>
    <cfRule type="expression" dxfId="7963" priority="7962" stopIfTrue="1">
      <formula>INDIRECT("第１の３表②!"&amp;CELL("address",DV32))="×××"</formula>
    </cfRule>
    <cfRule type="expression" dxfId="7962" priority="7963" stopIfTrue="1">
      <formula>INDIRECT("第１の３表②!"&amp;CELL("address",DV32))="××"</formula>
    </cfRule>
    <cfRule type="expression" dxfId="7961" priority="7964" stopIfTrue="1">
      <formula>INDIRECT("第１の３表②!"&amp;CELL("address",DV32))="×"</formula>
    </cfRule>
    <cfRule type="expression" dxfId="7960" priority="7965" stopIfTrue="1">
      <formula>ISBLANK(BC32)=FALSE</formula>
    </cfRule>
  </conditionalFormatting>
  <conditionalFormatting sqref="BC32:BD33">
    <cfRule type="expression" dxfId="7959" priority="7956" stopIfTrue="1">
      <formula>ISBLANK(BC32)=TRUE</formula>
    </cfRule>
    <cfRule type="expression" dxfId="7958" priority="7957" stopIfTrue="1">
      <formula>INDIRECT("第１の３表②!"&amp;CELL("address",DV32))="×××"</formula>
    </cfRule>
    <cfRule type="expression" dxfId="7957" priority="7958" stopIfTrue="1">
      <formula>INDIRECT("第１の３表②!"&amp;CELL("address",DV32))="××"</formula>
    </cfRule>
    <cfRule type="expression" dxfId="7956" priority="7959" stopIfTrue="1">
      <formula>INDIRECT("第１の３表②!"&amp;CELL("address",DV32))="×"</formula>
    </cfRule>
    <cfRule type="expression" dxfId="7955" priority="7960" stopIfTrue="1">
      <formula>ISBLANK(BC32)=FALSE</formula>
    </cfRule>
  </conditionalFormatting>
  <conditionalFormatting sqref="BF32:BG33">
    <cfRule type="expression" dxfId="7954" priority="7951" stopIfTrue="1">
      <formula>ISBLANK(BF32)=TRUE</formula>
    </cfRule>
    <cfRule type="expression" dxfId="7953" priority="7952" stopIfTrue="1">
      <formula>INDIRECT("第１の３表②!"&amp;CELL("address",DY32))="×××"</formula>
    </cfRule>
    <cfRule type="expression" dxfId="7952" priority="7953" stopIfTrue="1">
      <formula>INDIRECT("第１の３表②!"&amp;CELL("address",DY32))="××"</formula>
    </cfRule>
    <cfRule type="expression" dxfId="7951" priority="7954" stopIfTrue="1">
      <formula>INDIRECT("第１の３表②!"&amp;CELL("address",DY32))="×"</formula>
    </cfRule>
    <cfRule type="expression" dxfId="7950" priority="7955" stopIfTrue="1">
      <formula>ISBLANK(BF32)=FALSE</formula>
    </cfRule>
  </conditionalFormatting>
  <conditionalFormatting sqref="BF32:BG33">
    <cfRule type="expression" dxfId="7949" priority="7946" stopIfTrue="1">
      <formula>ISBLANK(BF32)=TRUE</formula>
    </cfRule>
    <cfRule type="expression" dxfId="7948" priority="7947" stopIfTrue="1">
      <formula>INDIRECT("第１の３表②!"&amp;CELL("address",DY32))="×××"</formula>
    </cfRule>
    <cfRule type="expression" dxfId="7947" priority="7948" stopIfTrue="1">
      <formula>INDIRECT("第１の３表②!"&amp;CELL("address",DY32))="××"</formula>
    </cfRule>
    <cfRule type="expression" dxfId="7946" priority="7949" stopIfTrue="1">
      <formula>INDIRECT("第１の３表②!"&amp;CELL("address",DY32))="×"</formula>
    </cfRule>
    <cfRule type="expression" dxfId="7945" priority="7950" stopIfTrue="1">
      <formula>ISBLANK(BF32)=FALSE</formula>
    </cfRule>
  </conditionalFormatting>
  <conditionalFormatting sqref="BF32:BG33">
    <cfRule type="expression" dxfId="7944" priority="7941" stopIfTrue="1">
      <formula>ISBLANK(BF32)=TRUE</formula>
    </cfRule>
    <cfRule type="expression" dxfId="7943" priority="7942" stopIfTrue="1">
      <formula>INDIRECT("第１の３表②!"&amp;CELL("address",DY32))="×××"</formula>
    </cfRule>
    <cfRule type="expression" dxfId="7942" priority="7943" stopIfTrue="1">
      <formula>INDIRECT("第１の３表②!"&amp;CELL("address",DY32))="××"</formula>
    </cfRule>
    <cfRule type="expression" dxfId="7941" priority="7944" stopIfTrue="1">
      <formula>INDIRECT("第１の３表②!"&amp;CELL("address",DY32))="×"</formula>
    </cfRule>
    <cfRule type="expression" dxfId="7940" priority="7945" stopIfTrue="1">
      <formula>ISBLANK(BF32)=FALSE</formula>
    </cfRule>
  </conditionalFormatting>
  <conditionalFormatting sqref="BI32:BJ33">
    <cfRule type="expression" dxfId="7939" priority="7936" stopIfTrue="1">
      <formula>ISBLANK(BI32)=TRUE</formula>
    </cfRule>
    <cfRule type="expression" dxfId="7938" priority="7937" stopIfTrue="1">
      <formula>INDIRECT("第１の３表②!"&amp;CELL("address",EB32))="×××"</formula>
    </cfRule>
    <cfRule type="expression" dxfId="7937" priority="7938" stopIfTrue="1">
      <formula>INDIRECT("第１の３表②!"&amp;CELL("address",EB32))="××"</formula>
    </cfRule>
    <cfRule type="expression" dxfId="7936" priority="7939" stopIfTrue="1">
      <formula>INDIRECT("第１の３表②!"&amp;CELL("address",EB32))="×"</formula>
    </cfRule>
    <cfRule type="expression" dxfId="7935" priority="7940" stopIfTrue="1">
      <formula>ISBLANK(BI32)=FALSE</formula>
    </cfRule>
  </conditionalFormatting>
  <conditionalFormatting sqref="BI32:BJ33">
    <cfRule type="expression" dxfId="7934" priority="7931" stopIfTrue="1">
      <formula>ISBLANK(BI32)=TRUE</formula>
    </cfRule>
    <cfRule type="expression" dxfId="7933" priority="7932" stopIfTrue="1">
      <formula>INDIRECT("第１の３表②!"&amp;CELL("address",EB32))="×××"</formula>
    </cfRule>
    <cfRule type="expression" dxfId="7932" priority="7933" stopIfTrue="1">
      <formula>INDIRECT("第１の３表②!"&amp;CELL("address",EB32))="××"</formula>
    </cfRule>
    <cfRule type="expression" dxfId="7931" priority="7934" stopIfTrue="1">
      <formula>INDIRECT("第１の３表②!"&amp;CELL("address",EB32))="×"</formula>
    </cfRule>
    <cfRule type="expression" dxfId="7930" priority="7935" stopIfTrue="1">
      <formula>ISBLANK(BI32)=FALSE</formula>
    </cfRule>
  </conditionalFormatting>
  <conditionalFormatting sqref="BI32:BJ33">
    <cfRule type="expression" dxfId="7929" priority="7926" stopIfTrue="1">
      <formula>ISBLANK(BI32)=TRUE</formula>
    </cfRule>
    <cfRule type="expression" dxfId="7928" priority="7927" stopIfTrue="1">
      <formula>INDIRECT("第１の３表②!"&amp;CELL("address",EB32))="×××"</formula>
    </cfRule>
    <cfRule type="expression" dxfId="7927" priority="7928" stopIfTrue="1">
      <formula>INDIRECT("第１の３表②!"&amp;CELL("address",EB32))="××"</formula>
    </cfRule>
    <cfRule type="expression" dxfId="7926" priority="7929" stopIfTrue="1">
      <formula>INDIRECT("第１の３表②!"&amp;CELL("address",EB32))="×"</formula>
    </cfRule>
    <cfRule type="expression" dxfId="7925" priority="7930" stopIfTrue="1">
      <formula>ISBLANK(BI32)=FALSE</formula>
    </cfRule>
  </conditionalFormatting>
  <conditionalFormatting sqref="BL32:BM33">
    <cfRule type="expression" dxfId="7924" priority="7921" stopIfTrue="1">
      <formula>ISBLANK(BL32)=TRUE</formula>
    </cfRule>
    <cfRule type="expression" dxfId="7923" priority="7922" stopIfTrue="1">
      <formula>INDIRECT("第１の３表②!"&amp;CELL("address",EE32))="×××"</formula>
    </cfRule>
    <cfRule type="expression" dxfId="7922" priority="7923" stopIfTrue="1">
      <formula>INDIRECT("第１の３表②!"&amp;CELL("address",EE32))="××"</formula>
    </cfRule>
    <cfRule type="expression" dxfId="7921" priority="7924" stopIfTrue="1">
      <formula>INDIRECT("第１の３表②!"&amp;CELL("address",EE32))="×"</formula>
    </cfRule>
    <cfRule type="expression" dxfId="7920" priority="7925" stopIfTrue="1">
      <formula>ISBLANK(BL32)=FALSE</formula>
    </cfRule>
  </conditionalFormatting>
  <conditionalFormatting sqref="BL32:BM33">
    <cfRule type="expression" dxfId="7919" priority="7916" stopIfTrue="1">
      <formula>ISBLANK(BL32)=TRUE</formula>
    </cfRule>
    <cfRule type="expression" dxfId="7918" priority="7917" stopIfTrue="1">
      <formula>INDIRECT("第１の３表②!"&amp;CELL("address",EE32))="×××"</formula>
    </cfRule>
    <cfRule type="expression" dxfId="7917" priority="7918" stopIfTrue="1">
      <formula>INDIRECT("第１の３表②!"&amp;CELL("address",EE32))="××"</formula>
    </cfRule>
    <cfRule type="expression" dxfId="7916" priority="7919" stopIfTrue="1">
      <formula>INDIRECT("第１の３表②!"&amp;CELL("address",EE32))="×"</formula>
    </cfRule>
    <cfRule type="expression" dxfId="7915" priority="7920" stopIfTrue="1">
      <formula>ISBLANK(BL32)=FALSE</formula>
    </cfRule>
  </conditionalFormatting>
  <conditionalFormatting sqref="BL32:BM33">
    <cfRule type="expression" dxfId="7914" priority="7911" stopIfTrue="1">
      <formula>ISBLANK(BL32)=TRUE</formula>
    </cfRule>
    <cfRule type="expression" dxfId="7913" priority="7912" stopIfTrue="1">
      <formula>INDIRECT("第１の３表②!"&amp;CELL("address",EE32))="×××"</formula>
    </cfRule>
    <cfRule type="expression" dxfId="7912" priority="7913" stopIfTrue="1">
      <formula>INDIRECT("第１の３表②!"&amp;CELL("address",EE32))="××"</formula>
    </cfRule>
    <cfRule type="expression" dxfId="7911" priority="7914" stopIfTrue="1">
      <formula>INDIRECT("第１の３表②!"&amp;CELL("address",EE32))="×"</formula>
    </cfRule>
    <cfRule type="expression" dxfId="7910" priority="7915" stopIfTrue="1">
      <formula>ISBLANK(BL32)=FALSE</formula>
    </cfRule>
  </conditionalFormatting>
  <conditionalFormatting sqref="BO32:BP33">
    <cfRule type="expression" dxfId="7909" priority="7906" stopIfTrue="1">
      <formula>ISBLANK(BO32)=TRUE</formula>
    </cfRule>
    <cfRule type="expression" dxfId="7908" priority="7907" stopIfTrue="1">
      <formula>INDIRECT("第１の３表②!"&amp;CELL("address",EH32))="×××"</formula>
    </cfRule>
    <cfRule type="expression" dxfId="7907" priority="7908" stopIfTrue="1">
      <formula>INDIRECT("第１の３表②!"&amp;CELL("address",EH32))="××"</formula>
    </cfRule>
    <cfRule type="expression" dxfId="7906" priority="7909" stopIfTrue="1">
      <formula>INDIRECT("第１の３表②!"&amp;CELL("address",EH32))="×"</formula>
    </cfRule>
    <cfRule type="expression" dxfId="7905" priority="7910" stopIfTrue="1">
      <formula>ISBLANK(BO32)=FALSE</formula>
    </cfRule>
  </conditionalFormatting>
  <conditionalFormatting sqref="BO32:BP33">
    <cfRule type="expression" dxfId="7904" priority="7901" stopIfTrue="1">
      <formula>ISBLANK(BO32)=TRUE</formula>
    </cfRule>
    <cfRule type="expression" dxfId="7903" priority="7902" stopIfTrue="1">
      <formula>INDIRECT("第１の３表②!"&amp;CELL("address",EH32))="×××"</formula>
    </cfRule>
    <cfRule type="expression" dxfId="7902" priority="7903" stopIfTrue="1">
      <formula>INDIRECT("第１の３表②!"&amp;CELL("address",EH32))="××"</formula>
    </cfRule>
    <cfRule type="expression" dxfId="7901" priority="7904" stopIfTrue="1">
      <formula>INDIRECT("第１の３表②!"&amp;CELL("address",EH32))="×"</formula>
    </cfRule>
    <cfRule type="expression" dxfId="7900" priority="7905" stopIfTrue="1">
      <formula>ISBLANK(BO32)=FALSE</formula>
    </cfRule>
  </conditionalFormatting>
  <conditionalFormatting sqref="BO32:BP33">
    <cfRule type="expression" dxfId="7899" priority="7896" stopIfTrue="1">
      <formula>ISBLANK(BO32)=TRUE</formula>
    </cfRule>
    <cfRule type="expression" dxfId="7898" priority="7897" stopIfTrue="1">
      <formula>INDIRECT("第１の３表②!"&amp;CELL("address",EH32))="×××"</formula>
    </cfRule>
    <cfRule type="expression" dxfId="7897" priority="7898" stopIfTrue="1">
      <formula>INDIRECT("第１の３表②!"&amp;CELL("address",EH32))="××"</formula>
    </cfRule>
    <cfRule type="expression" dxfId="7896" priority="7899" stopIfTrue="1">
      <formula>INDIRECT("第１の３表②!"&amp;CELL("address",EH32))="×"</formula>
    </cfRule>
    <cfRule type="expression" dxfId="7895" priority="7900" stopIfTrue="1">
      <formula>ISBLANK(BO32)=FALSE</formula>
    </cfRule>
  </conditionalFormatting>
  <conditionalFormatting sqref="J35:K36">
    <cfRule type="expression" dxfId="7894" priority="7891" stopIfTrue="1">
      <formula>ISBLANK(J35)=TRUE</formula>
    </cfRule>
    <cfRule type="expression" dxfId="7893" priority="7892" stopIfTrue="1">
      <formula>INDIRECT("第１の３表②!"&amp;CELL("address",CC35))="×××"</formula>
    </cfRule>
    <cfRule type="expression" dxfId="7892" priority="7893" stopIfTrue="1">
      <formula>INDIRECT("第１の３表②!"&amp;CELL("address",CC35))="××"</formula>
    </cfRule>
    <cfRule type="expression" dxfId="7891" priority="7894" stopIfTrue="1">
      <formula>INDIRECT("第１の３表②!"&amp;CELL("address",CC35))="×"</formula>
    </cfRule>
    <cfRule type="expression" dxfId="7890" priority="7895" stopIfTrue="1">
      <formula>ISBLANK(J35)=FALSE</formula>
    </cfRule>
  </conditionalFormatting>
  <conditionalFormatting sqref="J35:K36">
    <cfRule type="expression" dxfId="7889" priority="7886" stopIfTrue="1">
      <formula>ISBLANK(J35)=TRUE</formula>
    </cfRule>
    <cfRule type="expression" dxfId="7888" priority="7887" stopIfTrue="1">
      <formula>INDIRECT("第１の３表②!"&amp;CELL("address",CC35))="×××"</formula>
    </cfRule>
    <cfRule type="expression" dxfId="7887" priority="7888" stopIfTrue="1">
      <formula>INDIRECT("第１の３表②!"&amp;CELL("address",CC35))="××"</formula>
    </cfRule>
    <cfRule type="expression" dxfId="7886" priority="7889" stopIfTrue="1">
      <formula>INDIRECT("第１の３表②!"&amp;CELL("address",CC35))="×"</formula>
    </cfRule>
    <cfRule type="expression" dxfId="7885" priority="7890" stopIfTrue="1">
      <formula>ISBLANK(J35)=FALSE</formula>
    </cfRule>
  </conditionalFormatting>
  <conditionalFormatting sqref="J35:K36">
    <cfRule type="expression" dxfId="7884" priority="7881" stopIfTrue="1">
      <formula>ISBLANK(J35)=TRUE</formula>
    </cfRule>
    <cfRule type="expression" dxfId="7883" priority="7882" stopIfTrue="1">
      <formula>INDIRECT("第１の３表②!"&amp;CELL("address",CC35))="×××"</formula>
    </cfRule>
    <cfRule type="expression" dxfId="7882" priority="7883" stopIfTrue="1">
      <formula>INDIRECT("第１の３表②!"&amp;CELL("address",CC35))="××"</formula>
    </cfRule>
    <cfRule type="expression" dxfId="7881" priority="7884" stopIfTrue="1">
      <formula>INDIRECT("第１の３表②!"&amp;CELL("address",CC35))="×"</formula>
    </cfRule>
    <cfRule type="expression" dxfId="7880" priority="7885" stopIfTrue="1">
      <formula>ISBLANK(J35)=FALSE</formula>
    </cfRule>
  </conditionalFormatting>
  <conditionalFormatting sqref="M35:N36">
    <cfRule type="expression" dxfId="7879" priority="7876" stopIfTrue="1">
      <formula>ISBLANK(M35)=TRUE</formula>
    </cfRule>
    <cfRule type="expression" dxfId="7878" priority="7877" stopIfTrue="1">
      <formula>INDIRECT("第１の３表②!"&amp;CELL("address",CF35))="×××"</formula>
    </cfRule>
    <cfRule type="expression" dxfId="7877" priority="7878" stopIfTrue="1">
      <formula>INDIRECT("第１の３表②!"&amp;CELL("address",CF35))="××"</formula>
    </cfRule>
    <cfRule type="expression" dxfId="7876" priority="7879" stopIfTrue="1">
      <formula>INDIRECT("第１の３表②!"&amp;CELL("address",CF35))="×"</formula>
    </cfRule>
    <cfRule type="expression" dxfId="7875" priority="7880" stopIfTrue="1">
      <formula>ISBLANK(M35)=FALSE</formula>
    </cfRule>
  </conditionalFormatting>
  <conditionalFormatting sqref="M35:N36">
    <cfRule type="expression" dxfId="7874" priority="7871" stopIfTrue="1">
      <formula>ISBLANK(M35)=TRUE</formula>
    </cfRule>
    <cfRule type="expression" dxfId="7873" priority="7872" stopIfTrue="1">
      <formula>INDIRECT("第１の３表②!"&amp;CELL("address",CF35))="×××"</formula>
    </cfRule>
    <cfRule type="expression" dxfId="7872" priority="7873" stopIfTrue="1">
      <formula>INDIRECT("第１の３表②!"&amp;CELL("address",CF35))="××"</formula>
    </cfRule>
    <cfRule type="expression" dxfId="7871" priority="7874" stopIfTrue="1">
      <formula>INDIRECT("第１の３表②!"&amp;CELL("address",CF35))="×"</formula>
    </cfRule>
    <cfRule type="expression" dxfId="7870" priority="7875" stopIfTrue="1">
      <formula>ISBLANK(M35)=FALSE</formula>
    </cfRule>
  </conditionalFormatting>
  <conditionalFormatting sqref="M35:N36">
    <cfRule type="expression" dxfId="7869" priority="7866" stopIfTrue="1">
      <formula>ISBLANK(M35)=TRUE</formula>
    </cfRule>
    <cfRule type="expression" dxfId="7868" priority="7867" stopIfTrue="1">
      <formula>INDIRECT("第１の３表②!"&amp;CELL("address",CF35))="×××"</formula>
    </cfRule>
    <cfRule type="expression" dxfId="7867" priority="7868" stopIfTrue="1">
      <formula>INDIRECT("第１の３表②!"&amp;CELL("address",CF35))="××"</formula>
    </cfRule>
    <cfRule type="expression" dxfId="7866" priority="7869" stopIfTrue="1">
      <formula>INDIRECT("第１の３表②!"&amp;CELL("address",CF35))="×"</formula>
    </cfRule>
    <cfRule type="expression" dxfId="7865" priority="7870" stopIfTrue="1">
      <formula>ISBLANK(M35)=FALSE</formula>
    </cfRule>
  </conditionalFormatting>
  <conditionalFormatting sqref="P35:Q36">
    <cfRule type="expression" dxfId="7864" priority="7861" stopIfTrue="1">
      <formula>ISBLANK(P35)=TRUE</formula>
    </cfRule>
    <cfRule type="expression" dxfId="7863" priority="7862" stopIfTrue="1">
      <formula>INDIRECT("第１の３表②!"&amp;CELL("address",CI35))="×××"</formula>
    </cfRule>
    <cfRule type="expression" dxfId="7862" priority="7863" stopIfTrue="1">
      <formula>INDIRECT("第１の３表②!"&amp;CELL("address",CI35))="××"</formula>
    </cfRule>
    <cfRule type="expression" dxfId="7861" priority="7864" stopIfTrue="1">
      <formula>INDIRECT("第１の３表②!"&amp;CELL("address",CI35))="×"</formula>
    </cfRule>
    <cfRule type="expression" dxfId="7860" priority="7865" stopIfTrue="1">
      <formula>ISBLANK(P35)=FALSE</formula>
    </cfRule>
  </conditionalFormatting>
  <conditionalFormatting sqref="P35:Q36">
    <cfRule type="expression" dxfId="7859" priority="7856" stopIfTrue="1">
      <formula>ISBLANK(P35)=TRUE</formula>
    </cfRule>
    <cfRule type="expression" dxfId="7858" priority="7857" stopIfTrue="1">
      <formula>INDIRECT("第１の３表②!"&amp;CELL("address",CI35))="×××"</formula>
    </cfRule>
    <cfRule type="expression" dxfId="7857" priority="7858" stopIfTrue="1">
      <formula>INDIRECT("第１の３表②!"&amp;CELL("address",CI35))="××"</formula>
    </cfRule>
    <cfRule type="expression" dxfId="7856" priority="7859" stopIfTrue="1">
      <formula>INDIRECT("第１の３表②!"&amp;CELL("address",CI35))="×"</formula>
    </cfRule>
    <cfRule type="expression" dxfId="7855" priority="7860" stopIfTrue="1">
      <formula>ISBLANK(P35)=FALSE</formula>
    </cfRule>
  </conditionalFormatting>
  <conditionalFormatting sqref="P35:Q36">
    <cfRule type="expression" dxfId="7854" priority="7851" stopIfTrue="1">
      <formula>ISBLANK(P35)=TRUE</formula>
    </cfRule>
    <cfRule type="expression" dxfId="7853" priority="7852" stopIfTrue="1">
      <formula>INDIRECT("第１の３表②!"&amp;CELL("address",CI35))="×××"</formula>
    </cfRule>
    <cfRule type="expression" dxfId="7852" priority="7853" stopIfTrue="1">
      <formula>INDIRECT("第１の３表②!"&amp;CELL("address",CI35))="××"</formula>
    </cfRule>
    <cfRule type="expression" dxfId="7851" priority="7854" stopIfTrue="1">
      <formula>INDIRECT("第１の３表②!"&amp;CELL("address",CI35))="×"</formula>
    </cfRule>
    <cfRule type="expression" dxfId="7850" priority="7855" stopIfTrue="1">
      <formula>ISBLANK(P35)=FALSE</formula>
    </cfRule>
  </conditionalFormatting>
  <conditionalFormatting sqref="S35:T36">
    <cfRule type="expression" dxfId="7849" priority="7846" stopIfTrue="1">
      <formula>ISBLANK(S35)=TRUE</formula>
    </cfRule>
    <cfRule type="expression" dxfId="7848" priority="7847" stopIfTrue="1">
      <formula>INDIRECT("第１の３表②!"&amp;CELL("address",CL35))="×××"</formula>
    </cfRule>
    <cfRule type="expression" dxfId="7847" priority="7848" stopIfTrue="1">
      <formula>INDIRECT("第１の３表②!"&amp;CELL("address",CL35))="××"</formula>
    </cfRule>
    <cfRule type="expression" dxfId="7846" priority="7849" stopIfTrue="1">
      <formula>INDIRECT("第１の３表②!"&amp;CELL("address",CL35))="×"</formula>
    </cfRule>
    <cfRule type="expression" dxfId="7845" priority="7850" stopIfTrue="1">
      <formula>ISBLANK(S35)=FALSE</formula>
    </cfRule>
  </conditionalFormatting>
  <conditionalFormatting sqref="S35:T36">
    <cfRule type="expression" dxfId="7844" priority="7841" stopIfTrue="1">
      <formula>ISBLANK(S35)=TRUE</formula>
    </cfRule>
    <cfRule type="expression" dxfId="7843" priority="7842" stopIfTrue="1">
      <formula>INDIRECT("第１の３表②!"&amp;CELL("address",CL35))="×××"</formula>
    </cfRule>
    <cfRule type="expression" dxfId="7842" priority="7843" stopIfTrue="1">
      <formula>INDIRECT("第１の３表②!"&amp;CELL("address",CL35))="××"</formula>
    </cfRule>
    <cfRule type="expression" dxfId="7841" priority="7844" stopIfTrue="1">
      <formula>INDIRECT("第１の３表②!"&amp;CELL("address",CL35))="×"</formula>
    </cfRule>
    <cfRule type="expression" dxfId="7840" priority="7845" stopIfTrue="1">
      <formula>ISBLANK(S35)=FALSE</formula>
    </cfRule>
  </conditionalFormatting>
  <conditionalFormatting sqref="S35:T36">
    <cfRule type="expression" dxfId="7839" priority="7836" stopIfTrue="1">
      <formula>ISBLANK(S35)=TRUE</formula>
    </cfRule>
    <cfRule type="expression" dxfId="7838" priority="7837" stopIfTrue="1">
      <formula>INDIRECT("第１の３表②!"&amp;CELL("address",CL35))="×××"</formula>
    </cfRule>
    <cfRule type="expression" dxfId="7837" priority="7838" stopIfTrue="1">
      <formula>INDIRECT("第１の３表②!"&amp;CELL("address",CL35))="××"</formula>
    </cfRule>
    <cfRule type="expression" dxfId="7836" priority="7839" stopIfTrue="1">
      <formula>INDIRECT("第１の３表②!"&amp;CELL("address",CL35))="×"</formula>
    </cfRule>
    <cfRule type="expression" dxfId="7835" priority="7840" stopIfTrue="1">
      <formula>ISBLANK(S35)=FALSE</formula>
    </cfRule>
  </conditionalFormatting>
  <conditionalFormatting sqref="V35:W36">
    <cfRule type="expression" dxfId="7834" priority="7831" stopIfTrue="1">
      <formula>ISBLANK(V35)=TRUE</formula>
    </cfRule>
    <cfRule type="expression" dxfId="7833" priority="7832" stopIfTrue="1">
      <formula>INDIRECT("第１の３表②!"&amp;CELL("address",CO35))="×××"</formula>
    </cfRule>
    <cfRule type="expression" dxfId="7832" priority="7833" stopIfTrue="1">
      <formula>INDIRECT("第１の３表②!"&amp;CELL("address",CO35))="××"</formula>
    </cfRule>
    <cfRule type="expression" dxfId="7831" priority="7834" stopIfTrue="1">
      <formula>INDIRECT("第１の３表②!"&amp;CELL("address",CO35))="×"</formula>
    </cfRule>
    <cfRule type="expression" dxfId="7830" priority="7835" stopIfTrue="1">
      <formula>ISBLANK(V35)=FALSE</formula>
    </cfRule>
  </conditionalFormatting>
  <conditionalFormatting sqref="V35:W36">
    <cfRule type="expression" dxfId="7829" priority="7826" stopIfTrue="1">
      <formula>ISBLANK(V35)=TRUE</formula>
    </cfRule>
    <cfRule type="expression" dxfId="7828" priority="7827" stopIfTrue="1">
      <formula>INDIRECT("第１の３表②!"&amp;CELL("address",CO35))="×××"</formula>
    </cfRule>
    <cfRule type="expression" dxfId="7827" priority="7828" stopIfTrue="1">
      <formula>INDIRECT("第１の３表②!"&amp;CELL("address",CO35))="××"</formula>
    </cfRule>
    <cfRule type="expression" dxfId="7826" priority="7829" stopIfTrue="1">
      <formula>INDIRECT("第１の３表②!"&amp;CELL("address",CO35))="×"</formula>
    </cfRule>
    <cfRule type="expression" dxfId="7825" priority="7830" stopIfTrue="1">
      <formula>ISBLANK(V35)=FALSE</formula>
    </cfRule>
  </conditionalFormatting>
  <conditionalFormatting sqref="V35:W36">
    <cfRule type="expression" dxfId="7824" priority="7821" stopIfTrue="1">
      <formula>ISBLANK(V35)=TRUE</formula>
    </cfRule>
    <cfRule type="expression" dxfId="7823" priority="7822" stopIfTrue="1">
      <formula>INDIRECT("第１の３表②!"&amp;CELL("address",CO35))="×××"</formula>
    </cfRule>
    <cfRule type="expression" dxfId="7822" priority="7823" stopIfTrue="1">
      <formula>INDIRECT("第１の３表②!"&amp;CELL("address",CO35))="××"</formula>
    </cfRule>
    <cfRule type="expression" dxfId="7821" priority="7824" stopIfTrue="1">
      <formula>INDIRECT("第１の３表②!"&amp;CELL("address",CO35))="×"</formula>
    </cfRule>
    <cfRule type="expression" dxfId="7820" priority="7825" stopIfTrue="1">
      <formula>ISBLANK(V35)=FALSE</formula>
    </cfRule>
  </conditionalFormatting>
  <conditionalFormatting sqref="Y35:Z36">
    <cfRule type="expression" dxfId="7819" priority="7816" stopIfTrue="1">
      <formula>ISBLANK(Y35)=TRUE</formula>
    </cfRule>
    <cfRule type="expression" dxfId="7818" priority="7817" stopIfTrue="1">
      <formula>INDIRECT("第１の３表②!"&amp;CELL("address",CR35))="×××"</formula>
    </cfRule>
    <cfRule type="expression" dxfId="7817" priority="7818" stopIfTrue="1">
      <formula>INDIRECT("第１の３表②!"&amp;CELL("address",CR35))="××"</formula>
    </cfRule>
    <cfRule type="expression" dxfId="7816" priority="7819" stopIfTrue="1">
      <formula>INDIRECT("第１の３表②!"&amp;CELL("address",CR35))="×"</formula>
    </cfRule>
    <cfRule type="expression" dxfId="7815" priority="7820" stopIfTrue="1">
      <formula>ISBLANK(Y35)=FALSE</formula>
    </cfRule>
  </conditionalFormatting>
  <conditionalFormatting sqref="Y35:Z36">
    <cfRule type="expression" dxfId="7814" priority="7811" stopIfTrue="1">
      <formula>ISBLANK(Y35)=TRUE</formula>
    </cfRule>
    <cfRule type="expression" dxfId="7813" priority="7812" stopIfTrue="1">
      <formula>INDIRECT("第１の３表②!"&amp;CELL("address",CR35))="×××"</formula>
    </cfRule>
    <cfRule type="expression" dxfId="7812" priority="7813" stopIfTrue="1">
      <formula>INDIRECT("第１の３表②!"&amp;CELL("address",CR35))="××"</formula>
    </cfRule>
    <cfRule type="expression" dxfId="7811" priority="7814" stopIfTrue="1">
      <formula>INDIRECT("第１の３表②!"&amp;CELL("address",CR35))="×"</formula>
    </cfRule>
    <cfRule type="expression" dxfId="7810" priority="7815" stopIfTrue="1">
      <formula>ISBLANK(Y35)=FALSE</formula>
    </cfRule>
  </conditionalFormatting>
  <conditionalFormatting sqref="Y35:Z36">
    <cfRule type="expression" dxfId="7809" priority="7806" stopIfTrue="1">
      <formula>ISBLANK(Y35)=TRUE</formula>
    </cfRule>
    <cfRule type="expression" dxfId="7808" priority="7807" stopIfTrue="1">
      <formula>INDIRECT("第１の３表②!"&amp;CELL("address",CR35))="×××"</formula>
    </cfRule>
    <cfRule type="expression" dxfId="7807" priority="7808" stopIfTrue="1">
      <formula>INDIRECT("第１の３表②!"&amp;CELL("address",CR35))="××"</formula>
    </cfRule>
    <cfRule type="expression" dxfId="7806" priority="7809" stopIfTrue="1">
      <formula>INDIRECT("第１の３表②!"&amp;CELL("address",CR35))="×"</formula>
    </cfRule>
    <cfRule type="expression" dxfId="7805" priority="7810" stopIfTrue="1">
      <formula>ISBLANK(Y35)=FALSE</formula>
    </cfRule>
  </conditionalFormatting>
  <conditionalFormatting sqref="AB35:AC36">
    <cfRule type="expression" dxfId="7804" priority="7801" stopIfTrue="1">
      <formula>ISBLANK(AB35)=TRUE</formula>
    </cfRule>
    <cfRule type="expression" dxfId="7803" priority="7802" stopIfTrue="1">
      <formula>INDIRECT("第１の３表②!"&amp;CELL("address",CU35))="×××"</formula>
    </cfRule>
    <cfRule type="expression" dxfId="7802" priority="7803" stopIfTrue="1">
      <formula>INDIRECT("第１の３表②!"&amp;CELL("address",CU35))="××"</formula>
    </cfRule>
    <cfRule type="expression" dxfId="7801" priority="7804" stopIfTrue="1">
      <formula>INDIRECT("第１の３表②!"&amp;CELL("address",CU35))="×"</formula>
    </cfRule>
    <cfRule type="expression" dxfId="7800" priority="7805" stopIfTrue="1">
      <formula>ISBLANK(AB35)=FALSE</formula>
    </cfRule>
  </conditionalFormatting>
  <conditionalFormatting sqref="AB35:AC36">
    <cfRule type="expression" dxfId="7799" priority="7796" stopIfTrue="1">
      <formula>ISBLANK(AB35)=TRUE</formula>
    </cfRule>
    <cfRule type="expression" dxfId="7798" priority="7797" stopIfTrue="1">
      <formula>INDIRECT("第１の３表②!"&amp;CELL("address",CU35))="×××"</formula>
    </cfRule>
    <cfRule type="expression" dxfId="7797" priority="7798" stopIfTrue="1">
      <formula>INDIRECT("第１の３表②!"&amp;CELL("address",CU35))="××"</formula>
    </cfRule>
    <cfRule type="expression" dxfId="7796" priority="7799" stopIfTrue="1">
      <formula>INDIRECT("第１の３表②!"&amp;CELL("address",CU35))="×"</formula>
    </cfRule>
    <cfRule type="expression" dxfId="7795" priority="7800" stopIfTrue="1">
      <formula>ISBLANK(AB35)=FALSE</formula>
    </cfRule>
  </conditionalFormatting>
  <conditionalFormatting sqref="AB35:AC36">
    <cfRule type="expression" dxfId="7794" priority="7791" stopIfTrue="1">
      <formula>ISBLANK(AB35)=TRUE</formula>
    </cfRule>
    <cfRule type="expression" dxfId="7793" priority="7792" stopIfTrue="1">
      <formula>INDIRECT("第１の３表②!"&amp;CELL("address",CU35))="×××"</formula>
    </cfRule>
    <cfRule type="expression" dxfId="7792" priority="7793" stopIfTrue="1">
      <formula>INDIRECT("第１の３表②!"&amp;CELL("address",CU35))="××"</formula>
    </cfRule>
    <cfRule type="expression" dxfId="7791" priority="7794" stopIfTrue="1">
      <formula>INDIRECT("第１の３表②!"&amp;CELL("address",CU35))="×"</formula>
    </cfRule>
    <cfRule type="expression" dxfId="7790" priority="7795" stopIfTrue="1">
      <formula>ISBLANK(AB35)=FALSE</formula>
    </cfRule>
  </conditionalFormatting>
  <conditionalFormatting sqref="AE35:AF36">
    <cfRule type="expression" dxfId="7789" priority="7786" stopIfTrue="1">
      <formula>ISBLANK(AE35)=TRUE</formula>
    </cfRule>
    <cfRule type="expression" dxfId="7788" priority="7787" stopIfTrue="1">
      <formula>INDIRECT("第１の３表②!"&amp;CELL("address",CX35))="×××"</formula>
    </cfRule>
    <cfRule type="expression" dxfId="7787" priority="7788" stopIfTrue="1">
      <formula>INDIRECT("第１の３表②!"&amp;CELL("address",CX35))="××"</formula>
    </cfRule>
    <cfRule type="expression" dxfId="7786" priority="7789" stopIfTrue="1">
      <formula>INDIRECT("第１の３表②!"&amp;CELL("address",CX35))="×"</formula>
    </cfRule>
    <cfRule type="expression" dxfId="7785" priority="7790" stopIfTrue="1">
      <formula>ISBLANK(AE35)=FALSE</formula>
    </cfRule>
  </conditionalFormatting>
  <conditionalFormatting sqref="AE35:AF36">
    <cfRule type="expression" dxfId="7784" priority="7781" stopIfTrue="1">
      <formula>ISBLANK(AE35)=TRUE</formula>
    </cfRule>
    <cfRule type="expression" dxfId="7783" priority="7782" stopIfTrue="1">
      <formula>INDIRECT("第１の３表②!"&amp;CELL("address",CX35))="×××"</formula>
    </cfRule>
    <cfRule type="expression" dxfId="7782" priority="7783" stopIfTrue="1">
      <formula>INDIRECT("第１の３表②!"&amp;CELL("address",CX35))="××"</formula>
    </cfRule>
    <cfRule type="expression" dxfId="7781" priority="7784" stopIfTrue="1">
      <formula>INDIRECT("第１の３表②!"&amp;CELL("address",CX35))="×"</formula>
    </cfRule>
    <cfRule type="expression" dxfId="7780" priority="7785" stopIfTrue="1">
      <formula>ISBLANK(AE35)=FALSE</formula>
    </cfRule>
  </conditionalFormatting>
  <conditionalFormatting sqref="AE35:AF36">
    <cfRule type="expression" dxfId="7779" priority="7776" stopIfTrue="1">
      <formula>ISBLANK(AE35)=TRUE</formula>
    </cfRule>
    <cfRule type="expression" dxfId="7778" priority="7777" stopIfTrue="1">
      <formula>INDIRECT("第１の３表②!"&amp;CELL("address",CX35))="×××"</formula>
    </cfRule>
    <cfRule type="expression" dxfId="7777" priority="7778" stopIfTrue="1">
      <formula>INDIRECT("第１の３表②!"&amp;CELL("address",CX35))="××"</formula>
    </cfRule>
    <cfRule type="expression" dxfId="7776" priority="7779" stopIfTrue="1">
      <formula>INDIRECT("第１の３表②!"&amp;CELL("address",CX35))="×"</formula>
    </cfRule>
    <cfRule type="expression" dxfId="7775" priority="7780" stopIfTrue="1">
      <formula>ISBLANK(AE35)=FALSE</formula>
    </cfRule>
  </conditionalFormatting>
  <conditionalFormatting sqref="AH35:AI36">
    <cfRule type="expression" dxfId="7774" priority="7771" stopIfTrue="1">
      <formula>ISBLANK(AH35)=TRUE</formula>
    </cfRule>
    <cfRule type="expression" dxfId="7773" priority="7772" stopIfTrue="1">
      <formula>INDIRECT("第１の３表②!"&amp;CELL("address",DA35))="×××"</formula>
    </cfRule>
    <cfRule type="expression" dxfId="7772" priority="7773" stopIfTrue="1">
      <formula>INDIRECT("第１の３表②!"&amp;CELL("address",DA35))="××"</formula>
    </cfRule>
    <cfRule type="expression" dxfId="7771" priority="7774" stopIfTrue="1">
      <formula>INDIRECT("第１の３表②!"&amp;CELL("address",DA35))="×"</formula>
    </cfRule>
    <cfRule type="expression" dxfId="7770" priority="7775" stopIfTrue="1">
      <formula>ISBLANK(AH35)=FALSE</formula>
    </cfRule>
  </conditionalFormatting>
  <conditionalFormatting sqref="AH35:AI36">
    <cfRule type="expression" dxfId="7769" priority="7766" stopIfTrue="1">
      <formula>ISBLANK(AH35)=TRUE</formula>
    </cfRule>
    <cfRule type="expression" dxfId="7768" priority="7767" stopIfTrue="1">
      <formula>INDIRECT("第１の３表②!"&amp;CELL("address",DA35))="×××"</formula>
    </cfRule>
    <cfRule type="expression" dxfId="7767" priority="7768" stopIfTrue="1">
      <formula>INDIRECT("第１の３表②!"&amp;CELL("address",DA35))="××"</formula>
    </cfRule>
    <cfRule type="expression" dxfId="7766" priority="7769" stopIfTrue="1">
      <formula>INDIRECT("第１の３表②!"&amp;CELL("address",DA35))="×"</formula>
    </cfRule>
    <cfRule type="expression" dxfId="7765" priority="7770" stopIfTrue="1">
      <formula>ISBLANK(AH35)=FALSE</formula>
    </cfRule>
  </conditionalFormatting>
  <conditionalFormatting sqref="AH35:AI36">
    <cfRule type="expression" dxfId="7764" priority="7761" stopIfTrue="1">
      <formula>ISBLANK(AH35)=TRUE</formula>
    </cfRule>
    <cfRule type="expression" dxfId="7763" priority="7762" stopIfTrue="1">
      <formula>INDIRECT("第１の３表②!"&amp;CELL("address",DA35))="×××"</formula>
    </cfRule>
    <cfRule type="expression" dxfId="7762" priority="7763" stopIfTrue="1">
      <formula>INDIRECT("第１の３表②!"&amp;CELL("address",DA35))="××"</formula>
    </cfRule>
    <cfRule type="expression" dxfId="7761" priority="7764" stopIfTrue="1">
      <formula>INDIRECT("第１の３表②!"&amp;CELL("address",DA35))="×"</formula>
    </cfRule>
    <cfRule type="expression" dxfId="7760" priority="7765" stopIfTrue="1">
      <formula>ISBLANK(AH35)=FALSE</formula>
    </cfRule>
  </conditionalFormatting>
  <conditionalFormatting sqref="AK35:AL36">
    <cfRule type="expression" dxfId="7759" priority="7756" stopIfTrue="1">
      <formula>ISBLANK(AK35)=TRUE</formula>
    </cfRule>
    <cfRule type="expression" dxfId="7758" priority="7757" stopIfTrue="1">
      <formula>INDIRECT("第１の３表②!"&amp;CELL("address",DD35))="×××"</formula>
    </cfRule>
    <cfRule type="expression" dxfId="7757" priority="7758" stopIfTrue="1">
      <formula>INDIRECT("第１の３表②!"&amp;CELL("address",DD35))="××"</formula>
    </cfRule>
    <cfRule type="expression" dxfId="7756" priority="7759" stopIfTrue="1">
      <formula>INDIRECT("第１の３表②!"&amp;CELL("address",DD35))="×"</formula>
    </cfRule>
    <cfRule type="expression" dxfId="7755" priority="7760" stopIfTrue="1">
      <formula>ISBLANK(AK35)=FALSE</formula>
    </cfRule>
  </conditionalFormatting>
  <conditionalFormatting sqref="AK35:AL36">
    <cfRule type="expression" dxfId="7754" priority="7751" stopIfTrue="1">
      <formula>ISBLANK(AK35)=TRUE</formula>
    </cfRule>
    <cfRule type="expression" dxfId="7753" priority="7752" stopIfTrue="1">
      <formula>INDIRECT("第１の３表②!"&amp;CELL("address",DD35))="×××"</formula>
    </cfRule>
    <cfRule type="expression" dxfId="7752" priority="7753" stopIfTrue="1">
      <formula>INDIRECT("第１の３表②!"&amp;CELL("address",DD35))="××"</formula>
    </cfRule>
    <cfRule type="expression" dxfId="7751" priority="7754" stopIfTrue="1">
      <formula>INDIRECT("第１の３表②!"&amp;CELL("address",DD35))="×"</formula>
    </cfRule>
    <cfRule type="expression" dxfId="7750" priority="7755" stopIfTrue="1">
      <formula>ISBLANK(AK35)=FALSE</formula>
    </cfRule>
  </conditionalFormatting>
  <conditionalFormatting sqref="AK35:AL36">
    <cfRule type="expression" dxfId="7749" priority="7746" stopIfTrue="1">
      <formula>ISBLANK(AK35)=TRUE</formula>
    </cfRule>
    <cfRule type="expression" dxfId="7748" priority="7747" stopIfTrue="1">
      <formula>INDIRECT("第１の３表②!"&amp;CELL("address",DD35))="×××"</formula>
    </cfRule>
    <cfRule type="expression" dxfId="7747" priority="7748" stopIfTrue="1">
      <formula>INDIRECT("第１の３表②!"&amp;CELL("address",DD35))="××"</formula>
    </cfRule>
    <cfRule type="expression" dxfId="7746" priority="7749" stopIfTrue="1">
      <formula>INDIRECT("第１の３表②!"&amp;CELL("address",DD35))="×"</formula>
    </cfRule>
    <cfRule type="expression" dxfId="7745" priority="7750" stopIfTrue="1">
      <formula>ISBLANK(AK35)=FALSE</formula>
    </cfRule>
  </conditionalFormatting>
  <conditionalFormatting sqref="AN35:AO36">
    <cfRule type="expression" dxfId="7744" priority="7741" stopIfTrue="1">
      <formula>ISBLANK(AN35)=TRUE</formula>
    </cfRule>
    <cfRule type="expression" dxfId="7743" priority="7742" stopIfTrue="1">
      <formula>INDIRECT("第１の３表②!"&amp;CELL("address",DG35))="×××"</formula>
    </cfRule>
    <cfRule type="expression" dxfId="7742" priority="7743" stopIfTrue="1">
      <formula>INDIRECT("第１の３表②!"&amp;CELL("address",DG35))="××"</formula>
    </cfRule>
    <cfRule type="expression" dxfId="7741" priority="7744" stopIfTrue="1">
      <formula>INDIRECT("第１の３表②!"&amp;CELL("address",DG35))="×"</formula>
    </cfRule>
    <cfRule type="expression" dxfId="7740" priority="7745" stopIfTrue="1">
      <formula>ISBLANK(AN35)=FALSE</formula>
    </cfRule>
  </conditionalFormatting>
  <conditionalFormatting sqref="AN35:AO36">
    <cfRule type="expression" dxfId="7739" priority="7736" stopIfTrue="1">
      <formula>ISBLANK(AN35)=TRUE</formula>
    </cfRule>
    <cfRule type="expression" dxfId="7738" priority="7737" stopIfTrue="1">
      <formula>INDIRECT("第１の３表②!"&amp;CELL("address",DG35))="×××"</formula>
    </cfRule>
    <cfRule type="expression" dxfId="7737" priority="7738" stopIfTrue="1">
      <formula>INDIRECT("第１の３表②!"&amp;CELL("address",DG35))="××"</formula>
    </cfRule>
    <cfRule type="expression" dxfId="7736" priority="7739" stopIfTrue="1">
      <formula>INDIRECT("第１の３表②!"&amp;CELL("address",DG35))="×"</formula>
    </cfRule>
    <cfRule type="expression" dxfId="7735" priority="7740" stopIfTrue="1">
      <formula>ISBLANK(AN35)=FALSE</formula>
    </cfRule>
  </conditionalFormatting>
  <conditionalFormatting sqref="AN35:AO36">
    <cfRule type="expression" dxfId="7734" priority="7731" stopIfTrue="1">
      <formula>ISBLANK(AN35)=TRUE</formula>
    </cfRule>
    <cfRule type="expression" dxfId="7733" priority="7732" stopIfTrue="1">
      <formula>INDIRECT("第１の３表②!"&amp;CELL("address",DG35))="×××"</formula>
    </cfRule>
    <cfRule type="expression" dxfId="7732" priority="7733" stopIfTrue="1">
      <formula>INDIRECT("第１の３表②!"&amp;CELL("address",DG35))="××"</formula>
    </cfRule>
    <cfRule type="expression" dxfId="7731" priority="7734" stopIfTrue="1">
      <formula>INDIRECT("第１の３表②!"&amp;CELL("address",DG35))="×"</formula>
    </cfRule>
    <cfRule type="expression" dxfId="7730" priority="7735" stopIfTrue="1">
      <formula>ISBLANK(AN35)=FALSE</formula>
    </cfRule>
  </conditionalFormatting>
  <conditionalFormatting sqref="AQ35:AR36">
    <cfRule type="expression" dxfId="7729" priority="7726" stopIfTrue="1">
      <formula>ISBLANK(AQ35)=TRUE</formula>
    </cfRule>
    <cfRule type="expression" dxfId="7728" priority="7727" stopIfTrue="1">
      <formula>INDIRECT("第１の３表②!"&amp;CELL("address",DJ35))="×××"</formula>
    </cfRule>
    <cfRule type="expression" dxfId="7727" priority="7728" stopIfTrue="1">
      <formula>INDIRECT("第１の３表②!"&amp;CELL("address",DJ35))="××"</formula>
    </cfRule>
    <cfRule type="expression" dxfId="7726" priority="7729" stopIfTrue="1">
      <formula>INDIRECT("第１の３表②!"&amp;CELL("address",DJ35))="×"</formula>
    </cfRule>
    <cfRule type="expression" dxfId="7725" priority="7730" stopIfTrue="1">
      <formula>ISBLANK(AQ35)=FALSE</formula>
    </cfRule>
  </conditionalFormatting>
  <conditionalFormatting sqref="AQ35:AR36">
    <cfRule type="expression" dxfId="7724" priority="7721" stopIfTrue="1">
      <formula>ISBLANK(AQ35)=TRUE</formula>
    </cfRule>
    <cfRule type="expression" dxfId="7723" priority="7722" stopIfTrue="1">
      <formula>INDIRECT("第１の３表②!"&amp;CELL("address",DJ35))="×××"</formula>
    </cfRule>
    <cfRule type="expression" dxfId="7722" priority="7723" stopIfTrue="1">
      <formula>INDIRECT("第１の３表②!"&amp;CELL("address",DJ35))="××"</formula>
    </cfRule>
    <cfRule type="expression" dxfId="7721" priority="7724" stopIfTrue="1">
      <formula>INDIRECT("第１の３表②!"&amp;CELL("address",DJ35))="×"</formula>
    </cfRule>
    <cfRule type="expression" dxfId="7720" priority="7725" stopIfTrue="1">
      <formula>ISBLANK(AQ35)=FALSE</formula>
    </cfRule>
  </conditionalFormatting>
  <conditionalFormatting sqref="AQ35:AR36">
    <cfRule type="expression" dxfId="7719" priority="7716" stopIfTrue="1">
      <formula>ISBLANK(AQ35)=TRUE</formula>
    </cfRule>
    <cfRule type="expression" dxfId="7718" priority="7717" stopIfTrue="1">
      <formula>INDIRECT("第１の３表②!"&amp;CELL("address",DJ35))="×××"</formula>
    </cfRule>
    <cfRule type="expression" dxfId="7717" priority="7718" stopIfTrue="1">
      <formula>INDIRECT("第１の３表②!"&amp;CELL("address",DJ35))="××"</formula>
    </cfRule>
    <cfRule type="expression" dxfId="7716" priority="7719" stopIfTrue="1">
      <formula>INDIRECT("第１の３表②!"&amp;CELL("address",DJ35))="×"</formula>
    </cfRule>
    <cfRule type="expression" dxfId="7715" priority="7720" stopIfTrue="1">
      <formula>ISBLANK(AQ35)=FALSE</formula>
    </cfRule>
  </conditionalFormatting>
  <conditionalFormatting sqref="AT35:AU36">
    <cfRule type="expression" dxfId="7714" priority="7711" stopIfTrue="1">
      <formula>ISBLANK(AT35)=TRUE</formula>
    </cfRule>
    <cfRule type="expression" dxfId="7713" priority="7712" stopIfTrue="1">
      <formula>INDIRECT("第１の３表②!"&amp;CELL("address",DM35))="×××"</formula>
    </cfRule>
    <cfRule type="expression" dxfId="7712" priority="7713" stopIfTrue="1">
      <formula>INDIRECT("第１の３表②!"&amp;CELL("address",DM35))="××"</formula>
    </cfRule>
    <cfRule type="expression" dxfId="7711" priority="7714" stopIfTrue="1">
      <formula>INDIRECT("第１の３表②!"&amp;CELL("address",DM35))="×"</formula>
    </cfRule>
    <cfRule type="expression" dxfId="7710" priority="7715" stopIfTrue="1">
      <formula>ISBLANK(AT35)=FALSE</formula>
    </cfRule>
  </conditionalFormatting>
  <conditionalFormatting sqref="AT35:AU36">
    <cfRule type="expression" dxfId="7709" priority="7706" stopIfTrue="1">
      <formula>ISBLANK(AT35)=TRUE</formula>
    </cfRule>
    <cfRule type="expression" dxfId="7708" priority="7707" stopIfTrue="1">
      <formula>INDIRECT("第１の３表②!"&amp;CELL("address",DM35))="×××"</formula>
    </cfRule>
    <cfRule type="expression" dxfId="7707" priority="7708" stopIfTrue="1">
      <formula>INDIRECT("第１の３表②!"&amp;CELL("address",DM35))="××"</formula>
    </cfRule>
    <cfRule type="expression" dxfId="7706" priority="7709" stopIfTrue="1">
      <formula>INDIRECT("第１の３表②!"&amp;CELL("address",DM35))="×"</formula>
    </cfRule>
    <cfRule type="expression" dxfId="7705" priority="7710" stopIfTrue="1">
      <formula>ISBLANK(AT35)=FALSE</formula>
    </cfRule>
  </conditionalFormatting>
  <conditionalFormatting sqref="AT35:AU36">
    <cfRule type="expression" dxfId="7704" priority="7701" stopIfTrue="1">
      <formula>ISBLANK(AT35)=TRUE</formula>
    </cfRule>
    <cfRule type="expression" dxfId="7703" priority="7702" stopIfTrue="1">
      <formula>INDIRECT("第１の３表②!"&amp;CELL("address",DM35))="×××"</formula>
    </cfRule>
    <cfRule type="expression" dxfId="7702" priority="7703" stopIfTrue="1">
      <formula>INDIRECT("第１の３表②!"&amp;CELL("address",DM35))="××"</formula>
    </cfRule>
    <cfRule type="expression" dxfId="7701" priority="7704" stopIfTrue="1">
      <formula>INDIRECT("第１の３表②!"&amp;CELL("address",DM35))="×"</formula>
    </cfRule>
    <cfRule type="expression" dxfId="7700" priority="7705" stopIfTrue="1">
      <formula>ISBLANK(AT35)=FALSE</formula>
    </cfRule>
  </conditionalFormatting>
  <conditionalFormatting sqref="AW35:AX36">
    <cfRule type="expression" dxfId="7699" priority="7696" stopIfTrue="1">
      <formula>ISBLANK(AW35)=TRUE</formula>
    </cfRule>
    <cfRule type="expression" dxfId="7698" priority="7697" stopIfTrue="1">
      <formula>INDIRECT("第１の３表②!"&amp;CELL("address",DP35))="×××"</formula>
    </cfRule>
    <cfRule type="expression" dxfId="7697" priority="7698" stopIfTrue="1">
      <formula>INDIRECT("第１の３表②!"&amp;CELL("address",DP35))="××"</formula>
    </cfRule>
    <cfRule type="expression" dxfId="7696" priority="7699" stopIfTrue="1">
      <formula>INDIRECT("第１の３表②!"&amp;CELL("address",DP35))="×"</formula>
    </cfRule>
    <cfRule type="expression" dxfId="7695" priority="7700" stopIfTrue="1">
      <formula>ISBLANK(AW35)=FALSE</formula>
    </cfRule>
  </conditionalFormatting>
  <conditionalFormatting sqref="AW35:AX36">
    <cfRule type="expression" dxfId="7694" priority="7691" stopIfTrue="1">
      <formula>ISBLANK(AW35)=TRUE</formula>
    </cfRule>
    <cfRule type="expression" dxfId="7693" priority="7692" stopIfTrue="1">
      <formula>INDIRECT("第１の３表②!"&amp;CELL("address",DP35))="×××"</formula>
    </cfRule>
    <cfRule type="expression" dxfId="7692" priority="7693" stopIfTrue="1">
      <formula>INDIRECT("第１の３表②!"&amp;CELL("address",DP35))="××"</formula>
    </cfRule>
    <cfRule type="expression" dxfId="7691" priority="7694" stopIfTrue="1">
      <formula>INDIRECT("第１の３表②!"&amp;CELL("address",DP35))="×"</formula>
    </cfRule>
    <cfRule type="expression" dxfId="7690" priority="7695" stopIfTrue="1">
      <formula>ISBLANK(AW35)=FALSE</formula>
    </cfRule>
  </conditionalFormatting>
  <conditionalFormatting sqref="AW35:AX36">
    <cfRule type="expression" dxfId="7689" priority="7686" stopIfTrue="1">
      <formula>ISBLANK(AW35)=TRUE</formula>
    </cfRule>
    <cfRule type="expression" dxfId="7688" priority="7687" stopIfTrue="1">
      <formula>INDIRECT("第１の３表②!"&amp;CELL("address",DP35))="×××"</formula>
    </cfRule>
    <cfRule type="expression" dxfId="7687" priority="7688" stopIfTrue="1">
      <formula>INDIRECT("第１の３表②!"&amp;CELL("address",DP35))="××"</formula>
    </cfRule>
    <cfRule type="expression" dxfId="7686" priority="7689" stopIfTrue="1">
      <formula>INDIRECT("第１の３表②!"&amp;CELL("address",DP35))="×"</formula>
    </cfRule>
    <cfRule type="expression" dxfId="7685" priority="7690" stopIfTrue="1">
      <formula>ISBLANK(AW35)=FALSE</formula>
    </cfRule>
  </conditionalFormatting>
  <conditionalFormatting sqref="AZ35:BA36">
    <cfRule type="expression" dxfId="7684" priority="7681" stopIfTrue="1">
      <formula>ISBLANK(AZ35)=TRUE</formula>
    </cfRule>
    <cfRule type="expression" dxfId="7683" priority="7682" stopIfTrue="1">
      <formula>INDIRECT("第１の３表②!"&amp;CELL("address",DS35))="×××"</formula>
    </cfRule>
    <cfRule type="expression" dxfId="7682" priority="7683" stopIfTrue="1">
      <formula>INDIRECT("第１の３表②!"&amp;CELL("address",DS35))="××"</formula>
    </cfRule>
    <cfRule type="expression" dxfId="7681" priority="7684" stopIfTrue="1">
      <formula>INDIRECT("第１の３表②!"&amp;CELL("address",DS35))="×"</formula>
    </cfRule>
    <cfRule type="expression" dxfId="7680" priority="7685" stopIfTrue="1">
      <formula>ISBLANK(AZ35)=FALSE</formula>
    </cfRule>
  </conditionalFormatting>
  <conditionalFormatting sqref="AZ35:BA36">
    <cfRule type="expression" dxfId="7679" priority="7676" stopIfTrue="1">
      <formula>ISBLANK(AZ35)=TRUE</formula>
    </cfRule>
    <cfRule type="expression" dxfId="7678" priority="7677" stopIfTrue="1">
      <formula>INDIRECT("第１の３表②!"&amp;CELL("address",DS35))="×××"</formula>
    </cfRule>
    <cfRule type="expression" dxfId="7677" priority="7678" stopIfTrue="1">
      <formula>INDIRECT("第１の３表②!"&amp;CELL("address",DS35))="××"</formula>
    </cfRule>
    <cfRule type="expression" dxfId="7676" priority="7679" stopIfTrue="1">
      <formula>INDIRECT("第１の３表②!"&amp;CELL("address",DS35))="×"</formula>
    </cfRule>
    <cfRule type="expression" dxfId="7675" priority="7680" stopIfTrue="1">
      <formula>ISBLANK(AZ35)=FALSE</formula>
    </cfRule>
  </conditionalFormatting>
  <conditionalFormatting sqref="AZ35:BA36">
    <cfRule type="expression" dxfId="7674" priority="7671" stopIfTrue="1">
      <formula>ISBLANK(AZ35)=TRUE</formula>
    </cfRule>
    <cfRule type="expression" dxfId="7673" priority="7672" stopIfTrue="1">
      <formula>INDIRECT("第１の３表②!"&amp;CELL("address",DS35))="×××"</formula>
    </cfRule>
    <cfRule type="expression" dxfId="7672" priority="7673" stopIfTrue="1">
      <formula>INDIRECT("第１の３表②!"&amp;CELL("address",DS35))="××"</formula>
    </cfRule>
    <cfRule type="expression" dxfId="7671" priority="7674" stopIfTrue="1">
      <formula>INDIRECT("第１の３表②!"&amp;CELL("address",DS35))="×"</formula>
    </cfRule>
    <cfRule type="expression" dxfId="7670" priority="7675" stopIfTrue="1">
      <formula>ISBLANK(AZ35)=FALSE</formula>
    </cfRule>
  </conditionalFormatting>
  <conditionalFormatting sqref="BC35:BD36">
    <cfRule type="expression" dxfId="7669" priority="7666" stopIfTrue="1">
      <formula>ISBLANK(BC35)=TRUE</formula>
    </cfRule>
    <cfRule type="expression" dxfId="7668" priority="7667" stopIfTrue="1">
      <formula>INDIRECT("第１の３表②!"&amp;CELL("address",DV35))="×××"</formula>
    </cfRule>
    <cfRule type="expression" dxfId="7667" priority="7668" stopIfTrue="1">
      <formula>INDIRECT("第１の３表②!"&amp;CELL("address",DV35))="××"</formula>
    </cfRule>
    <cfRule type="expression" dxfId="7666" priority="7669" stopIfTrue="1">
      <formula>INDIRECT("第１の３表②!"&amp;CELL("address",DV35))="×"</formula>
    </cfRule>
    <cfRule type="expression" dxfId="7665" priority="7670" stopIfTrue="1">
      <formula>ISBLANK(BC35)=FALSE</formula>
    </cfRule>
  </conditionalFormatting>
  <conditionalFormatting sqref="BC35:BD36">
    <cfRule type="expression" dxfId="7664" priority="7661" stopIfTrue="1">
      <formula>ISBLANK(BC35)=TRUE</formula>
    </cfRule>
    <cfRule type="expression" dxfId="7663" priority="7662" stopIfTrue="1">
      <formula>INDIRECT("第１の３表②!"&amp;CELL("address",DV35))="×××"</formula>
    </cfRule>
    <cfRule type="expression" dxfId="7662" priority="7663" stopIfTrue="1">
      <formula>INDIRECT("第１の３表②!"&amp;CELL("address",DV35))="××"</formula>
    </cfRule>
    <cfRule type="expression" dxfId="7661" priority="7664" stopIfTrue="1">
      <formula>INDIRECT("第１の３表②!"&amp;CELL("address",DV35))="×"</formula>
    </cfRule>
    <cfRule type="expression" dxfId="7660" priority="7665" stopIfTrue="1">
      <formula>ISBLANK(BC35)=FALSE</formula>
    </cfRule>
  </conditionalFormatting>
  <conditionalFormatting sqref="BC35:BD36">
    <cfRule type="expression" dxfId="7659" priority="7656" stopIfTrue="1">
      <formula>ISBLANK(BC35)=TRUE</formula>
    </cfRule>
    <cfRule type="expression" dxfId="7658" priority="7657" stopIfTrue="1">
      <formula>INDIRECT("第１の３表②!"&amp;CELL("address",DV35))="×××"</formula>
    </cfRule>
    <cfRule type="expression" dxfId="7657" priority="7658" stopIfTrue="1">
      <formula>INDIRECT("第１の３表②!"&amp;CELL("address",DV35))="××"</formula>
    </cfRule>
    <cfRule type="expression" dxfId="7656" priority="7659" stopIfTrue="1">
      <formula>INDIRECT("第１の３表②!"&amp;CELL("address",DV35))="×"</formula>
    </cfRule>
    <cfRule type="expression" dxfId="7655" priority="7660" stopIfTrue="1">
      <formula>ISBLANK(BC35)=FALSE</formula>
    </cfRule>
  </conditionalFormatting>
  <conditionalFormatting sqref="BF35:BG36">
    <cfRule type="expression" dxfId="7654" priority="7651" stopIfTrue="1">
      <formula>ISBLANK(BF35)=TRUE</formula>
    </cfRule>
    <cfRule type="expression" dxfId="7653" priority="7652" stopIfTrue="1">
      <formula>INDIRECT("第１の３表②!"&amp;CELL("address",DY35))="×××"</formula>
    </cfRule>
    <cfRule type="expression" dxfId="7652" priority="7653" stopIfTrue="1">
      <formula>INDIRECT("第１の３表②!"&amp;CELL("address",DY35))="××"</formula>
    </cfRule>
    <cfRule type="expression" dxfId="7651" priority="7654" stopIfTrue="1">
      <formula>INDIRECT("第１の３表②!"&amp;CELL("address",DY35))="×"</formula>
    </cfRule>
    <cfRule type="expression" dxfId="7650" priority="7655" stopIfTrue="1">
      <formula>ISBLANK(BF35)=FALSE</formula>
    </cfRule>
  </conditionalFormatting>
  <conditionalFormatting sqref="BF35:BG36">
    <cfRule type="expression" dxfId="7649" priority="7646" stopIfTrue="1">
      <formula>ISBLANK(BF35)=TRUE</formula>
    </cfRule>
    <cfRule type="expression" dxfId="7648" priority="7647" stopIfTrue="1">
      <formula>INDIRECT("第１の３表②!"&amp;CELL("address",DY35))="×××"</formula>
    </cfRule>
    <cfRule type="expression" dxfId="7647" priority="7648" stopIfTrue="1">
      <formula>INDIRECT("第１の３表②!"&amp;CELL("address",DY35))="××"</formula>
    </cfRule>
    <cfRule type="expression" dxfId="7646" priority="7649" stopIfTrue="1">
      <formula>INDIRECT("第１の３表②!"&amp;CELL("address",DY35))="×"</formula>
    </cfRule>
    <cfRule type="expression" dxfId="7645" priority="7650" stopIfTrue="1">
      <formula>ISBLANK(BF35)=FALSE</formula>
    </cfRule>
  </conditionalFormatting>
  <conditionalFormatting sqref="BF35:BG36">
    <cfRule type="expression" dxfId="7644" priority="7641" stopIfTrue="1">
      <formula>ISBLANK(BF35)=TRUE</formula>
    </cfRule>
    <cfRule type="expression" dxfId="7643" priority="7642" stopIfTrue="1">
      <formula>INDIRECT("第１の３表②!"&amp;CELL("address",DY35))="×××"</formula>
    </cfRule>
    <cfRule type="expression" dxfId="7642" priority="7643" stopIfTrue="1">
      <formula>INDIRECT("第１の３表②!"&amp;CELL("address",DY35))="××"</formula>
    </cfRule>
    <cfRule type="expression" dxfId="7641" priority="7644" stopIfTrue="1">
      <formula>INDIRECT("第１の３表②!"&amp;CELL("address",DY35))="×"</formula>
    </cfRule>
    <cfRule type="expression" dxfId="7640" priority="7645" stopIfTrue="1">
      <formula>ISBLANK(BF35)=FALSE</formula>
    </cfRule>
  </conditionalFormatting>
  <conditionalFormatting sqref="BI35:BJ36">
    <cfRule type="expression" dxfId="7639" priority="7636" stopIfTrue="1">
      <formula>ISBLANK(BI35)=TRUE</formula>
    </cfRule>
    <cfRule type="expression" dxfId="7638" priority="7637" stopIfTrue="1">
      <formula>INDIRECT("第１の３表②!"&amp;CELL("address",EB35))="×××"</formula>
    </cfRule>
    <cfRule type="expression" dxfId="7637" priority="7638" stopIfTrue="1">
      <formula>INDIRECT("第１の３表②!"&amp;CELL("address",EB35))="××"</formula>
    </cfRule>
    <cfRule type="expression" dxfId="7636" priority="7639" stopIfTrue="1">
      <formula>INDIRECT("第１の３表②!"&amp;CELL("address",EB35))="×"</formula>
    </cfRule>
    <cfRule type="expression" dxfId="7635" priority="7640" stopIfTrue="1">
      <formula>ISBLANK(BI35)=FALSE</formula>
    </cfRule>
  </conditionalFormatting>
  <conditionalFormatting sqref="BI35:BJ36">
    <cfRule type="expression" dxfId="7634" priority="7631" stopIfTrue="1">
      <formula>ISBLANK(BI35)=TRUE</formula>
    </cfRule>
    <cfRule type="expression" dxfId="7633" priority="7632" stopIfTrue="1">
      <formula>INDIRECT("第１の３表②!"&amp;CELL("address",EB35))="×××"</formula>
    </cfRule>
    <cfRule type="expression" dxfId="7632" priority="7633" stopIfTrue="1">
      <formula>INDIRECT("第１の３表②!"&amp;CELL("address",EB35))="××"</formula>
    </cfRule>
    <cfRule type="expression" dxfId="7631" priority="7634" stopIfTrue="1">
      <formula>INDIRECT("第１の３表②!"&amp;CELL("address",EB35))="×"</formula>
    </cfRule>
    <cfRule type="expression" dxfId="7630" priority="7635" stopIfTrue="1">
      <formula>ISBLANK(BI35)=FALSE</formula>
    </cfRule>
  </conditionalFormatting>
  <conditionalFormatting sqref="BI35:BJ36">
    <cfRule type="expression" dxfId="7629" priority="7626" stopIfTrue="1">
      <formula>ISBLANK(BI35)=TRUE</formula>
    </cfRule>
    <cfRule type="expression" dxfId="7628" priority="7627" stopIfTrue="1">
      <formula>INDIRECT("第１の３表②!"&amp;CELL("address",EB35))="×××"</formula>
    </cfRule>
    <cfRule type="expression" dxfId="7627" priority="7628" stopIfTrue="1">
      <formula>INDIRECT("第１の３表②!"&amp;CELL("address",EB35))="××"</formula>
    </cfRule>
    <cfRule type="expression" dxfId="7626" priority="7629" stopIfTrue="1">
      <formula>INDIRECT("第１の３表②!"&amp;CELL("address",EB35))="×"</formula>
    </cfRule>
    <cfRule type="expression" dxfId="7625" priority="7630" stopIfTrue="1">
      <formula>ISBLANK(BI35)=FALSE</formula>
    </cfRule>
  </conditionalFormatting>
  <conditionalFormatting sqref="BL35:BM36">
    <cfRule type="expression" dxfId="7624" priority="7621" stopIfTrue="1">
      <formula>ISBLANK(BL35)=TRUE</formula>
    </cfRule>
    <cfRule type="expression" dxfId="7623" priority="7622" stopIfTrue="1">
      <formula>INDIRECT("第１の３表②!"&amp;CELL("address",EE35))="×××"</formula>
    </cfRule>
    <cfRule type="expression" dxfId="7622" priority="7623" stopIfTrue="1">
      <formula>INDIRECT("第１の３表②!"&amp;CELL("address",EE35))="××"</formula>
    </cfRule>
    <cfRule type="expression" dxfId="7621" priority="7624" stopIfTrue="1">
      <formula>INDIRECT("第１の３表②!"&amp;CELL("address",EE35))="×"</formula>
    </cfRule>
    <cfRule type="expression" dxfId="7620" priority="7625" stopIfTrue="1">
      <formula>ISBLANK(BL35)=FALSE</formula>
    </cfRule>
  </conditionalFormatting>
  <conditionalFormatting sqref="BL35:BM36">
    <cfRule type="expression" dxfId="7619" priority="7616" stopIfTrue="1">
      <formula>ISBLANK(BL35)=TRUE</formula>
    </cfRule>
    <cfRule type="expression" dxfId="7618" priority="7617" stopIfTrue="1">
      <formula>INDIRECT("第１の３表②!"&amp;CELL("address",EE35))="×××"</formula>
    </cfRule>
    <cfRule type="expression" dxfId="7617" priority="7618" stopIfTrue="1">
      <formula>INDIRECT("第１の３表②!"&amp;CELL("address",EE35))="××"</formula>
    </cfRule>
    <cfRule type="expression" dxfId="7616" priority="7619" stopIfTrue="1">
      <formula>INDIRECT("第１の３表②!"&amp;CELL("address",EE35))="×"</formula>
    </cfRule>
    <cfRule type="expression" dxfId="7615" priority="7620" stopIfTrue="1">
      <formula>ISBLANK(BL35)=FALSE</formula>
    </cfRule>
  </conditionalFormatting>
  <conditionalFormatting sqref="BL35:BM36">
    <cfRule type="expression" dxfId="7614" priority="7611" stopIfTrue="1">
      <formula>ISBLANK(BL35)=TRUE</formula>
    </cfRule>
    <cfRule type="expression" dxfId="7613" priority="7612" stopIfTrue="1">
      <formula>INDIRECT("第１の３表②!"&amp;CELL("address",EE35))="×××"</formula>
    </cfRule>
    <cfRule type="expression" dxfId="7612" priority="7613" stopIfTrue="1">
      <formula>INDIRECT("第１の３表②!"&amp;CELL("address",EE35))="××"</formula>
    </cfRule>
    <cfRule type="expression" dxfId="7611" priority="7614" stopIfTrue="1">
      <formula>INDIRECT("第１の３表②!"&amp;CELL("address",EE35))="×"</formula>
    </cfRule>
    <cfRule type="expression" dxfId="7610" priority="7615" stopIfTrue="1">
      <formula>ISBLANK(BL35)=FALSE</formula>
    </cfRule>
  </conditionalFormatting>
  <conditionalFormatting sqref="BO35:BP36">
    <cfRule type="expression" dxfId="7609" priority="7606" stopIfTrue="1">
      <formula>ISBLANK(BO35)=TRUE</formula>
    </cfRule>
    <cfRule type="expression" dxfId="7608" priority="7607" stopIfTrue="1">
      <formula>INDIRECT("第１の３表②!"&amp;CELL("address",EH35))="×××"</formula>
    </cfRule>
    <cfRule type="expression" dxfId="7607" priority="7608" stopIfTrue="1">
      <formula>INDIRECT("第１の３表②!"&amp;CELL("address",EH35))="××"</formula>
    </cfRule>
    <cfRule type="expression" dxfId="7606" priority="7609" stopIfTrue="1">
      <formula>INDIRECT("第１の３表②!"&amp;CELL("address",EH35))="×"</formula>
    </cfRule>
    <cfRule type="expression" dxfId="7605" priority="7610" stopIfTrue="1">
      <formula>ISBLANK(BO35)=FALSE</formula>
    </cfRule>
  </conditionalFormatting>
  <conditionalFormatting sqref="BO35:BP36">
    <cfRule type="expression" dxfId="7604" priority="7601" stopIfTrue="1">
      <formula>ISBLANK(BO35)=TRUE</formula>
    </cfRule>
    <cfRule type="expression" dxfId="7603" priority="7602" stopIfTrue="1">
      <formula>INDIRECT("第１の３表②!"&amp;CELL("address",EH35))="×××"</formula>
    </cfRule>
    <cfRule type="expression" dxfId="7602" priority="7603" stopIfTrue="1">
      <formula>INDIRECT("第１の３表②!"&amp;CELL("address",EH35))="××"</formula>
    </cfRule>
    <cfRule type="expression" dxfId="7601" priority="7604" stopIfTrue="1">
      <formula>INDIRECT("第１の３表②!"&amp;CELL("address",EH35))="×"</formula>
    </cfRule>
    <cfRule type="expression" dxfId="7600" priority="7605" stopIfTrue="1">
      <formula>ISBLANK(BO35)=FALSE</formula>
    </cfRule>
  </conditionalFormatting>
  <conditionalFormatting sqref="BO35:BP36">
    <cfRule type="expression" dxfId="7599" priority="7596" stopIfTrue="1">
      <formula>ISBLANK(BO35)=TRUE</formula>
    </cfRule>
    <cfRule type="expression" dxfId="7598" priority="7597" stopIfTrue="1">
      <formula>INDIRECT("第１の３表②!"&amp;CELL("address",EH35))="×××"</formula>
    </cfRule>
    <cfRule type="expression" dxfId="7597" priority="7598" stopIfTrue="1">
      <formula>INDIRECT("第１の３表②!"&amp;CELL("address",EH35))="××"</formula>
    </cfRule>
    <cfRule type="expression" dxfId="7596" priority="7599" stopIfTrue="1">
      <formula>INDIRECT("第１の３表②!"&amp;CELL("address",EH35))="×"</formula>
    </cfRule>
    <cfRule type="expression" dxfId="7595" priority="7600" stopIfTrue="1">
      <formula>ISBLANK(BO35)=FALSE</formula>
    </cfRule>
  </conditionalFormatting>
  <conditionalFormatting sqref="J38:K39">
    <cfRule type="expression" dxfId="7594" priority="7591" stopIfTrue="1">
      <formula>ISBLANK(J38)=TRUE</formula>
    </cfRule>
    <cfRule type="expression" dxfId="7593" priority="7592" stopIfTrue="1">
      <formula>INDIRECT("第１の３表②!"&amp;CELL("address",CC38))="×××"</formula>
    </cfRule>
    <cfRule type="expression" dxfId="7592" priority="7593" stopIfTrue="1">
      <formula>INDIRECT("第１の３表②!"&amp;CELL("address",CC38))="××"</formula>
    </cfRule>
    <cfRule type="expression" dxfId="7591" priority="7594" stopIfTrue="1">
      <formula>INDIRECT("第１の３表②!"&amp;CELL("address",CC38))="×"</formula>
    </cfRule>
    <cfRule type="expression" dxfId="7590" priority="7595" stopIfTrue="1">
      <formula>ISBLANK(J38)=FALSE</formula>
    </cfRule>
  </conditionalFormatting>
  <conditionalFormatting sqref="J38:K39">
    <cfRule type="expression" dxfId="7589" priority="7586" stopIfTrue="1">
      <formula>ISBLANK(J38)=TRUE</formula>
    </cfRule>
    <cfRule type="expression" dxfId="7588" priority="7587" stopIfTrue="1">
      <formula>INDIRECT("第１の３表②!"&amp;CELL("address",CC38))="×××"</formula>
    </cfRule>
    <cfRule type="expression" dxfId="7587" priority="7588" stopIfTrue="1">
      <formula>INDIRECT("第１の３表②!"&amp;CELL("address",CC38))="××"</formula>
    </cfRule>
    <cfRule type="expression" dxfId="7586" priority="7589" stopIfTrue="1">
      <formula>INDIRECT("第１の３表②!"&amp;CELL("address",CC38))="×"</formula>
    </cfRule>
    <cfRule type="expression" dxfId="7585" priority="7590" stopIfTrue="1">
      <formula>ISBLANK(J38)=FALSE</formula>
    </cfRule>
  </conditionalFormatting>
  <conditionalFormatting sqref="J38:K39">
    <cfRule type="expression" dxfId="7584" priority="7581" stopIfTrue="1">
      <formula>ISBLANK(J38)=TRUE</formula>
    </cfRule>
    <cfRule type="expression" dxfId="7583" priority="7582" stopIfTrue="1">
      <formula>INDIRECT("第１の３表②!"&amp;CELL("address",CC38))="×××"</formula>
    </cfRule>
    <cfRule type="expression" dxfId="7582" priority="7583" stopIfTrue="1">
      <formula>INDIRECT("第１の３表②!"&amp;CELL("address",CC38))="××"</formula>
    </cfRule>
    <cfRule type="expression" dxfId="7581" priority="7584" stopIfTrue="1">
      <formula>INDIRECT("第１の３表②!"&amp;CELL("address",CC38))="×"</formula>
    </cfRule>
    <cfRule type="expression" dxfId="7580" priority="7585" stopIfTrue="1">
      <formula>ISBLANK(J38)=FALSE</formula>
    </cfRule>
  </conditionalFormatting>
  <conditionalFormatting sqref="M38:N39">
    <cfRule type="expression" dxfId="7579" priority="7576" stopIfTrue="1">
      <formula>ISBLANK(M38)=TRUE</formula>
    </cfRule>
    <cfRule type="expression" dxfId="7578" priority="7577" stopIfTrue="1">
      <formula>INDIRECT("第１の３表②!"&amp;CELL("address",CF38))="×××"</formula>
    </cfRule>
    <cfRule type="expression" dxfId="7577" priority="7578" stopIfTrue="1">
      <formula>INDIRECT("第１の３表②!"&amp;CELL("address",CF38))="××"</formula>
    </cfRule>
    <cfRule type="expression" dxfId="7576" priority="7579" stopIfTrue="1">
      <formula>INDIRECT("第１の３表②!"&amp;CELL("address",CF38))="×"</formula>
    </cfRule>
    <cfRule type="expression" dxfId="7575" priority="7580" stopIfTrue="1">
      <formula>ISBLANK(M38)=FALSE</formula>
    </cfRule>
  </conditionalFormatting>
  <conditionalFormatting sqref="M38:N39">
    <cfRule type="expression" dxfId="7574" priority="7571" stopIfTrue="1">
      <formula>ISBLANK(M38)=TRUE</formula>
    </cfRule>
    <cfRule type="expression" dxfId="7573" priority="7572" stopIfTrue="1">
      <formula>INDIRECT("第１の３表②!"&amp;CELL("address",CF38))="×××"</formula>
    </cfRule>
    <cfRule type="expression" dxfId="7572" priority="7573" stopIfTrue="1">
      <formula>INDIRECT("第１の３表②!"&amp;CELL("address",CF38))="××"</formula>
    </cfRule>
    <cfRule type="expression" dxfId="7571" priority="7574" stopIfTrue="1">
      <formula>INDIRECT("第１の３表②!"&amp;CELL("address",CF38))="×"</formula>
    </cfRule>
    <cfRule type="expression" dxfId="7570" priority="7575" stopIfTrue="1">
      <formula>ISBLANK(M38)=FALSE</formula>
    </cfRule>
  </conditionalFormatting>
  <conditionalFormatting sqref="M38:N39">
    <cfRule type="expression" dxfId="7569" priority="7566" stopIfTrue="1">
      <formula>ISBLANK(M38)=TRUE</formula>
    </cfRule>
    <cfRule type="expression" dxfId="7568" priority="7567" stopIfTrue="1">
      <formula>INDIRECT("第１の３表②!"&amp;CELL("address",CF38))="×××"</formula>
    </cfRule>
    <cfRule type="expression" dxfId="7567" priority="7568" stopIfTrue="1">
      <formula>INDIRECT("第１の３表②!"&amp;CELL("address",CF38))="××"</formula>
    </cfRule>
    <cfRule type="expression" dxfId="7566" priority="7569" stopIfTrue="1">
      <formula>INDIRECT("第１の３表②!"&amp;CELL("address",CF38))="×"</formula>
    </cfRule>
    <cfRule type="expression" dxfId="7565" priority="7570" stopIfTrue="1">
      <formula>ISBLANK(M38)=FALSE</formula>
    </cfRule>
  </conditionalFormatting>
  <conditionalFormatting sqref="P38:Q39">
    <cfRule type="expression" dxfId="7564" priority="7561" stopIfTrue="1">
      <formula>ISBLANK(P38)=TRUE</formula>
    </cfRule>
    <cfRule type="expression" dxfId="7563" priority="7562" stopIfTrue="1">
      <formula>INDIRECT("第１の３表②!"&amp;CELL("address",CI38))="×××"</formula>
    </cfRule>
    <cfRule type="expression" dxfId="7562" priority="7563" stopIfTrue="1">
      <formula>INDIRECT("第１の３表②!"&amp;CELL("address",CI38))="××"</formula>
    </cfRule>
    <cfRule type="expression" dxfId="7561" priority="7564" stopIfTrue="1">
      <formula>INDIRECT("第１の３表②!"&amp;CELL("address",CI38))="×"</formula>
    </cfRule>
    <cfRule type="expression" dxfId="7560" priority="7565" stopIfTrue="1">
      <formula>ISBLANK(P38)=FALSE</formula>
    </cfRule>
  </conditionalFormatting>
  <conditionalFormatting sqref="P38:Q39">
    <cfRule type="expression" dxfId="7559" priority="7556" stopIfTrue="1">
      <formula>ISBLANK(P38)=TRUE</formula>
    </cfRule>
    <cfRule type="expression" dxfId="7558" priority="7557" stopIfTrue="1">
      <formula>INDIRECT("第１の３表②!"&amp;CELL("address",CI38))="×××"</formula>
    </cfRule>
    <cfRule type="expression" dxfId="7557" priority="7558" stopIfTrue="1">
      <formula>INDIRECT("第１の３表②!"&amp;CELL("address",CI38))="××"</formula>
    </cfRule>
    <cfRule type="expression" dxfId="7556" priority="7559" stopIfTrue="1">
      <formula>INDIRECT("第１の３表②!"&amp;CELL("address",CI38))="×"</formula>
    </cfRule>
    <cfRule type="expression" dxfId="7555" priority="7560" stopIfTrue="1">
      <formula>ISBLANK(P38)=FALSE</formula>
    </cfRule>
  </conditionalFormatting>
  <conditionalFormatting sqref="P38:Q39">
    <cfRule type="expression" dxfId="7554" priority="7551" stopIfTrue="1">
      <formula>ISBLANK(P38)=TRUE</formula>
    </cfRule>
    <cfRule type="expression" dxfId="7553" priority="7552" stopIfTrue="1">
      <formula>INDIRECT("第１の３表②!"&amp;CELL("address",CI38))="×××"</formula>
    </cfRule>
    <cfRule type="expression" dxfId="7552" priority="7553" stopIfTrue="1">
      <formula>INDIRECT("第１の３表②!"&amp;CELL("address",CI38))="××"</formula>
    </cfRule>
    <cfRule type="expression" dxfId="7551" priority="7554" stopIfTrue="1">
      <formula>INDIRECT("第１の３表②!"&amp;CELL("address",CI38))="×"</formula>
    </cfRule>
    <cfRule type="expression" dxfId="7550" priority="7555" stopIfTrue="1">
      <formula>ISBLANK(P38)=FALSE</formula>
    </cfRule>
  </conditionalFormatting>
  <conditionalFormatting sqref="S38:T39">
    <cfRule type="expression" dxfId="7549" priority="7546" stopIfTrue="1">
      <formula>ISBLANK(S38)=TRUE</formula>
    </cfRule>
    <cfRule type="expression" dxfId="7548" priority="7547" stopIfTrue="1">
      <formula>INDIRECT("第１の３表②!"&amp;CELL("address",CL38))="×××"</formula>
    </cfRule>
    <cfRule type="expression" dxfId="7547" priority="7548" stopIfTrue="1">
      <formula>INDIRECT("第１の３表②!"&amp;CELL("address",CL38))="××"</formula>
    </cfRule>
    <cfRule type="expression" dxfId="7546" priority="7549" stopIfTrue="1">
      <formula>INDIRECT("第１の３表②!"&amp;CELL("address",CL38))="×"</formula>
    </cfRule>
    <cfRule type="expression" dxfId="7545" priority="7550" stopIfTrue="1">
      <formula>ISBLANK(S38)=FALSE</formula>
    </cfRule>
  </conditionalFormatting>
  <conditionalFormatting sqref="S38:T39">
    <cfRule type="expression" dxfId="7544" priority="7541" stopIfTrue="1">
      <formula>ISBLANK(S38)=TRUE</formula>
    </cfRule>
    <cfRule type="expression" dxfId="7543" priority="7542" stopIfTrue="1">
      <formula>INDIRECT("第１の３表②!"&amp;CELL("address",CL38))="×××"</formula>
    </cfRule>
    <cfRule type="expression" dxfId="7542" priority="7543" stopIfTrue="1">
      <formula>INDIRECT("第１の３表②!"&amp;CELL("address",CL38))="××"</formula>
    </cfRule>
    <cfRule type="expression" dxfId="7541" priority="7544" stopIfTrue="1">
      <formula>INDIRECT("第１の３表②!"&amp;CELL("address",CL38))="×"</formula>
    </cfRule>
    <cfRule type="expression" dxfId="7540" priority="7545" stopIfTrue="1">
      <formula>ISBLANK(S38)=FALSE</formula>
    </cfRule>
  </conditionalFormatting>
  <conditionalFormatting sqref="S38:T39">
    <cfRule type="expression" dxfId="7539" priority="7536" stopIfTrue="1">
      <formula>ISBLANK(S38)=TRUE</formula>
    </cfRule>
    <cfRule type="expression" dxfId="7538" priority="7537" stopIfTrue="1">
      <formula>INDIRECT("第１の３表②!"&amp;CELL("address",CL38))="×××"</formula>
    </cfRule>
    <cfRule type="expression" dxfId="7537" priority="7538" stopIfTrue="1">
      <formula>INDIRECT("第１の３表②!"&amp;CELL("address",CL38))="××"</formula>
    </cfRule>
    <cfRule type="expression" dxfId="7536" priority="7539" stopIfTrue="1">
      <formula>INDIRECT("第１の３表②!"&amp;CELL("address",CL38))="×"</formula>
    </cfRule>
    <cfRule type="expression" dxfId="7535" priority="7540" stopIfTrue="1">
      <formula>ISBLANK(S38)=FALSE</formula>
    </cfRule>
  </conditionalFormatting>
  <conditionalFormatting sqref="V38:W39">
    <cfRule type="expression" dxfId="7534" priority="7531" stopIfTrue="1">
      <formula>ISBLANK(V38)=TRUE</formula>
    </cfRule>
    <cfRule type="expression" dxfId="7533" priority="7532" stopIfTrue="1">
      <formula>INDIRECT("第１の３表②!"&amp;CELL("address",CO38))="×××"</formula>
    </cfRule>
    <cfRule type="expression" dxfId="7532" priority="7533" stopIfTrue="1">
      <formula>INDIRECT("第１の３表②!"&amp;CELL("address",CO38))="××"</formula>
    </cfRule>
    <cfRule type="expression" dxfId="7531" priority="7534" stopIfTrue="1">
      <formula>INDIRECT("第１の３表②!"&amp;CELL("address",CO38))="×"</formula>
    </cfRule>
    <cfRule type="expression" dxfId="7530" priority="7535" stopIfTrue="1">
      <formula>ISBLANK(V38)=FALSE</formula>
    </cfRule>
  </conditionalFormatting>
  <conditionalFormatting sqref="V38:W39">
    <cfRule type="expression" dxfId="7529" priority="7526" stopIfTrue="1">
      <formula>ISBLANK(V38)=TRUE</formula>
    </cfRule>
    <cfRule type="expression" dxfId="7528" priority="7527" stopIfTrue="1">
      <formula>INDIRECT("第１の３表②!"&amp;CELL("address",CO38))="×××"</formula>
    </cfRule>
    <cfRule type="expression" dxfId="7527" priority="7528" stopIfTrue="1">
      <formula>INDIRECT("第１の３表②!"&amp;CELL("address",CO38))="××"</formula>
    </cfRule>
    <cfRule type="expression" dxfId="7526" priority="7529" stopIfTrue="1">
      <formula>INDIRECT("第１の３表②!"&amp;CELL("address",CO38))="×"</formula>
    </cfRule>
    <cfRule type="expression" dxfId="7525" priority="7530" stopIfTrue="1">
      <formula>ISBLANK(V38)=FALSE</formula>
    </cfRule>
  </conditionalFormatting>
  <conditionalFormatting sqref="V38:W39">
    <cfRule type="expression" dxfId="7524" priority="7521" stopIfTrue="1">
      <formula>ISBLANK(V38)=TRUE</formula>
    </cfRule>
    <cfRule type="expression" dxfId="7523" priority="7522" stopIfTrue="1">
      <formula>INDIRECT("第１の３表②!"&amp;CELL("address",CO38))="×××"</formula>
    </cfRule>
    <cfRule type="expression" dxfId="7522" priority="7523" stopIfTrue="1">
      <formula>INDIRECT("第１の３表②!"&amp;CELL("address",CO38))="××"</formula>
    </cfRule>
    <cfRule type="expression" dxfId="7521" priority="7524" stopIfTrue="1">
      <formula>INDIRECT("第１の３表②!"&amp;CELL("address",CO38))="×"</formula>
    </cfRule>
    <cfRule type="expression" dxfId="7520" priority="7525" stopIfTrue="1">
      <formula>ISBLANK(V38)=FALSE</formula>
    </cfRule>
  </conditionalFormatting>
  <conditionalFormatting sqref="Y38:Z39">
    <cfRule type="expression" dxfId="7519" priority="7516" stopIfTrue="1">
      <formula>ISBLANK(Y38)=TRUE</formula>
    </cfRule>
    <cfRule type="expression" dxfId="7518" priority="7517" stopIfTrue="1">
      <formula>INDIRECT("第１の３表②!"&amp;CELL("address",CR38))="×××"</formula>
    </cfRule>
    <cfRule type="expression" dxfId="7517" priority="7518" stopIfTrue="1">
      <formula>INDIRECT("第１の３表②!"&amp;CELL("address",CR38))="××"</formula>
    </cfRule>
    <cfRule type="expression" dxfId="7516" priority="7519" stopIfTrue="1">
      <formula>INDIRECT("第１の３表②!"&amp;CELL("address",CR38))="×"</formula>
    </cfRule>
    <cfRule type="expression" dxfId="7515" priority="7520" stopIfTrue="1">
      <formula>ISBLANK(Y38)=FALSE</formula>
    </cfRule>
  </conditionalFormatting>
  <conditionalFormatting sqref="Y38:Z39">
    <cfRule type="expression" dxfId="7514" priority="7511" stopIfTrue="1">
      <formula>ISBLANK(Y38)=TRUE</formula>
    </cfRule>
    <cfRule type="expression" dxfId="7513" priority="7512" stopIfTrue="1">
      <formula>INDIRECT("第１の３表②!"&amp;CELL("address",CR38))="×××"</formula>
    </cfRule>
    <cfRule type="expression" dxfId="7512" priority="7513" stopIfTrue="1">
      <formula>INDIRECT("第１の３表②!"&amp;CELL("address",CR38))="××"</formula>
    </cfRule>
    <cfRule type="expression" dxfId="7511" priority="7514" stopIfTrue="1">
      <formula>INDIRECT("第１の３表②!"&amp;CELL("address",CR38))="×"</formula>
    </cfRule>
    <cfRule type="expression" dxfId="7510" priority="7515" stopIfTrue="1">
      <formula>ISBLANK(Y38)=FALSE</formula>
    </cfRule>
  </conditionalFormatting>
  <conditionalFormatting sqref="Y38:Z39">
    <cfRule type="expression" dxfId="7509" priority="7506" stopIfTrue="1">
      <formula>ISBLANK(Y38)=TRUE</formula>
    </cfRule>
    <cfRule type="expression" dxfId="7508" priority="7507" stopIfTrue="1">
      <formula>INDIRECT("第１の３表②!"&amp;CELL("address",CR38))="×××"</formula>
    </cfRule>
    <cfRule type="expression" dxfId="7507" priority="7508" stopIfTrue="1">
      <formula>INDIRECT("第１の３表②!"&amp;CELL("address",CR38))="××"</formula>
    </cfRule>
    <cfRule type="expression" dxfId="7506" priority="7509" stopIfTrue="1">
      <formula>INDIRECT("第１の３表②!"&amp;CELL("address",CR38))="×"</formula>
    </cfRule>
    <cfRule type="expression" dxfId="7505" priority="7510" stopIfTrue="1">
      <formula>ISBLANK(Y38)=FALSE</formula>
    </cfRule>
  </conditionalFormatting>
  <conditionalFormatting sqref="AB38:AC39">
    <cfRule type="expression" dxfId="7504" priority="7501" stopIfTrue="1">
      <formula>ISBLANK(AB38)=TRUE</formula>
    </cfRule>
    <cfRule type="expression" dxfId="7503" priority="7502" stopIfTrue="1">
      <formula>INDIRECT("第１の３表②!"&amp;CELL("address",CU38))="×××"</formula>
    </cfRule>
    <cfRule type="expression" dxfId="7502" priority="7503" stopIfTrue="1">
      <formula>INDIRECT("第１の３表②!"&amp;CELL("address",CU38))="××"</formula>
    </cfRule>
    <cfRule type="expression" dxfId="7501" priority="7504" stopIfTrue="1">
      <formula>INDIRECT("第１の３表②!"&amp;CELL("address",CU38))="×"</formula>
    </cfRule>
    <cfRule type="expression" dxfId="7500" priority="7505" stopIfTrue="1">
      <formula>ISBLANK(AB38)=FALSE</formula>
    </cfRule>
  </conditionalFormatting>
  <conditionalFormatting sqref="AB38:AC39">
    <cfRule type="expression" dxfId="7499" priority="7496" stopIfTrue="1">
      <formula>ISBLANK(AB38)=TRUE</formula>
    </cfRule>
    <cfRule type="expression" dxfId="7498" priority="7497" stopIfTrue="1">
      <formula>INDIRECT("第１の３表②!"&amp;CELL("address",CU38))="×××"</formula>
    </cfRule>
    <cfRule type="expression" dxfId="7497" priority="7498" stopIfTrue="1">
      <formula>INDIRECT("第１の３表②!"&amp;CELL("address",CU38))="××"</formula>
    </cfRule>
    <cfRule type="expression" dxfId="7496" priority="7499" stopIfTrue="1">
      <formula>INDIRECT("第１の３表②!"&amp;CELL("address",CU38))="×"</formula>
    </cfRule>
    <cfRule type="expression" dxfId="7495" priority="7500" stopIfTrue="1">
      <formula>ISBLANK(AB38)=FALSE</formula>
    </cfRule>
  </conditionalFormatting>
  <conditionalFormatting sqref="AB38:AC39">
    <cfRule type="expression" dxfId="7494" priority="7491" stopIfTrue="1">
      <formula>ISBLANK(AB38)=TRUE</formula>
    </cfRule>
    <cfRule type="expression" dxfId="7493" priority="7492" stopIfTrue="1">
      <formula>INDIRECT("第１の３表②!"&amp;CELL("address",CU38))="×××"</formula>
    </cfRule>
    <cfRule type="expression" dxfId="7492" priority="7493" stopIfTrue="1">
      <formula>INDIRECT("第１の３表②!"&amp;CELL("address",CU38))="××"</formula>
    </cfRule>
    <cfRule type="expression" dxfId="7491" priority="7494" stopIfTrue="1">
      <formula>INDIRECT("第１の３表②!"&amp;CELL("address",CU38))="×"</formula>
    </cfRule>
    <cfRule type="expression" dxfId="7490" priority="7495" stopIfTrue="1">
      <formula>ISBLANK(AB38)=FALSE</formula>
    </cfRule>
  </conditionalFormatting>
  <conditionalFormatting sqref="AE38:AF39">
    <cfRule type="expression" dxfId="7489" priority="7486" stopIfTrue="1">
      <formula>ISBLANK(AE38)=TRUE</formula>
    </cfRule>
    <cfRule type="expression" dxfId="7488" priority="7487" stopIfTrue="1">
      <formula>INDIRECT("第１の３表②!"&amp;CELL("address",CX38))="×××"</formula>
    </cfRule>
    <cfRule type="expression" dxfId="7487" priority="7488" stopIfTrue="1">
      <formula>INDIRECT("第１の３表②!"&amp;CELL("address",CX38))="××"</formula>
    </cfRule>
    <cfRule type="expression" dxfId="7486" priority="7489" stopIfTrue="1">
      <formula>INDIRECT("第１の３表②!"&amp;CELL("address",CX38))="×"</formula>
    </cfRule>
    <cfRule type="expression" dxfId="7485" priority="7490" stopIfTrue="1">
      <formula>ISBLANK(AE38)=FALSE</formula>
    </cfRule>
  </conditionalFormatting>
  <conditionalFormatting sqref="AE38:AF39">
    <cfRule type="expression" dxfId="7484" priority="7481" stopIfTrue="1">
      <formula>ISBLANK(AE38)=TRUE</formula>
    </cfRule>
    <cfRule type="expression" dxfId="7483" priority="7482" stopIfTrue="1">
      <formula>INDIRECT("第１の３表②!"&amp;CELL("address",CX38))="×××"</formula>
    </cfRule>
    <cfRule type="expression" dxfId="7482" priority="7483" stopIfTrue="1">
      <formula>INDIRECT("第１の３表②!"&amp;CELL("address",CX38))="××"</formula>
    </cfRule>
    <cfRule type="expression" dxfId="7481" priority="7484" stopIfTrue="1">
      <formula>INDIRECT("第１の３表②!"&amp;CELL("address",CX38))="×"</formula>
    </cfRule>
    <cfRule type="expression" dxfId="7480" priority="7485" stopIfTrue="1">
      <formula>ISBLANK(AE38)=FALSE</formula>
    </cfRule>
  </conditionalFormatting>
  <conditionalFormatting sqref="AE38:AF39">
    <cfRule type="expression" dxfId="7479" priority="7476" stopIfTrue="1">
      <formula>ISBLANK(AE38)=TRUE</formula>
    </cfRule>
    <cfRule type="expression" dxfId="7478" priority="7477" stopIfTrue="1">
      <formula>INDIRECT("第１の３表②!"&amp;CELL("address",CX38))="×××"</formula>
    </cfRule>
    <cfRule type="expression" dxfId="7477" priority="7478" stopIfTrue="1">
      <formula>INDIRECT("第１の３表②!"&amp;CELL("address",CX38))="××"</formula>
    </cfRule>
    <cfRule type="expression" dxfId="7476" priority="7479" stopIfTrue="1">
      <formula>INDIRECT("第１の３表②!"&amp;CELL("address",CX38))="×"</formula>
    </cfRule>
    <cfRule type="expression" dxfId="7475" priority="7480" stopIfTrue="1">
      <formula>ISBLANK(AE38)=FALSE</formula>
    </cfRule>
  </conditionalFormatting>
  <conditionalFormatting sqref="AH38:AI39">
    <cfRule type="expression" dxfId="7474" priority="7471" stopIfTrue="1">
      <formula>ISBLANK(AH38)=TRUE</formula>
    </cfRule>
    <cfRule type="expression" dxfId="7473" priority="7472" stopIfTrue="1">
      <formula>INDIRECT("第１の３表②!"&amp;CELL("address",DA38))="×××"</formula>
    </cfRule>
    <cfRule type="expression" dxfId="7472" priority="7473" stopIfTrue="1">
      <formula>INDIRECT("第１の３表②!"&amp;CELL("address",DA38))="××"</formula>
    </cfRule>
    <cfRule type="expression" dxfId="7471" priority="7474" stopIfTrue="1">
      <formula>INDIRECT("第１の３表②!"&amp;CELL("address",DA38))="×"</formula>
    </cfRule>
    <cfRule type="expression" dxfId="7470" priority="7475" stopIfTrue="1">
      <formula>ISBLANK(AH38)=FALSE</formula>
    </cfRule>
  </conditionalFormatting>
  <conditionalFormatting sqref="AH38:AI39">
    <cfRule type="expression" dxfId="7469" priority="7466" stopIfTrue="1">
      <formula>ISBLANK(AH38)=TRUE</formula>
    </cfRule>
    <cfRule type="expression" dxfId="7468" priority="7467" stopIfTrue="1">
      <formula>INDIRECT("第１の３表②!"&amp;CELL("address",DA38))="×××"</formula>
    </cfRule>
    <cfRule type="expression" dxfId="7467" priority="7468" stopIfTrue="1">
      <formula>INDIRECT("第１の３表②!"&amp;CELL("address",DA38))="××"</formula>
    </cfRule>
    <cfRule type="expression" dxfId="7466" priority="7469" stopIfTrue="1">
      <formula>INDIRECT("第１の３表②!"&amp;CELL("address",DA38))="×"</formula>
    </cfRule>
    <cfRule type="expression" dxfId="7465" priority="7470" stopIfTrue="1">
      <formula>ISBLANK(AH38)=FALSE</formula>
    </cfRule>
  </conditionalFormatting>
  <conditionalFormatting sqref="AH38:AI39">
    <cfRule type="expression" dxfId="7464" priority="7461" stopIfTrue="1">
      <formula>ISBLANK(AH38)=TRUE</formula>
    </cfRule>
    <cfRule type="expression" dxfId="7463" priority="7462" stopIfTrue="1">
      <formula>INDIRECT("第１の３表②!"&amp;CELL("address",DA38))="×××"</formula>
    </cfRule>
    <cfRule type="expression" dxfId="7462" priority="7463" stopIfTrue="1">
      <formula>INDIRECT("第１の３表②!"&amp;CELL("address",DA38))="××"</formula>
    </cfRule>
    <cfRule type="expression" dxfId="7461" priority="7464" stopIfTrue="1">
      <formula>INDIRECT("第１の３表②!"&amp;CELL("address",DA38))="×"</formula>
    </cfRule>
    <cfRule type="expression" dxfId="7460" priority="7465" stopIfTrue="1">
      <formula>ISBLANK(AH38)=FALSE</formula>
    </cfRule>
  </conditionalFormatting>
  <conditionalFormatting sqref="AK38:AL39">
    <cfRule type="expression" dxfId="7459" priority="7456" stopIfTrue="1">
      <formula>ISBLANK(AK38)=TRUE</formula>
    </cfRule>
    <cfRule type="expression" dxfId="7458" priority="7457" stopIfTrue="1">
      <formula>INDIRECT("第１の３表②!"&amp;CELL("address",DD38))="×××"</formula>
    </cfRule>
    <cfRule type="expression" dxfId="7457" priority="7458" stopIfTrue="1">
      <formula>INDIRECT("第１の３表②!"&amp;CELL("address",DD38))="××"</formula>
    </cfRule>
    <cfRule type="expression" dxfId="7456" priority="7459" stopIfTrue="1">
      <formula>INDIRECT("第１の３表②!"&amp;CELL("address",DD38))="×"</formula>
    </cfRule>
    <cfRule type="expression" dxfId="7455" priority="7460" stopIfTrue="1">
      <formula>ISBLANK(AK38)=FALSE</formula>
    </cfRule>
  </conditionalFormatting>
  <conditionalFormatting sqref="AK38:AL39">
    <cfRule type="expression" dxfId="7454" priority="7451" stopIfTrue="1">
      <formula>ISBLANK(AK38)=TRUE</formula>
    </cfRule>
    <cfRule type="expression" dxfId="7453" priority="7452" stopIfTrue="1">
      <formula>INDIRECT("第１の３表②!"&amp;CELL("address",DD38))="×××"</formula>
    </cfRule>
    <cfRule type="expression" dxfId="7452" priority="7453" stopIfTrue="1">
      <formula>INDIRECT("第１の３表②!"&amp;CELL("address",DD38))="××"</formula>
    </cfRule>
    <cfRule type="expression" dxfId="7451" priority="7454" stopIfTrue="1">
      <formula>INDIRECT("第１の３表②!"&amp;CELL("address",DD38))="×"</formula>
    </cfRule>
    <cfRule type="expression" dxfId="7450" priority="7455" stopIfTrue="1">
      <formula>ISBLANK(AK38)=FALSE</formula>
    </cfRule>
  </conditionalFormatting>
  <conditionalFormatting sqref="AK38:AL39">
    <cfRule type="expression" dxfId="7449" priority="7446" stopIfTrue="1">
      <formula>ISBLANK(AK38)=TRUE</formula>
    </cfRule>
    <cfRule type="expression" dxfId="7448" priority="7447" stopIfTrue="1">
      <formula>INDIRECT("第１の３表②!"&amp;CELL("address",DD38))="×××"</formula>
    </cfRule>
    <cfRule type="expression" dxfId="7447" priority="7448" stopIfTrue="1">
      <formula>INDIRECT("第１の３表②!"&amp;CELL("address",DD38))="××"</formula>
    </cfRule>
    <cfRule type="expression" dxfId="7446" priority="7449" stopIfTrue="1">
      <formula>INDIRECT("第１の３表②!"&amp;CELL("address",DD38))="×"</formula>
    </cfRule>
    <cfRule type="expression" dxfId="7445" priority="7450" stopIfTrue="1">
      <formula>ISBLANK(AK38)=FALSE</formula>
    </cfRule>
  </conditionalFormatting>
  <conditionalFormatting sqref="AN38:AO39">
    <cfRule type="expression" dxfId="7444" priority="7441" stopIfTrue="1">
      <formula>ISBLANK(AN38)=TRUE</formula>
    </cfRule>
    <cfRule type="expression" dxfId="7443" priority="7442" stopIfTrue="1">
      <formula>INDIRECT("第１の３表②!"&amp;CELL("address",DG38))="×××"</formula>
    </cfRule>
    <cfRule type="expression" dxfId="7442" priority="7443" stopIfTrue="1">
      <formula>INDIRECT("第１の３表②!"&amp;CELL("address",DG38))="××"</formula>
    </cfRule>
    <cfRule type="expression" dxfId="7441" priority="7444" stopIfTrue="1">
      <formula>INDIRECT("第１の３表②!"&amp;CELL("address",DG38))="×"</formula>
    </cfRule>
    <cfRule type="expression" dxfId="7440" priority="7445" stopIfTrue="1">
      <formula>ISBLANK(AN38)=FALSE</formula>
    </cfRule>
  </conditionalFormatting>
  <conditionalFormatting sqref="AN38:AO39">
    <cfRule type="expression" dxfId="7439" priority="7436" stopIfTrue="1">
      <formula>ISBLANK(AN38)=TRUE</formula>
    </cfRule>
    <cfRule type="expression" dxfId="7438" priority="7437" stopIfTrue="1">
      <formula>INDIRECT("第１の３表②!"&amp;CELL("address",DG38))="×××"</formula>
    </cfRule>
    <cfRule type="expression" dxfId="7437" priority="7438" stopIfTrue="1">
      <formula>INDIRECT("第１の３表②!"&amp;CELL("address",DG38))="××"</formula>
    </cfRule>
    <cfRule type="expression" dxfId="7436" priority="7439" stopIfTrue="1">
      <formula>INDIRECT("第１の３表②!"&amp;CELL("address",DG38))="×"</formula>
    </cfRule>
    <cfRule type="expression" dxfId="7435" priority="7440" stopIfTrue="1">
      <formula>ISBLANK(AN38)=FALSE</formula>
    </cfRule>
  </conditionalFormatting>
  <conditionalFormatting sqref="AN38:AO39">
    <cfRule type="expression" dxfId="7434" priority="7431" stopIfTrue="1">
      <formula>ISBLANK(AN38)=TRUE</formula>
    </cfRule>
    <cfRule type="expression" dxfId="7433" priority="7432" stopIfTrue="1">
      <formula>INDIRECT("第１の３表②!"&amp;CELL("address",DG38))="×××"</formula>
    </cfRule>
    <cfRule type="expression" dxfId="7432" priority="7433" stopIfTrue="1">
      <formula>INDIRECT("第１の３表②!"&amp;CELL("address",DG38))="××"</formula>
    </cfRule>
    <cfRule type="expression" dxfId="7431" priority="7434" stopIfTrue="1">
      <formula>INDIRECT("第１の３表②!"&amp;CELL("address",DG38))="×"</formula>
    </cfRule>
    <cfRule type="expression" dxfId="7430" priority="7435" stopIfTrue="1">
      <formula>ISBLANK(AN38)=FALSE</formula>
    </cfRule>
  </conditionalFormatting>
  <conditionalFormatting sqref="AQ38:AR39">
    <cfRule type="expression" dxfId="7429" priority="7426" stopIfTrue="1">
      <formula>ISBLANK(AQ38)=TRUE</formula>
    </cfRule>
    <cfRule type="expression" dxfId="7428" priority="7427" stopIfTrue="1">
      <formula>INDIRECT("第１の３表②!"&amp;CELL("address",DJ38))="×××"</formula>
    </cfRule>
    <cfRule type="expression" dxfId="7427" priority="7428" stopIfTrue="1">
      <formula>INDIRECT("第１の３表②!"&amp;CELL("address",DJ38))="××"</formula>
    </cfRule>
    <cfRule type="expression" dxfId="7426" priority="7429" stopIfTrue="1">
      <formula>INDIRECT("第１の３表②!"&amp;CELL("address",DJ38))="×"</formula>
    </cfRule>
    <cfRule type="expression" dxfId="7425" priority="7430" stopIfTrue="1">
      <formula>ISBLANK(AQ38)=FALSE</formula>
    </cfRule>
  </conditionalFormatting>
  <conditionalFormatting sqref="AQ38:AR39">
    <cfRule type="expression" dxfId="7424" priority="7421" stopIfTrue="1">
      <formula>ISBLANK(AQ38)=TRUE</formula>
    </cfRule>
    <cfRule type="expression" dxfId="7423" priority="7422" stopIfTrue="1">
      <formula>INDIRECT("第１の３表②!"&amp;CELL("address",DJ38))="×××"</formula>
    </cfRule>
    <cfRule type="expression" dxfId="7422" priority="7423" stopIfTrue="1">
      <formula>INDIRECT("第１の３表②!"&amp;CELL("address",DJ38))="××"</formula>
    </cfRule>
    <cfRule type="expression" dxfId="7421" priority="7424" stopIfTrue="1">
      <formula>INDIRECT("第１の３表②!"&amp;CELL("address",DJ38))="×"</formula>
    </cfRule>
    <cfRule type="expression" dxfId="7420" priority="7425" stopIfTrue="1">
      <formula>ISBLANK(AQ38)=FALSE</formula>
    </cfRule>
  </conditionalFormatting>
  <conditionalFormatting sqref="AQ38:AR39">
    <cfRule type="expression" dxfId="7419" priority="7416" stopIfTrue="1">
      <formula>ISBLANK(AQ38)=TRUE</formula>
    </cfRule>
    <cfRule type="expression" dxfId="7418" priority="7417" stopIfTrue="1">
      <formula>INDIRECT("第１の３表②!"&amp;CELL("address",DJ38))="×××"</formula>
    </cfRule>
    <cfRule type="expression" dxfId="7417" priority="7418" stopIfTrue="1">
      <formula>INDIRECT("第１の３表②!"&amp;CELL("address",DJ38))="××"</formula>
    </cfRule>
    <cfRule type="expression" dxfId="7416" priority="7419" stopIfTrue="1">
      <formula>INDIRECT("第１の３表②!"&amp;CELL("address",DJ38))="×"</formula>
    </cfRule>
    <cfRule type="expression" dxfId="7415" priority="7420" stopIfTrue="1">
      <formula>ISBLANK(AQ38)=FALSE</formula>
    </cfRule>
  </conditionalFormatting>
  <conditionalFormatting sqref="AT38:AU39">
    <cfRule type="expression" dxfId="7414" priority="7411" stopIfTrue="1">
      <formula>ISBLANK(AT38)=TRUE</formula>
    </cfRule>
    <cfRule type="expression" dxfId="7413" priority="7412" stopIfTrue="1">
      <formula>INDIRECT("第１の３表②!"&amp;CELL("address",DM38))="×××"</formula>
    </cfRule>
    <cfRule type="expression" dxfId="7412" priority="7413" stopIfTrue="1">
      <formula>INDIRECT("第１の３表②!"&amp;CELL("address",DM38))="××"</formula>
    </cfRule>
    <cfRule type="expression" dxfId="7411" priority="7414" stopIfTrue="1">
      <formula>INDIRECT("第１の３表②!"&amp;CELL("address",DM38))="×"</formula>
    </cfRule>
    <cfRule type="expression" dxfId="7410" priority="7415" stopIfTrue="1">
      <formula>ISBLANK(AT38)=FALSE</formula>
    </cfRule>
  </conditionalFormatting>
  <conditionalFormatting sqref="AT38:AU39">
    <cfRule type="expression" dxfId="7409" priority="7406" stopIfTrue="1">
      <formula>ISBLANK(AT38)=TRUE</formula>
    </cfRule>
    <cfRule type="expression" dxfId="7408" priority="7407" stopIfTrue="1">
      <formula>INDIRECT("第１の３表②!"&amp;CELL("address",DM38))="×××"</formula>
    </cfRule>
    <cfRule type="expression" dxfId="7407" priority="7408" stopIfTrue="1">
      <formula>INDIRECT("第１の３表②!"&amp;CELL("address",DM38))="××"</formula>
    </cfRule>
    <cfRule type="expression" dxfId="7406" priority="7409" stopIfTrue="1">
      <formula>INDIRECT("第１の３表②!"&amp;CELL("address",DM38))="×"</formula>
    </cfRule>
    <cfRule type="expression" dxfId="7405" priority="7410" stopIfTrue="1">
      <formula>ISBLANK(AT38)=FALSE</formula>
    </cfRule>
  </conditionalFormatting>
  <conditionalFormatting sqref="AT38:AU39">
    <cfRule type="expression" dxfId="7404" priority="7401" stopIfTrue="1">
      <formula>ISBLANK(AT38)=TRUE</formula>
    </cfRule>
    <cfRule type="expression" dxfId="7403" priority="7402" stopIfTrue="1">
      <formula>INDIRECT("第１の３表②!"&amp;CELL("address",DM38))="×××"</formula>
    </cfRule>
    <cfRule type="expression" dxfId="7402" priority="7403" stopIfTrue="1">
      <formula>INDIRECT("第１の３表②!"&amp;CELL("address",DM38))="××"</formula>
    </cfRule>
    <cfRule type="expression" dxfId="7401" priority="7404" stopIfTrue="1">
      <formula>INDIRECT("第１の３表②!"&amp;CELL("address",DM38))="×"</formula>
    </cfRule>
    <cfRule type="expression" dxfId="7400" priority="7405" stopIfTrue="1">
      <formula>ISBLANK(AT38)=FALSE</formula>
    </cfRule>
  </conditionalFormatting>
  <conditionalFormatting sqref="AW38:AX39">
    <cfRule type="expression" dxfId="7399" priority="7396" stopIfTrue="1">
      <formula>ISBLANK(AW38)=TRUE</formula>
    </cfRule>
    <cfRule type="expression" dxfId="7398" priority="7397" stopIfTrue="1">
      <formula>INDIRECT("第１の３表②!"&amp;CELL("address",DP38))="×××"</formula>
    </cfRule>
    <cfRule type="expression" dxfId="7397" priority="7398" stopIfTrue="1">
      <formula>INDIRECT("第１の３表②!"&amp;CELL("address",DP38))="××"</formula>
    </cfRule>
    <cfRule type="expression" dxfId="7396" priority="7399" stopIfTrue="1">
      <formula>INDIRECT("第１の３表②!"&amp;CELL("address",DP38))="×"</formula>
    </cfRule>
    <cfRule type="expression" dxfId="7395" priority="7400" stopIfTrue="1">
      <formula>ISBLANK(AW38)=FALSE</formula>
    </cfRule>
  </conditionalFormatting>
  <conditionalFormatting sqref="AW38:AX39">
    <cfRule type="expression" dxfId="7394" priority="7391" stopIfTrue="1">
      <formula>ISBLANK(AW38)=TRUE</formula>
    </cfRule>
    <cfRule type="expression" dxfId="7393" priority="7392" stopIfTrue="1">
      <formula>INDIRECT("第１の３表②!"&amp;CELL("address",DP38))="×××"</formula>
    </cfRule>
    <cfRule type="expression" dxfId="7392" priority="7393" stopIfTrue="1">
      <formula>INDIRECT("第１の３表②!"&amp;CELL("address",DP38))="××"</formula>
    </cfRule>
    <cfRule type="expression" dxfId="7391" priority="7394" stopIfTrue="1">
      <formula>INDIRECT("第１の３表②!"&amp;CELL("address",DP38))="×"</formula>
    </cfRule>
    <cfRule type="expression" dxfId="7390" priority="7395" stopIfTrue="1">
      <formula>ISBLANK(AW38)=FALSE</formula>
    </cfRule>
  </conditionalFormatting>
  <conditionalFormatting sqref="AW38:AX39">
    <cfRule type="expression" dxfId="7389" priority="7386" stopIfTrue="1">
      <formula>ISBLANK(AW38)=TRUE</formula>
    </cfRule>
    <cfRule type="expression" dxfId="7388" priority="7387" stopIfTrue="1">
      <formula>INDIRECT("第１の３表②!"&amp;CELL("address",DP38))="×××"</formula>
    </cfRule>
    <cfRule type="expression" dxfId="7387" priority="7388" stopIfTrue="1">
      <formula>INDIRECT("第１の３表②!"&amp;CELL("address",DP38))="××"</formula>
    </cfRule>
    <cfRule type="expression" dxfId="7386" priority="7389" stopIfTrue="1">
      <formula>INDIRECT("第１の３表②!"&amp;CELL("address",DP38))="×"</formula>
    </cfRule>
    <cfRule type="expression" dxfId="7385" priority="7390" stopIfTrue="1">
      <formula>ISBLANK(AW38)=FALSE</formula>
    </cfRule>
  </conditionalFormatting>
  <conditionalFormatting sqref="AZ38:BA39">
    <cfRule type="expression" dxfId="7384" priority="7381" stopIfTrue="1">
      <formula>ISBLANK(AZ38)=TRUE</formula>
    </cfRule>
    <cfRule type="expression" dxfId="7383" priority="7382" stopIfTrue="1">
      <formula>INDIRECT("第１の３表②!"&amp;CELL("address",DS38))="×××"</formula>
    </cfRule>
    <cfRule type="expression" dxfId="7382" priority="7383" stopIfTrue="1">
      <formula>INDIRECT("第１の３表②!"&amp;CELL("address",DS38))="××"</formula>
    </cfRule>
    <cfRule type="expression" dxfId="7381" priority="7384" stopIfTrue="1">
      <formula>INDIRECT("第１の３表②!"&amp;CELL("address",DS38))="×"</formula>
    </cfRule>
    <cfRule type="expression" dxfId="7380" priority="7385" stopIfTrue="1">
      <formula>ISBLANK(AZ38)=FALSE</formula>
    </cfRule>
  </conditionalFormatting>
  <conditionalFormatting sqref="AZ38:BA39">
    <cfRule type="expression" dxfId="7379" priority="7376" stopIfTrue="1">
      <formula>ISBLANK(AZ38)=TRUE</formula>
    </cfRule>
    <cfRule type="expression" dxfId="7378" priority="7377" stopIfTrue="1">
      <formula>INDIRECT("第１の３表②!"&amp;CELL("address",DS38))="×××"</formula>
    </cfRule>
    <cfRule type="expression" dxfId="7377" priority="7378" stopIfTrue="1">
      <formula>INDIRECT("第１の３表②!"&amp;CELL("address",DS38))="××"</formula>
    </cfRule>
    <cfRule type="expression" dxfId="7376" priority="7379" stopIfTrue="1">
      <formula>INDIRECT("第１の３表②!"&amp;CELL("address",DS38))="×"</formula>
    </cfRule>
    <cfRule type="expression" dxfId="7375" priority="7380" stopIfTrue="1">
      <formula>ISBLANK(AZ38)=FALSE</formula>
    </cfRule>
  </conditionalFormatting>
  <conditionalFormatting sqref="AZ38:BA39">
    <cfRule type="expression" dxfId="7374" priority="7371" stopIfTrue="1">
      <formula>ISBLANK(AZ38)=TRUE</formula>
    </cfRule>
    <cfRule type="expression" dxfId="7373" priority="7372" stopIfTrue="1">
      <formula>INDIRECT("第１の３表②!"&amp;CELL("address",DS38))="×××"</formula>
    </cfRule>
    <cfRule type="expression" dxfId="7372" priority="7373" stopIfTrue="1">
      <formula>INDIRECT("第１の３表②!"&amp;CELL("address",DS38))="××"</formula>
    </cfRule>
    <cfRule type="expression" dxfId="7371" priority="7374" stopIfTrue="1">
      <formula>INDIRECT("第１の３表②!"&amp;CELL("address",DS38))="×"</formula>
    </cfRule>
    <cfRule type="expression" dxfId="7370" priority="7375" stopIfTrue="1">
      <formula>ISBLANK(AZ38)=FALSE</formula>
    </cfRule>
  </conditionalFormatting>
  <conditionalFormatting sqref="BC38:BD39">
    <cfRule type="expression" dxfId="7369" priority="7366" stopIfTrue="1">
      <formula>ISBLANK(BC38)=TRUE</formula>
    </cfRule>
    <cfRule type="expression" dxfId="7368" priority="7367" stopIfTrue="1">
      <formula>INDIRECT("第１の３表②!"&amp;CELL("address",DV38))="×××"</formula>
    </cfRule>
    <cfRule type="expression" dxfId="7367" priority="7368" stopIfTrue="1">
      <formula>INDIRECT("第１の３表②!"&amp;CELL("address",DV38))="××"</formula>
    </cfRule>
    <cfRule type="expression" dxfId="7366" priority="7369" stopIfTrue="1">
      <formula>INDIRECT("第１の３表②!"&amp;CELL("address",DV38))="×"</formula>
    </cfRule>
    <cfRule type="expression" dxfId="7365" priority="7370" stopIfTrue="1">
      <formula>ISBLANK(BC38)=FALSE</formula>
    </cfRule>
  </conditionalFormatting>
  <conditionalFormatting sqref="BC38:BD39">
    <cfRule type="expression" dxfId="7364" priority="7361" stopIfTrue="1">
      <formula>ISBLANK(BC38)=TRUE</formula>
    </cfRule>
    <cfRule type="expression" dxfId="7363" priority="7362" stopIfTrue="1">
      <formula>INDIRECT("第１の３表②!"&amp;CELL("address",DV38))="×××"</formula>
    </cfRule>
    <cfRule type="expression" dxfId="7362" priority="7363" stopIfTrue="1">
      <formula>INDIRECT("第１の３表②!"&amp;CELL("address",DV38))="××"</formula>
    </cfRule>
    <cfRule type="expression" dxfId="7361" priority="7364" stopIfTrue="1">
      <formula>INDIRECT("第１の３表②!"&amp;CELL("address",DV38))="×"</formula>
    </cfRule>
    <cfRule type="expression" dxfId="7360" priority="7365" stopIfTrue="1">
      <formula>ISBLANK(BC38)=FALSE</formula>
    </cfRule>
  </conditionalFormatting>
  <conditionalFormatting sqref="BC38:BD39">
    <cfRule type="expression" dxfId="7359" priority="7356" stopIfTrue="1">
      <formula>ISBLANK(BC38)=TRUE</formula>
    </cfRule>
    <cfRule type="expression" dxfId="7358" priority="7357" stopIfTrue="1">
      <formula>INDIRECT("第１の３表②!"&amp;CELL("address",DV38))="×××"</formula>
    </cfRule>
    <cfRule type="expression" dxfId="7357" priority="7358" stopIfTrue="1">
      <formula>INDIRECT("第１の３表②!"&amp;CELL("address",DV38))="××"</formula>
    </cfRule>
    <cfRule type="expression" dxfId="7356" priority="7359" stopIfTrue="1">
      <formula>INDIRECT("第１の３表②!"&amp;CELL("address",DV38))="×"</formula>
    </cfRule>
    <cfRule type="expression" dxfId="7355" priority="7360" stopIfTrue="1">
      <formula>ISBLANK(BC38)=FALSE</formula>
    </cfRule>
  </conditionalFormatting>
  <conditionalFormatting sqref="BF38:BG39">
    <cfRule type="expression" dxfId="7354" priority="7351" stopIfTrue="1">
      <formula>ISBLANK(BF38)=TRUE</formula>
    </cfRule>
    <cfRule type="expression" dxfId="7353" priority="7352" stopIfTrue="1">
      <formula>INDIRECT("第１の３表②!"&amp;CELL("address",DY38))="×××"</formula>
    </cfRule>
    <cfRule type="expression" dxfId="7352" priority="7353" stopIfTrue="1">
      <formula>INDIRECT("第１の３表②!"&amp;CELL("address",DY38))="××"</formula>
    </cfRule>
    <cfRule type="expression" dxfId="7351" priority="7354" stopIfTrue="1">
      <formula>INDIRECT("第１の３表②!"&amp;CELL("address",DY38))="×"</formula>
    </cfRule>
    <cfRule type="expression" dxfId="7350" priority="7355" stopIfTrue="1">
      <formula>ISBLANK(BF38)=FALSE</formula>
    </cfRule>
  </conditionalFormatting>
  <conditionalFormatting sqref="BF38:BG39">
    <cfRule type="expression" dxfId="7349" priority="7346" stopIfTrue="1">
      <formula>ISBLANK(BF38)=TRUE</formula>
    </cfRule>
    <cfRule type="expression" dxfId="7348" priority="7347" stopIfTrue="1">
      <formula>INDIRECT("第１の３表②!"&amp;CELL("address",DY38))="×××"</formula>
    </cfRule>
    <cfRule type="expression" dxfId="7347" priority="7348" stopIfTrue="1">
      <formula>INDIRECT("第１の３表②!"&amp;CELL("address",DY38))="××"</formula>
    </cfRule>
    <cfRule type="expression" dxfId="7346" priority="7349" stopIfTrue="1">
      <formula>INDIRECT("第１の３表②!"&amp;CELL("address",DY38))="×"</formula>
    </cfRule>
    <cfRule type="expression" dxfId="7345" priority="7350" stopIfTrue="1">
      <formula>ISBLANK(BF38)=FALSE</formula>
    </cfRule>
  </conditionalFormatting>
  <conditionalFormatting sqref="BF38:BG39">
    <cfRule type="expression" dxfId="7344" priority="7341" stopIfTrue="1">
      <formula>ISBLANK(BF38)=TRUE</formula>
    </cfRule>
    <cfRule type="expression" dxfId="7343" priority="7342" stopIfTrue="1">
      <formula>INDIRECT("第１の３表②!"&amp;CELL("address",DY38))="×××"</formula>
    </cfRule>
    <cfRule type="expression" dxfId="7342" priority="7343" stopIfTrue="1">
      <formula>INDIRECT("第１の３表②!"&amp;CELL("address",DY38))="××"</formula>
    </cfRule>
    <cfRule type="expression" dxfId="7341" priority="7344" stopIfTrue="1">
      <formula>INDIRECT("第１の３表②!"&amp;CELL("address",DY38))="×"</formula>
    </cfRule>
    <cfRule type="expression" dxfId="7340" priority="7345" stopIfTrue="1">
      <formula>ISBLANK(BF38)=FALSE</formula>
    </cfRule>
  </conditionalFormatting>
  <conditionalFormatting sqref="BI38:BJ39">
    <cfRule type="expression" dxfId="7339" priority="7336" stopIfTrue="1">
      <formula>ISBLANK(BI38)=TRUE</formula>
    </cfRule>
    <cfRule type="expression" dxfId="7338" priority="7337" stopIfTrue="1">
      <formula>INDIRECT("第１の３表②!"&amp;CELL("address",EB38))="×××"</formula>
    </cfRule>
    <cfRule type="expression" dxfId="7337" priority="7338" stopIfTrue="1">
      <formula>INDIRECT("第１の３表②!"&amp;CELL("address",EB38))="××"</formula>
    </cfRule>
    <cfRule type="expression" dxfId="7336" priority="7339" stopIfTrue="1">
      <formula>INDIRECT("第１の３表②!"&amp;CELL("address",EB38))="×"</formula>
    </cfRule>
    <cfRule type="expression" dxfId="7335" priority="7340" stopIfTrue="1">
      <formula>ISBLANK(BI38)=FALSE</formula>
    </cfRule>
  </conditionalFormatting>
  <conditionalFormatting sqref="BI38:BJ39">
    <cfRule type="expression" dxfId="7334" priority="7331" stopIfTrue="1">
      <formula>ISBLANK(BI38)=TRUE</formula>
    </cfRule>
    <cfRule type="expression" dxfId="7333" priority="7332" stopIfTrue="1">
      <formula>INDIRECT("第１の３表②!"&amp;CELL("address",EB38))="×××"</formula>
    </cfRule>
    <cfRule type="expression" dxfId="7332" priority="7333" stopIfTrue="1">
      <formula>INDIRECT("第１の３表②!"&amp;CELL("address",EB38))="××"</formula>
    </cfRule>
    <cfRule type="expression" dxfId="7331" priority="7334" stopIfTrue="1">
      <formula>INDIRECT("第１の３表②!"&amp;CELL("address",EB38))="×"</formula>
    </cfRule>
    <cfRule type="expression" dxfId="7330" priority="7335" stopIfTrue="1">
      <formula>ISBLANK(BI38)=FALSE</formula>
    </cfRule>
  </conditionalFormatting>
  <conditionalFormatting sqref="BI38:BJ39">
    <cfRule type="expression" dxfId="7329" priority="7326" stopIfTrue="1">
      <formula>ISBLANK(BI38)=TRUE</formula>
    </cfRule>
    <cfRule type="expression" dxfId="7328" priority="7327" stopIfTrue="1">
      <formula>INDIRECT("第１の３表②!"&amp;CELL("address",EB38))="×××"</formula>
    </cfRule>
    <cfRule type="expression" dxfId="7327" priority="7328" stopIfTrue="1">
      <formula>INDIRECT("第１の３表②!"&amp;CELL("address",EB38))="××"</formula>
    </cfRule>
    <cfRule type="expression" dxfId="7326" priority="7329" stopIfTrue="1">
      <formula>INDIRECT("第１の３表②!"&amp;CELL("address",EB38))="×"</formula>
    </cfRule>
    <cfRule type="expression" dxfId="7325" priority="7330" stopIfTrue="1">
      <formula>ISBLANK(BI38)=FALSE</formula>
    </cfRule>
  </conditionalFormatting>
  <conditionalFormatting sqref="BL38:BM39">
    <cfRule type="expression" dxfId="7324" priority="7321" stopIfTrue="1">
      <formula>ISBLANK(BL38)=TRUE</formula>
    </cfRule>
    <cfRule type="expression" dxfId="7323" priority="7322" stopIfTrue="1">
      <formula>INDIRECT("第１の３表②!"&amp;CELL("address",EE38))="×××"</formula>
    </cfRule>
    <cfRule type="expression" dxfId="7322" priority="7323" stopIfTrue="1">
      <formula>INDIRECT("第１の３表②!"&amp;CELL("address",EE38))="××"</formula>
    </cfRule>
    <cfRule type="expression" dxfId="7321" priority="7324" stopIfTrue="1">
      <formula>INDIRECT("第１の３表②!"&amp;CELL("address",EE38))="×"</formula>
    </cfRule>
    <cfRule type="expression" dxfId="7320" priority="7325" stopIfTrue="1">
      <formula>ISBLANK(BL38)=FALSE</formula>
    </cfRule>
  </conditionalFormatting>
  <conditionalFormatting sqref="BL38:BM39">
    <cfRule type="expression" dxfId="7319" priority="7316" stopIfTrue="1">
      <formula>ISBLANK(BL38)=TRUE</formula>
    </cfRule>
    <cfRule type="expression" dxfId="7318" priority="7317" stopIfTrue="1">
      <formula>INDIRECT("第１の３表②!"&amp;CELL("address",EE38))="×××"</formula>
    </cfRule>
    <cfRule type="expression" dxfId="7317" priority="7318" stopIfTrue="1">
      <formula>INDIRECT("第１の３表②!"&amp;CELL("address",EE38))="××"</formula>
    </cfRule>
    <cfRule type="expression" dxfId="7316" priority="7319" stopIfTrue="1">
      <formula>INDIRECT("第１の３表②!"&amp;CELL("address",EE38))="×"</formula>
    </cfRule>
    <cfRule type="expression" dxfId="7315" priority="7320" stopIfTrue="1">
      <formula>ISBLANK(BL38)=FALSE</formula>
    </cfRule>
  </conditionalFormatting>
  <conditionalFormatting sqref="BL38:BM39">
    <cfRule type="expression" dxfId="7314" priority="7311" stopIfTrue="1">
      <formula>ISBLANK(BL38)=TRUE</formula>
    </cfRule>
    <cfRule type="expression" dxfId="7313" priority="7312" stopIfTrue="1">
      <formula>INDIRECT("第１の３表②!"&amp;CELL("address",EE38))="×××"</formula>
    </cfRule>
    <cfRule type="expression" dxfId="7312" priority="7313" stopIfTrue="1">
      <formula>INDIRECT("第１の３表②!"&amp;CELL("address",EE38))="××"</formula>
    </cfRule>
    <cfRule type="expression" dxfId="7311" priority="7314" stopIfTrue="1">
      <formula>INDIRECT("第１の３表②!"&amp;CELL("address",EE38))="×"</formula>
    </cfRule>
    <cfRule type="expression" dxfId="7310" priority="7315" stopIfTrue="1">
      <formula>ISBLANK(BL38)=FALSE</formula>
    </cfRule>
  </conditionalFormatting>
  <conditionalFormatting sqref="BO38:BP39">
    <cfRule type="expression" dxfId="7309" priority="7306" stopIfTrue="1">
      <formula>ISBLANK(BO38)=TRUE</formula>
    </cfRule>
    <cfRule type="expression" dxfId="7308" priority="7307" stopIfTrue="1">
      <formula>INDIRECT("第１の３表②!"&amp;CELL("address",EH38))="×××"</formula>
    </cfRule>
    <cfRule type="expression" dxfId="7307" priority="7308" stopIfTrue="1">
      <formula>INDIRECT("第１の３表②!"&amp;CELL("address",EH38))="××"</formula>
    </cfRule>
    <cfRule type="expression" dxfId="7306" priority="7309" stopIfTrue="1">
      <formula>INDIRECT("第１の３表②!"&amp;CELL("address",EH38))="×"</formula>
    </cfRule>
    <cfRule type="expression" dxfId="7305" priority="7310" stopIfTrue="1">
      <formula>ISBLANK(BO38)=FALSE</formula>
    </cfRule>
  </conditionalFormatting>
  <conditionalFormatting sqref="BO38:BP39">
    <cfRule type="expression" dxfId="7304" priority="7301" stopIfTrue="1">
      <formula>ISBLANK(BO38)=TRUE</formula>
    </cfRule>
    <cfRule type="expression" dxfId="7303" priority="7302" stopIfTrue="1">
      <formula>INDIRECT("第１の３表②!"&amp;CELL("address",EH38))="×××"</formula>
    </cfRule>
    <cfRule type="expression" dxfId="7302" priority="7303" stopIfTrue="1">
      <formula>INDIRECT("第１の３表②!"&amp;CELL("address",EH38))="××"</formula>
    </cfRule>
    <cfRule type="expression" dxfId="7301" priority="7304" stopIfTrue="1">
      <formula>INDIRECT("第１の３表②!"&amp;CELL("address",EH38))="×"</formula>
    </cfRule>
    <cfRule type="expression" dxfId="7300" priority="7305" stopIfTrue="1">
      <formula>ISBLANK(BO38)=FALSE</formula>
    </cfRule>
  </conditionalFormatting>
  <conditionalFormatting sqref="BO38:BP39">
    <cfRule type="expression" dxfId="7299" priority="7296" stopIfTrue="1">
      <formula>ISBLANK(BO38)=TRUE</formula>
    </cfRule>
    <cfRule type="expression" dxfId="7298" priority="7297" stopIfTrue="1">
      <formula>INDIRECT("第１の３表②!"&amp;CELL("address",EH38))="×××"</formula>
    </cfRule>
    <cfRule type="expression" dxfId="7297" priority="7298" stopIfTrue="1">
      <formula>INDIRECT("第１の３表②!"&amp;CELL("address",EH38))="××"</formula>
    </cfRule>
    <cfRule type="expression" dxfId="7296" priority="7299" stopIfTrue="1">
      <formula>INDIRECT("第１の３表②!"&amp;CELL("address",EH38))="×"</formula>
    </cfRule>
    <cfRule type="expression" dxfId="7295" priority="7300" stopIfTrue="1">
      <formula>ISBLANK(BO38)=FALSE</formula>
    </cfRule>
  </conditionalFormatting>
  <conditionalFormatting sqref="J41:K42">
    <cfRule type="expression" dxfId="7294" priority="7291" stopIfTrue="1">
      <formula>ISBLANK(J41)=TRUE</formula>
    </cfRule>
    <cfRule type="expression" dxfId="7293" priority="7292" stopIfTrue="1">
      <formula>INDIRECT("第１の３表②!"&amp;CELL("address",CC41))="×××"</formula>
    </cfRule>
    <cfRule type="expression" dxfId="7292" priority="7293" stopIfTrue="1">
      <formula>INDIRECT("第１の３表②!"&amp;CELL("address",CC41))="××"</formula>
    </cfRule>
    <cfRule type="expression" dxfId="7291" priority="7294" stopIfTrue="1">
      <formula>INDIRECT("第１の３表②!"&amp;CELL("address",CC41))="×"</formula>
    </cfRule>
    <cfRule type="expression" dxfId="7290" priority="7295" stopIfTrue="1">
      <formula>ISBLANK(J41)=FALSE</formula>
    </cfRule>
  </conditionalFormatting>
  <conditionalFormatting sqref="J41:K42">
    <cfRule type="expression" dxfId="7289" priority="7286" stopIfTrue="1">
      <formula>ISBLANK(J41)=TRUE</formula>
    </cfRule>
    <cfRule type="expression" dxfId="7288" priority="7287" stopIfTrue="1">
      <formula>INDIRECT("第１の３表②!"&amp;CELL("address",CC41))="×××"</formula>
    </cfRule>
    <cfRule type="expression" dxfId="7287" priority="7288" stopIfTrue="1">
      <formula>INDIRECT("第１の３表②!"&amp;CELL("address",CC41))="××"</formula>
    </cfRule>
    <cfRule type="expression" dxfId="7286" priority="7289" stopIfTrue="1">
      <formula>INDIRECT("第１の３表②!"&amp;CELL("address",CC41))="×"</formula>
    </cfRule>
    <cfRule type="expression" dxfId="7285" priority="7290" stopIfTrue="1">
      <formula>ISBLANK(J41)=FALSE</formula>
    </cfRule>
  </conditionalFormatting>
  <conditionalFormatting sqref="J41:K42">
    <cfRule type="expression" dxfId="7284" priority="7281" stopIfTrue="1">
      <formula>ISBLANK(J41)=TRUE</formula>
    </cfRule>
    <cfRule type="expression" dxfId="7283" priority="7282" stopIfTrue="1">
      <formula>INDIRECT("第１の３表②!"&amp;CELL("address",CC41))="×××"</formula>
    </cfRule>
    <cfRule type="expression" dxfId="7282" priority="7283" stopIfTrue="1">
      <formula>INDIRECT("第１の３表②!"&amp;CELL("address",CC41))="××"</formula>
    </cfRule>
    <cfRule type="expression" dxfId="7281" priority="7284" stopIfTrue="1">
      <formula>INDIRECT("第１の３表②!"&amp;CELL("address",CC41))="×"</formula>
    </cfRule>
    <cfRule type="expression" dxfId="7280" priority="7285" stopIfTrue="1">
      <formula>ISBLANK(J41)=FALSE</formula>
    </cfRule>
  </conditionalFormatting>
  <conditionalFormatting sqref="M41:N42">
    <cfRule type="expression" dxfId="7279" priority="7276" stopIfTrue="1">
      <formula>ISBLANK(M41)=TRUE</formula>
    </cfRule>
    <cfRule type="expression" dxfId="7278" priority="7277" stopIfTrue="1">
      <formula>INDIRECT("第１の３表②!"&amp;CELL("address",CF41))="×××"</formula>
    </cfRule>
    <cfRule type="expression" dxfId="7277" priority="7278" stopIfTrue="1">
      <formula>INDIRECT("第１の３表②!"&amp;CELL("address",CF41))="××"</formula>
    </cfRule>
    <cfRule type="expression" dxfId="7276" priority="7279" stopIfTrue="1">
      <formula>INDIRECT("第１の３表②!"&amp;CELL("address",CF41))="×"</formula>
    </cfRule>
    <cfRule type="expression" dxfId="7275" priority="7280" stopIfTrue="1">
      <formula>ISBLANK(M41)=FALSE</formula>
    </cfRule>
  </conditionalFormatting>
  <conditionalFormatting sqref="M41:N42">
    <cfRule type="expression" dxfId="7274" priority="7271" stopIfTrue="1">
      <formula>ISBLANK(M41)=TRUE</formula>
    </cfRule>
    <cfRule type="expression" dxfId="7273" priority="7272" stopIfTrue="1">
      <formula>INDIRECT("第１の３表②!"&amp;CELL("address",CF41))="×××"</formula>
    </cfRule>
    <cfRule type="expression" dxfId="7272" priority="7273" stopIfTrue="1">
      <formula>INDIRECT("第１の３表②!"&amp;CELL("address",CF41))="××"</formula>
    </cfRule>
    <cfRule type="expression" dxfId="7271" priority="7274" stopIfTrue="1">
      <formula>INDIRECT("第１の３表②!"&amp;CELL("address",CF41))="×"</formula>
    </cfRule>
    <cfRule type="expression" dxfId="7270" priority="7275" stopIfTrue="1">
      <formula>ISBLANK(M41)=FALSE</formula>
    </cfRule>
  </conditionalFormatting>
  <conditionalFormatting sqref="M41:N42">
    <cfRule type="expression" dxfId="7269" priority="7266" stopIfTrue="1">
      <formula>ISBLANK(M41)=TRUE</formula>
    </cfRule>
    <cfRule type="expression" dxfId="7268" priority="7267" stopIfTrue="1">
      <formula>INDIRECT("第１の３表②!"&amp;CELL("address",CF41))="×××"</formula>
    </cfRule>
    <cfRule type="expression" dxfId="7267" priority="7268" stopIfTrue="1">
      <formula>INDIRECT("第１の３表②!"&amp;CELL("address",CF41))="××"</formula>
    </cfRule>
    <cfRule type="expression" dxfId="7266" priority="7269" stopIfTrue="1">
      <formula>INDIRECT("第１の３表②!"&amp;CELL("address",CF41))="×"</formula>
    </cfRule>
    <cfRule type="expression" dxfId="7265" priority="7270" stopIfTrue="1">
      <formula>ISBLANK(M41)=FALSE</formula>
    </cfRule>
  </conditionalFormatting>
  <conditionalFormatting sqref="P41:Q42">
    <cfRule type="expression" dxfId="7264" priority="7261" stopIfTrue="1">
      <formula>ISBLANK(P41)=TRUE</formula>
    </cfRule>
    <cfRule type="expression" dxfId="7263" priority="7262" stopIfTrue="1">
      <formula>INDIRECT("第１の３表②!"&amp;CELL("address",CI41))="×××"</formula>
    </cfRule>
    <cfRule type="expression" dxfId="7262" priority="7263" stopIfTrue="1">
      <formula>INDIRECT("第１の３表②!"&amp;CELL("address",CI41))="××"</formula>
    </cfRule>
    <cfRule type="expression" dxfId="7261" priority="7264" stopIfTrue="1">
      <formula>INDIRECT("第１の３表②!"&amp;CELL("address",CI41))="×"</formula>
    </cfRule>
    <cfRule type="expression" dxfId="7260" priority="7265" stopIfTrue="1">
      <formula>ISBLANK(P41)=FALSE</formula>
    </cfRule>
  </conditionalFormatting>
  <conditionalFormatting sqref="P41:Q42">
    <cfRule type="expression" dxfId="7259" priority="7256" stopIfTrue="1">
      <formula>ISBLANK(P41)=TRUE</formula>
    </cfRule>
    <cfRule type="expression" dxfId="7258" priority="7257" stopIfTrue="1">
      <formula>INDIRECT("第１の３表②!"&amp;CELL("address",CI41))="×××"</formula>
    </cfRule>
    <cfRule type="expression" dxfId="7257" priority="7258" stopIfTrue="1">
      <formula>INDIRECT("第１の３表②!"&amp;CELL("address",CI41))="××"</formula>
    </cfRule>
    <cfRule type="expression" dxfId="7256" priority="7259" stopIfTrue="1">
      <formula>INDIRECT("第１の３表②!"&amp;CELL("address",CI41))="×"</formula>
    </cfRule>
    <cfRule type="expression" dxfId="7255" priority="7260" stopIfTrue="1">
      <formula>ISBLANK(P41)=FALSE</formula>
    </cfRule>
  </conditionalFormatting>
  <conditionalFormatting sqref="P41:Q42">
    <cfRule type="expression" dxfId="7254" priority="7251" stopIfTrue="1">
      <formula>ISBLANK(P41)=TRUE</formula>
    </cfRule>
    <cfRule type="expression" dxfId="7253" priority="7252" stopIfTrue="1">
      <formula>INDIRECT("第１の３表②!"&amp;CELL("address",CI41))="×××"</formula>
    </cfRule>
    <cfRule type="expression" dxfId="7252" priority="7253" stopIfTrue="1">
      <formula>INDIRECT("第１の３表②!"&amp;CELL("address",CI41))="××"</formula>
    </cfRule>
    <cfRule type="expression" dxfId="7251" priority="7254" stopIfTrue="1">
      <formula>INDIRECT("第１の３表②!"&amp;CELL("address",CI41))="×"</formula>
    </cfRule>
    <cfRule type="expression" dxfId="7250" priority="7255" stopIfTrue="1">
      <formula>ISBLANK(P41)=FALSE</formula>
    </cfRule>
  </conditionalFormatting>
  <conditionalFormatting sqref="S41:T42">
    <cfRule type="expression" dxfId="7249" priority="7246" stopIfTrue="1">
      <formula>ISBLANK(S41)=TRUE</formula>
    </cfRule>
    <cfRule type="expression" dxfId="7248" priority="7247" stopIfTrue="1">
      <formula>INDIRECT("第１の３表②!"&amp;CELL("address",CL41))="×××"</formula>
    </cfRule>
    <cfRule type="expression" dxfId="7247" priority="7248" stopIfTrue="1">
      <formula>INDIRECT("第１の３表②!"&amp;CELL("address",CL41))="××"</formula>
    </cfRule>
    <cfRule type="expression" dxfId="7246" priority="7249" stopIfTrue="1">
      <formula>INDIRECT("第１の３表②!"&amp;CELL("address",CL41))="×"</formula>
    </cfRule>
    <cfRule type="expression" dxfId="7245" priority="7250" stopIfTrue="1">
      <formula>ISBLANK(S41)=FALSE</formula>
    </cfRule>
  </conditionalFormatting>
  <conditionalFormatting sqref="S41:T42">
    <cfRule type="expression" dxfId="7244" priority="7241" stopIfTrue="1">
      <formula>ISBLANK(S41)=TRUE</formula>
    </cfRule>
    <cfRule type="expression" dxfId="7243" priority="7242" stopIfTrue="1">
      <formula>INDIRECT("第１の３表②!"&amp;CELL("address",CL41))="×××"</formula>
    </cfRule>
    <cfRule type="expression" dxfId="7242" priority="7243" stopIfTrue="1">
      <formula>INDIRECT("第１の３表②!"&amp;CELL("address",CL41))="××"</formula>
    </cfRule>
    <cfRule type="expression" dxfId="7241" priority="7244" stopIfTrue="1">
      <formula>INDIRECT("第１の３表②!"&amp;CELL("address",CL41))="×"</formula>
    </cfRule>
    <cfRule type="expression" dxfId="7240" priority="7245" stopIfTrue="1">
      <formula>ISBLANK(S41)=FALSE</formula>
    </cfRule>
  </conditionalFormatting>
  <conditionalFormatting sqref="S41:T42">
    <cfRule type="expression" dxfId="7239" priority="7236" stopIfTrue="1">
      <formula>ISBLANK(S41)=TRUE</formula>
    </cfRule>
    <cfRule type="expression" dxfId="7238" priority="7237" stopIfTrue="1">
      <formula>INDIRECT("第１の３表②!"&amp;CELL("address",CL41))="×××"</formula>
    </cfRule>
    <cfRule type="expression" dxfId="7237" priority="7238" stopIfTrue="1">
      <formula>INDIRECT("第１の３表②!"&amp;CELL("address",CL41))="××"</formula>
    </cfRule>
    <cfRule type="expression" dxfId="7236" priority="7239" stopIfTrue="1">
      <formula>INDIRECT("第１の３表②!"&amp;CELL("address",CL41))="×"</formula>
    </cfRule>
    <cfRule type="expression" dxfId="7235" priority="7240" stopIfTrue="1">
      <formula>ISBLANK(S41)=FALSE</formula>
    </cfRule>
  </conditionalFormatting>
  <conditionalFormatting sqref="V41:W42">
    <cfRule type="expression" dxfId="7234" priority="7231" stopIfTrue="1">
      <formula>ISBLANK(V41)=TRUE</formula>
    </cfRule>
    <cfRule type="expression" dxfId="7233" priority="7232" stopIfTrue="1">
      <formula>INDIRECT("第１の３表②!"&amp;CELL("address",CO41))="×××"</formula>
    </cfRule>
    <cfRule type="expression" dxfId="7232" priority="7233" stopIfTrue="1">
      <formula>INDIRECT("第１の３表②!"&amp;CELL("address",CO41))="××"</formula>
    </cfRule>
    <cfRule type="expression" dxfId="7231" priority="7234" stopIfTrue="1">
      <formula>INDIRECT("第１の３表②!"&amp;CELL("address",CO41))="×"</formula>
    </cfRule>
    <cfRule type="expression" dxfId="7230" priority="7235" stopIfTrue="1">
      <formula>ISBLANK(V41)=FALSE</formula>
    </cfRule>
  </conditionalFormatting>
  <conditionalFormatting sqref="V41:W42">
    <cfRule type="expression" dxfId="7229" priority="7226" stopIfTrue="1">
      <formula>ISBLANK(V41)=TRUE</formula>
    </cfRule>
    <cfRule type="expression" dxfId="7228" priority="7227" stopIfTrue="1">
      <formula>INDIRECT("第１の３表②!"&amp;CELL("address",CO41))="×××"</formula>
    </cfRule>
    <cfRule type="expression" dxfId="7227" priority="7228" stopIfTrue="1">
      <formula>INDIRECT("第１の３表②!"&amp;CELL("address",CO41))="××"</formula>
    </cfRule>
    <cfRule type="expression" dxfId="7226" priority="7229" stopIfTrue="1">
      <formula>INDIRECT("第１の３表②!"&amp;CELL("address",CO41))="×"</formula>
    </cfRule>
    <cfRule type="expression" dxfId="7225" priority="7230" stopIfTrue="1">
      <formula>ISBLANK(V41)=FALSE</formula>
    </cfRule>
  </conditionalFormatting>
  <conditionalFormatting sqref="V41:W42">
    <cfRule type="expression" dxfId="7224" priority="7221" stopIfTrue="1">
      <formula>ISBLANK(V41)=TRUE</formula>
    </cfRule>
    <cfRule type="expression" dxfId="7223" priority="7222" stopIfTrue="1">
      <formula>INDIRECT("第１の３表②!"&amp;CELL("address",CO41))="×××"</formula>
    </cfRule>
    <cfRule type="expression" dxfId="7222" priority="7223" stopIfTrue="1">
      <formula>INDIRECT("第１の３表②!"&amp;CELL("address",CO41))="××"</formula>
    </cfRule>
    <cfRule type="expression" dxfId="7221" priority="7224" stopIfTrue="1">
      <formula>INDIRECT("第１の３表②!"&amp;CELL("address",CO41))="×"</formula>
    </cfRule>
    <cfRule type="expression" dxfId="7220" priority="7225" stopIfTrue="1">
      <formula>ISBLANK(V41)=FALSE</formula>
    </cfRule>
  </conditionalFormatting>
  <conditionalFormatting sqref="Y41:Z42">
    <cfRule type="expression" dxfId="7219" priority="7216" stopIfTrue="1">
      <formula>ISBLANK(Y41)=TRUE</formula>
    </cfRule>
    <cfRule type="expression" dxfId="7218" priority="7217" stopIfTrue="1">
      <formula>INDIRECT("第１の３表②!"&amp;CELL("address",CR41))="×××"</formula>
    </cfRule>
    <cfRule type="expression" dxfId="7217" priority="7218" stopIfTrue="1">
      <formula>INDIRECT("第１の３表②!"&amp;CELL("address",CR41))="××"</formula>
    </cfRule>
    <cfRule type="expression" dxfId="7216" priority="7219" stopIfTrue="1">
      <formula>INDIRECT("第１の３表②!"&amp;CELL("address",CR41))="×"</formula>
    </cfRule>
    <cfRule type="expression" dxfId="7215" priority="7220" stopIfTrue="1">
      <formula>ISBLANK(Y41)=FALSE</formula>
    </cfRule>
  </conditionalFormatting>
  <conditionalFormatting sqref="Y41:Z42">
    <cfRule type="expression" dxfId="7214" priority="7211" stopIfTrue="1">
      <formula>ISBLANK(Y41)=TRUE</formula>
    </cfRule>
    <cfRule type="expression" dxfId="7213" priority="7212" stopIfTrue="1">
      <formula>INDIRECT("第１の３表②!"&amp;CELL("address",CR41))="×××"</formula>
    </cfRule>
    <cfRule type="expression" dxfId="7212" priority="7213" stopIfTrue="1">
      <formula>INDIRECT("第１の３表②!"&amp;CELL("address",CR41))="××"</formula>
    </cfRule>
    <cfRule type="expression" dxfId="7211" priority="7214" stopIfTrue="1">
      <formula>INDIRECT("第１の３表②!"&amp;CELL("address",CR41))="×"</formula>
    </cfRule>
    <cfRule type="expression" dxfId="7210" priority="7215" stopIfTrue="1">
      <formula>ISBLANK(Y41)=FALSE</formula>
    </cfRule>
  </conditionalFormatting>
  <conditionalFormatting sqref="Y41:Z42">
    <cfRule type="expression" dxfId="7209" priority="7206" stopIfTrue="1">
      <formula>ISBLANK(Y41)=TRUE</formula>
    </cfRule>
    <cfRule type="expression" dxfId="7208" priority="7207" stopIfTrue="1">
      <formula>INDIRECT("第１の３表②!"&amp;CELL("address",CR41))="×××"</formula>
    </cfRule>
    <cfRule type="expression" dxfId="7207" priority="7208" stopIfTrue="1">
      <formula>INDIRECT("第１の３表②!"&amp;CELL("address",CR41))="××"</formula>
    </cfRule>
    <cfRule type="expression" dxfId="7206" priority="7209" stopIfTrue="1">
      <formula>INDIRECT("第１の３表②!"&amp;CELL("address",CR41))="×"</formula>
    </cfRule>
    <cfRule type="expression" dxfId="7205" priority="7210" stopIfTrue="1">
      <formula>ISBLANK(Y41)=FALSE</formula>
    </cfRule>
  </conditionalFormatting>
  <conditionalFormatting sqref="AB41:AC42">
    <cfRule type="expression" dxfId="7204" priority="7201" stopIfTrue="1">
      <formula>ISBLANK(AB41)=TRUE</formula>
    </cfRule>
    <cfRule type="expression" dxfId="7203" priority="7202" stopIfTrue="1">
      <formula>INDIRECT("第１の３表②!"&amp;CELL("address",CU41))="×××"</formula>
    </cfRule>
    <cfRule type="expression" dxfId="7202" priority="7203" stopIfTrue="1">
      <formula>INDIRECT("第１の３表②!"&amp;CELL("address",CU41))="××"</formula>
    </cfRule>
    <cfRule type="expression" dxfId="7201" priority="7204" stopIfTrue="1">
      <formula>INDIRECT("第１の３表②!"&amp;CELL("address",CU41))="×"</formula>
    </cfRule>
    <cfRule type="expression" dxfId="7200" priority="7205" stopIfTrue="1">
      <formula>ISBLANK(AB41)=FALSE</formula>
    </cfRule>
  </conditionalFormatting>
  <conditionalFormatting sqref="AB41:AC42">
    <cfRule type="expression" dxfId="7199" priority="7196" stopIfTrue="1">
      <formula>ISBLANK(AB41)=TRUE</formula>
    </cfRule>
    <cfRule type="expression" dxfId="7198" priority="7197" stopIfTrue="1">
      <formula>INDIRECT("第１の３表②!"&amp;CELL("address",CU41))="×××"</formula>
    </cfRule>
    <cfRule type="expression" dxfId="7197" priority="7198" stopIfTrue="1">
      <formula>INDIRECT("第１の３表②!"&amp;CELL("address",CU41))="××"</formula>
    </cfRule>
    <cfRule type="expression" dxfId="7196" priority="7199" stopIfTrue="1">
      <formula>INDIRECT("第１の３表②!"&amp;CELL("address",CU41))="×"</formula>
    </cfRule>
    <cfRule type="expression" dxfId="7195" priority="7200" stopIfTrue="1">
      <formula>ISBLANK(AB41)=FALSE</formula>
    </cfRule>
  </conditionalFormatting>
  <conditionalFormatting sqref="AB41:AC42">
    <cfRule type="expression" dxfId="7194" priority="7191" stopIfTrue="1">
      <formula>ISBLANK(AB41)=TRUE</formula>
    </cfRule>
    <cfRule type="expression" dxfId="7193" priority="7192" stopIfTrue="1">
      <formula>INDIRECT("第１の３表②!"&amp;CELL("address",CU41))="×××"</formula>
    </cfRule>
    <cfRule type="expression" dxfId="7192" priority="7193" stopIfTrue="1">
      <formula>INDIRECT("第１の３表②!"&amp;CELL("address",CU41))="××"</formula>
    </cfRule>
    <cfRule type="expression" dxfId="7191" priority="7194" stopIfTrue="1">
      <formula>INDIRECT("第１の３表②!"&amp;CELL("address",CU41))="×"</formula>
    </cfRule>
    <cfRule type="expression" dxfId="7190" priority="7195" stopIfTrue="1">
      <formula>ISBLANK(AB41)=FALSE</formula>
    </cfRule>
  </conditionalFormatting>
  <conditionalFormatting sqref="AE41:AF42">
    <cfRule type="expression" dxfId="7189" priority="7186" stopIfTrue="1">
      <formula>ISBLANK(AE41)=TRUE</formula>
    </cfRule>
    <cfRule type="expression" dxfId="7188" priority="7187" stopIfTrue="1">
      <formula>INDIRECT("第１の３表②!"&amp;CELL("address",CX41))="×××"</formula>
    </cfRule>
    <cfRule type="expression" dxfId="7187" priority="7188" stopIfTrue="1">
      <formula>INDIRECT("第１の３表②!"&amp;CELL("address",CX41))="××"</formula>
    </cfRule>
    <cfRule type="expression" dxfId="7186" priority="7189" stopIfTrue="1">
      <formula>INDIRECT("第１の３表②!"&amp;CELL("address",CX41))="×"</formula>
    </cfRule>
    <cfRule type="expression" dxfId="7185" priority="7190" stopIfTrue="1">
      <formula>ISBLANK(AE41)=FALSE</formula>
    </cfRule>
  </conditionalFormatting>
  <conditionalFormatting sqref="AE41:AF42">
    <cfRule type="expression" dxfId="7184" priority="7181" stopIfTrue="1">
      <formula>ISBLANK(AE41)=TRUE</formula>
    </cfRule>
    <cfRule type="expression" dxfId="7183" priority="7182" stopIfTrue="1">
      <formula>INDIRECT("第１の３表②!"&amp;CELL("address",CX41))="×××"</formula>
    </cfRule>
    <cfRule type="expression" dxfId="7182" priority="7183" stopIfTrue="1">
      <formula>INDIRECT("第１の３表②!"&amp;CELL("address",CX41))="××"</formula>
    </cfRule>
    <cfRule type="expression" dxfId="7181" priority="7184" stopIfTrue="1">
      <formula>INDIRECT("第１の３表②!"&amp;CELL("address",CX41))="×"</formula>
    </cfRule>
    <cfRule type="expression" dxfId="7180" priority="7185" stopIfTrue="1">
      <formula>ISBLANK(AE41)=FALSE</formula>
    </cfRule>
  </conditionalFormatting>
  <conditionalFormatting sqref="AE41:AF42">
    <cfRule type="expression" dxfId="7179" priority="7176" stopIfTrue="1">
      <formula>ISBLANK(AE41)=TRUE</formula>
    </cfRule>
    <cfRule type="expression" dxfId="7178" priority="7177" stopIfTrue="1">
      <formula>INDIRECT("第１の３表②!"&amp;CELL("address",CX41))="×××"</formula>
    </cfRule>
    <cfRule type="expression" dxfId="7177" priority="7178" stopIfTrue="1">
      <formula>INDIRECT("第１の３表②!"&amp;CELL("address",CX41))="××"</formula>
    </cfRule>
    <cfRule type="expression" dxfId="7176" priority="7179" stopIfTrue="1">
      <formula>INDIRECT("第１の３表②!"&amp;CELL("address",CX41))="×"</formula>
    </cfRule>
    <cfRule type="expression" dxfId="7175" priority="7180" stopIfTrue="1">
      <formula>ISBLANK(AE41)=FALSE</formula>
    </cfRule>
  </conditionalFormatting>
  <conditionalFormatting sqref="AH41:AI42">
    <cfRule type="expression" dxfId="7174" priority="7171" stopIfTrue="1">
      <formula>ISBLANK(AH41)=TRUE</formula>
    </cfRule>
    <cfRule type="expression" dxfId="7173" priority="7172" stopIfTrue="1">
      <formula>INDIRECT("第１の３表②!"&amp;CELL("address",DA41))="×××"</formula>
    </cfRule>
    <cfRule type="expression" dxfId="7172" priority="7173" stopIfTrue="1">
      <formula>INDIRECT("第１の３表②!"&amp;CELL("address",DA41))="××"</formula>
    </cfRule>
    <cfRule type="expression" dxfId="7171" priority="7174" stopIfTrue="1">
      <formula>INDIRECT("第１の３表②!"&amp;CELL("address",DA41))="×"</formula>
    </cfRule>
    <cfRule type="expression" dxfId="7170" priority="7175" stopIfTrue="1">
      <formula>ISBLANK(AH41)=FALSE</formula>
    </cfRule>
  </conditionalFormatting>
  <conditionalFormatting sqref="AH41:AI42">
    <cfRule type="expression" dxfId="7169" priority="7166" stopIfTrue="1">
      <formula>ISBLANK(AH41)=TRUE</formula>
    </cfRule>
    <cfRule type="expression" dxfId="7168" priority="7167" stopIfTrue="1">
      <formula>INDIRECT("第１の３表②!"&amp;CELL("address",DA41))="×××"</formula>
    </cfRule>
    <cfRule type="expression" dxfId="7167" priority="7168" stopIfTrue="1">
      <formula>INDIRECT("第１の３表②!"&amp;CELL("address",DA41))="××"</formula>
    </cfRule>
    <cfRule type="expression" dxfId="7166" priority="7169" stopIfTrue="1">
      <formula>INDIRECT("第１の３表②!"&amp;CELL("address",DA41))="×"</formula>
    </cfRule>
    <cfRule type="expression" dxfId="7165" priority="7170" stopIfTrue="1">
      <formula>ISBLANK(AH41)=FALSE</formula>
    </cfRule>
  </conditionalFormatting>
  <conditionalFormatting sqref="AH41:AI42">
    <cfRule type="expression" dxfId="7164" priority="7161" stopIfTrue="1">
      <formula>ISBLANK(AH41)=TRUE</formula>
    </cfRule>
    <cfRule type="expression" dxfId="7163" priority="7162" stopIfTrue="1">
      <formula>INDIRECT("第１の３表②!"&amp;CELL("address",DA41))="×××"</formula>
    </cfRule>
    <cfRule type="expression" dxfId="7162" priority="7163" stopIfTrue="1">
      <formula>INDIRECT("第１の３表②!"&amp;CELL("address",DA41))="××"</formula>
    </cfRule>
    <cfRule type="expression" dxfId="7161" priority="7164" stopIfTrue="1">
      <formula>INDIRECT("第１の３表②!"&amp;CELL("address",DA41))="×"</formula>
    </cfRule>
    <cfRule type="expression" dxfId="7160" priority="7165" stopIfTrue="1">
      <formula>ISBLANK(AH41)=FALSE</formula>
    </cfRule>
  </conditionalFormatting>
  <conditionalFormatting sqref="AK41:AL42">
    <cfRule type="expression" dxfId="7159" priority="7156" stopIfTrue="1">
      <formula>ISBLANK(AK41)=TRUE</formula>
    </cfRule>
    <cfRule type="expression" dxfId="7158" priority="7157" stopIfTrue="1">
      <formula>INDIRECT("第１の３表②!"&amp;CELL("address",DD41))="×××"</formula>
    </cfRule>
    <cfRule type="expression" dxfId="7157" priority="7158" stopIfTrue="1">
      <formula>INDIRECT("第１の３表②!"&amp;CELL("address",DD41))="××"</formula>
    </cfRule>
    <cfRule type="expression" dxfId="7156" priority="7159" stopIfTrue="1">
      <formula>INDIRECT("第１の３表②!"&amp;CELL("address",DD41))="×"</formula>
    </cfRule>
    <cfRule type="expression" dxfId="7155" priority="7160" stopIfTrue="1">
      <formula>ISBLANK(AK41)=FALSE</formula>
    </cfRule>
  </conditionalFormatting>
  <conditionalFormatting sqref="AK41:AL42">
    <cfRule type="expression" dxfId="7154" priority="7151" stopIfTrue="1">
      <formula>ISBLANK(AK41)=TRUE</formula>
    </cfRule>
    <cfRule type="expression" dxfId="7153" priority="7152" stopIfTrue="1">
      <formula>INDIRECT("第１の３表②!"&amp;CELL("address",DD41))="×××"</formula>
    </cfRule>
    <cfRule type="expression" dxfId="7152" priority="7153" stopIfTrue="1">
      <formula>INDIRECT("第１の３表②!"&amp;CELL("address",DD41))="××"</formula>
    </cfRule>
    <cfRule type="expression" dxfId="7151" priority="7154" stopIfTrue="1">
      <formula>INDIRECT("第１の３表②!"&amp;CELL("address",DD41))="×"</formula>
    </cfRule>
    <cfRule type="expression" dxfId="7150" priority="7155" stopIfTrue="1">
      <formula>ISBLANK(AK41)=FALSE</formula>
    </cfRule>
  </conditionalFormatting>
  <conditionalFormatting sqref="AK41:AL42">
    <cfRule type="expression" dxfId="7149" priority="7146" stopIfTrue="1">
      <formula>ISBLANK(AK41)=TRUE</formula>
    </cfRule>
    <cfRule type="expression" dxfId="7148" priority="7147" stopIfTrue="1">
      <formula>INDIRECT("第１の３表②!"&amp;CELL("address",DD41))="×××"</formula>
    </cfRule>
    <cfRule type="expression" dxfId="7147" priority="7148" stopIfTrue="1">
      <formula>INDIRECT("第１の３表②!"&amp;CELL("address",DD41))="××"</formula>
    </cfRule>
    <cfRule type="expression" dxfId="7146" priority="7149" stopIfTrue="1">
      <formula>INDIRECT("第１の３表②!"&amp;CELL("address",DD41))="×"</formula>
    </cfRule>
    <cfRule type="expression" dxfId="7145" priority="7150" stopIfTrue="1">
      <formula>ISBLANK(AK41)=FALSE</formula>
    </cfRule>
  </conditionalFormatting>
  <conditionalFormatting sqref="AN41:AO42">
    <cfRule type="expression" dxfId="7144" priority="7141" stopIfTrue="1">
      <formula>ISBLANK(AN41)=TRUE</formula>
    </cfRule>
    <cfRule type="expression" dxfId="7143" priority="7142" stopIfTrue="1">
      <formula>INDIRECT("第１の３表②!"&amp;CELL("address",DG41))="×××"</formula>
    </cfRule>
    <cfRule type="expression" dxfId="7142" priority="7143" stopIfTrue="1">
      <formula>INDIRECT("第１の３表②!"&amp;CELL("address",DG41))="××"</formula>
    </cfRule>
    <cfRule type="expression" dxfId="7141" priority="7144" stopIfTrue="1">
      <formula>INDIRECT("第１の３表②!"&amp;CELL("address",DG41))="×"</formula>
    </cfRule>
    <cfRule type="expression" dxfId="7140" priority="7145" stopIfTrue="1">
      <formula>ISBLANK(AN41)=FALSE</formula>
    </cfRule>
  </conditionalFormatting>
  <conditionalFormatting sqref="AN41:AO42">
    <cfRule type="expression" dxfId="7139" priority="7136" stopIfTrue="1">
      <formula>ISBLANK(AN41)=TRUE</formula>
    </cfRule>
    <cfRule type="expression" dxfId="7138" priority="7137" stopIfTrue="1">
      <formula>INDIRECT("第１の３表②!"&amp;CELL("address",DG41))="×××"</formula>
    </cfRule>
    <cfRule type="expression" dxfId="7137" priority="7138" stopIfTrue="1">
      <formula>INDIRECT("第１の３表②!"&amp;CELL("address",DG41))="××"</formula>
    </cfRule>
    <cfRule type="expression" dxfId="7136" priority="7139" stopIfTrue="1">
      <formula>INDIRECT("第１の３表②!"&amp;CELL("address",DG41))="×"</formula>
    </cfRule>
    <cfRule type="expression" dxfId="7135" priority="7140" stopIfTrue="1">
      <formula>ISBLANK(AN41)=FALSE</formula>
    </cfRule>
  </conditionalFormatting>
  <conditionalFormatting sqref="AN41:AO42">
    <cfRule type="expression" dxfId="7134" priority="7131" stopIfTrue="1">
      <formula>ISBLANK(AN41)=TRUE</formula>
    </cfRule>
    <cfRule type="expression" dxfId="7133" priority="7132" stopIfTrue="1">
      <formula>INDIRECT("第１の３表②!"&amp;CELL("address",DG41))="×××"</formula>
    </cfRule>
    <cfRule type="expression" dxfId="7132" priority="7133" stopIfTrue="1">
      <formula>INDIRECT("第１の３表②!"&amp;CELL("address",DG41))="××"</formula>
    </cfRule>
    <cfRule type="expression" dxfId="7131" priority="7134" stopIfTrue="1">
      <formula>INDIRECT("第１の３表②!"&amp;CELL("address",DG41))="×"</formula>
    </cfRule>
    <cfRule type="expression" dxfId="7130" priority="7135" stopIfTrue="1">
      <formula>ISBLANK(AN41)=FALSE</formula>
    </cfRule>
  </conditionalFormatting>
  <conditionalFormatting sqref="AQ41:AR42">
    <cfRule type="expression" dxfId="7129" priority="7126" stopIfTrue="1">
      <formula>ISBLANK(AQ41)=TRUE</formula>
    </cfRule>
    <cfRule type="expression" dxfId="7128" priority="7127" stopIfTrue="1">
      <formula>INDIRECT("第１の３表②!"&amp;CELL("address",DJ41))="×××"</formula>
    </cfRule>
    <cfRule type="expression" dxfId="7127" priority="7128" stopIfTrue="1">
      <formula>INDIRECT("第１の３表②!"&amp;CELL("address",DJ41))="××"</formula>
    </cfRule>
    <cfRule type="expression" dxfId="7126" priority="7129" stopIfTrue="1">
      <formula>INDIRECT("第１の３表②!"&amp;CELL("address",DJ41))="×"</formula>
    </cfRule>
    <cfRule type="expression" dxfId="7125" priority="7130" stopIfTrue="1">
      <formula>ISBLANK(AQ41)=FALSE</formula>
    </cfRule>
  </conditionalFormatting>
  <conditionalFormatting sqref="AQ41:AR42">
    <cfRule type="expression" dxfId="7124" priority="7121" stopIfTrue="1">
      <formula>ISBLANK(AQ41)=TRUE</formula>
    </cfRule>
    <cfRule type="expression" dxfId="7123" priority="7122" stopIfTrue="1">
      <formula>INDIRECT("第１の３表②!"&amp;CELL("address",DJ41))="×××"</formula>
    </cfRule>
    <cfRule type="expression" dxfId="7122" priority="7123" stopIfTrue="1">
      <formula>INDIRECT("第１の３表②!"&amp;CELL("address",DJ41))="××"</formula>
    </cfRule>
    <cfRule type="expression" dxfId="7121" priority="7124" stopIfTrue="1">
      <formula>INDIRECT("第１の３表②!"&amp;CELL("address",DJ41))="×"</formula>
    </cfRule>
    <cfRule type="expression" dxfId="7120" priority="7125" stopIfTrue="1">
      <formula>ISBLANK(AQ41)=FALSE</formula>
    </cfRule>
  </conditionalFormatting>
  <conditionalFormatting sqref="AQ41:AR42">
    <cfRule type="expression" dxfId="7119" priority="7116" stopIfTrue="1">
      <formula>ISBLANK(AQ41)=TRUE</formula>
    </cfRule>
    <cfRule type="expression" dxfId="7118" priority="7117" stopIfTrue="1">
      <formula>INDIRECT("第１の３表②!"&amp;CELL("address",DJ41))="×××"</formula>
    </cfRule>
    <cfRule type="expression" dxfId="7117" priority="7118" stopIfTrue="1">
      <formula>INDIRECT("第１の３表②!"&amp;CELL("address",DJ41))="××"</formula>
    </cfRule>
    <cfRule type="expression" dxfId="7116" priority="7119" stopIfTrue="1">
      <formula>INDIRECT("第１の３表②!"&amp;CELL("address",DJ41))="×"</formula>
    </cfRule>
    <cfRule type="expression" dxfId="7115" priority="7120" stopIfTrue="1">
      <formula>ISBLANK(AQ41)=FALSE</formula>
    </cfRule>
  </conditionalFormatting>
  <conditionalFormatting sqref="AT41:AU42">
    <cfRule type="expression" dxfId="7114" priority="7111" stopIfTrue="1">
      <formula>ISBLANK(AT41)=TRUE</formula>
    </cfRule>
    <cfRule type="expression" dxfId="7113" priority="7112" stopIfTrue="1">
      <formula>INDIRECT("第１の３表②!"&amp;CELL("address",DM41))="×××"</formula>
    </cfRule>
    <cfRule type="expression" dxfId="7112" priority="7113" stopIfTrue="1">
      <formula>INDIRECT("第１の３表②!"&amp;CELL("address",DM41))="××"</formula>
    </cfRule>
    <cfRule type="expression" dxfId="7111" priority="7114" stopIfTrue="1">
      <formula>INDIRECT("第１の３表②!"&amp;CELL("address",DM41))="×"</formula>
    </cfRule>
    <cfRule type="expression" dxfId="7110" priority="7115" stopIfTrue="1">
      <formula>ISBLANK(AT41)=FALSE</formula>
    </cfRule>
  </conditionalFormatting>
  <conditionalFormatting sqref="AT41:AU42">
    <cfRule type="expression" dxfId="7109" priority="7106" stopIfTrue="1">
      <formula>ISBLANK(AT41)=TRUE</formula>
    </cfRule>
    <cfRule type="expression" dxfId="7108" priority="7107" stopIfTrue="1">
      <formula>INDIRECT("第１の３表②!"&amp;CELL("address",DM41))="×××"</formula>
    </cfRule>
    <cfRule type="expression" dxfId="7107" priority="7108" stopIfTrue="1">
      <formula>INDIRECT("第１の３表②!"&amp;CELL("address",DM41))="××"</formula>
    </cfRule>
    <cfRule type="expression" dxfId="7106" priority="7109" stopIfTrue="1">
      <formula>INDIRECT("第１の３表②!"&amp;CELL("address",DM41))="×"</formula>
    </cfRule>
    <cfRule type="expression" dxfId="7105" priority="7110" stopIfTrue="1">
      <formula>ISBLANK(AT41)=FALSE</formula>
    </cfRule>
  </conditionalFormatting>
  <conditionalFormatting sqref="AT41:AU42">
    <cfRule type="expression" dxfId="7104" priority="7101" stopIfTrue="1">
      <formula>ISBLANK(AT41)=TRUE</formula>
    </cfRule>
    <cfRule type="expression" dxfId="7103" priority="7102" stopIfTrue="1">
      <formula>INDIRECT("第１の３表②!"&amp;CELL("address",DM41))="×××"</formula>
    </cfRule>
    <cfRule type="expression" dxfId="7102" priority="7103" stopIfTrue="1">
      <formula>INDIRECT("第１の３表②!"&amp;CELL("address",DM41))="××"</formula>
    </cfRule>
    <cfRule type="expression" dxfId="7101" priority="7104" stopIfTrue="1">
      <formula>INDIRECT("第１の３表②!"&amp;CELL("address",DM41))="×"</formula>
    </cfRule>
    <cfRule type="expression" dxfId="7100" priority="7105" stopIfTrue="1">
      <formula>ISBLANK(AT41)=FALSE</formula>
    </cfRule>
  </conditionalFormatting>
  <conditionalFormatting sqref="AW41:AX42">
    <cfRule type="expression" dxfId="7099" priority="7096" stopIfTrue="1">
      <formula>ISBLANK(AW41)=TRUE</formula>
    </cfRule>
    <cfRule type="expression" dxfId="7098" priority="7097" stopIfTrue="1">
      <formula>INDIRECT("第１の３表②!"&amp;CELL("address",DP41))="×××"</formula>
    </cfRule>
    <cfRule type="expression" dxfId="7097" priority="7098" stopIfTrue="1">
      <formula>INDIRECT("第１の３表②!"&amp;CELL("address",DP41))="××"</formula>
    </cfRule>
    <cfRule type="expression" dxfId="7096" priority="7099" stopIfTrue="1">
      <formula>INDIRECT("第１の３表②!"&amp;CELL("address",DP41))="×"</formula>
    </cfRule>
    <cfRule type="expression" dxfId="7095" priority="7100" stopIfTrue="1">
      <formula>ISBLANK(AW41)=FALSE</formula>
    </cfRule>
  </conditionalFormatting>
  <conditionalFormatting sqref="AW41:AX42">
    <cfRule type="expression" dxfId="7094" priority="7091" stopIfTrue="1">
      <formula>ISBLANK(AW41)=TRUE</formula>
    </cfRule>
    <cfRule type="expression" dxfId="7093" priority="7092" stopIfTrue="1">
      <formula>INDIRECT("第１の３表②!"&amp;CELL("address",DP41))="×××"</formula>
    </cfRule>
    <cfRule type="expression" dxfId="7092" priority="7093" stopIfTrue="1">
      <formula>INDIRECT("第１の３表②!"&amp;CELL("address",DP41))="××"</formula>
    </cfRule>
    <cfRule type="expression" dxfId="7091" priority="7094" stopIfTrue="1">
      <formula>INDIRECT("第１の３表②!"&amp;CELL("address",DP41))="×"</formula>
    </cfRule>
    <cfRule type="expression" dxfId="7090" priority="7095" stopIfTrue="1">
      <formula>ISBLANK(AW41)=FALSE</formula>
    </cfRule>
  </conditionalFormatting>
  <conditionalFormatting sqref="AW41:AX42">
    <cfRule type="expression" dxfId="7089" priority="7086" stopIfTrue="1">
      <formula>ISBLANK(AW41)=TRUE</formula>
    </cfRule>
    <cfRule type="expression" dxfId="7088" priority="7087" stopIfTrue="1">
      <formula>INDIRECT("第１の３表②!"&amp;CELL("address",DP41))="×××"</formula>
    </cfRule>
    <cfRule type="expression" dxfId="7087" priority="7088" stopIfTrue="1">
      <formula>INDIRECT("第１の３表②!"&amp;CELL("address",DP41))="××"</formula>
    </cfRule>
    <cfRule type="expression" dxfId="7086" priority="7089" stopIfTrue="1">
      <formula>INDIRECT("第１の３表②!"&amp;CELL("address",DP41))="×"</formula>
    </cfRule>
    <cfRule type="expression" dxfId="7085" priority="7090" stopIfTrue="1">
      <formula>ISBLANK(AW41)=FALSE</formula>
    </cfRule>
  </conditionalFormatting>
  <conditionalFormatting sqref="AZ41:BA42">
    <cfRule type="expression" dxfId="7084" priority="7081" stopIfTrue="1">
      <formula>ISBLANK(AZ41)=TRUE</formula>
    </cfRule>
    <cfRule type="expression" dxfId="7083" priority="7082" stopIfTrue="1">
      <formula>INDIRECT("第１の３表②!"&amp;CELL("address",DS41))="×××"</formula>
    </cfRule>
    <cfRule type="expression" dxfId="7082" priority="7083" stopIfTrue="1">
      <formula>INDIRECT("第１の３表②!"&amp;CELL("address",DS41))="××"</formula>
    </cfRule>
    <cfRule type="expression" dxfId="7081" priority="7084" stopIfTrue="1">
      <formula>INDIRECT("第１の３表②!"&amp;CELL("address",DS41))="×"</formula>
    </cfRule>
    <cfRule type="expression" dxfId="7080" priority="7085" stopIfTrue="1">
      <formula>ISBLANK(AZ41)=FALSE</formula>
    </cfRule>
  </conditionalFormatting>
  <conditionalFormatting sqref="AZ41:BA42">
    <cfRule type="expression" dxfId="7079" priority="7076" stopIfTrue="1">
      <formula>ISBLANK(AZ41)=TRUE</formula>
    </cfRule>
    <cfRule type="expression" dxfId="7078" priority="7077" stopIfTrue="1">
      <formula>INDIRECT("第１の３表②!"&amp;CELL("address",DS41))="×××"</formula>
    </cfRule>
    <cfRule type="expression" dxfId="7077" priority="7078" stopIfTrue="1">
      <formula>INDIRECT("第１の３表②!"&amp;CELL("address",DS41))="××"</formula>
    </cfRule>
    <cfRule type="expression" dxfId="7076" priority="7079" stopIfTrue="1">
      <formula>INDIRECT("第１の３表②!"&amp;CELL("address",DS41))="×"</formula>
    </cfRule>
    <cfRule type="expression" dxfId="7075" priority="7080" stopIfTrue="1">
      <formula>ISBLANK(AZ41)=FALSE</formula>
    </cfRule>
  </conditionalFormatting>
  <conditionalFormatting sqref="AZ41:BA42">
    <cfRule type="expression" dxfId="7074" priority="7071" stopIfTrue="1">
      <formula>ISBLANK(AZ41)=TRUE</formula>
    </cfRule>
    <cfRule type="expression" dxfId="7073" priority="7072" stopIfTrue="1">
      <formula>INDIRECT("第１の３表②!"&amp;CELL("address",DS41))="×××"</formula>
    </cfRule>
    <cfRule type="expression" dxfId="7072" priority="7073" stopIfTrue="1">
      <formula>INDIRECT("第１の３表②!"&amp;CELL("address",DS41))="××"</formula>
    </cfRule>
    <cfRule type="expression" dxfId="7071" priority="7074" stopIfTrue="1">
      <formula>INDIRECT("第１の３表②!"&amp;CELL("address",DS41))="×"</formula>
    </cfRule>
    <cfRule type="expression" dxfId="7070" priority="7075" stopIfTrue="1">
      <formula>ISBLANK(AZ41)=FALSE</formula>
    </cfRule>
  </conditionalFormatting>
  <conditionalFormatting sqref="BC41:BD42">
    <cfRule type="expression" dxfId="7069" priority="7066" stopIfTrue="1">
      <formula>ISBLANK(BC41)=TRUE</formula>
    </cfRule>
    <cfRule type="expression" dxfId="7068" priority="7067" stopIfTrue="1">
      <formula>INDIRECT("第１の３表②!"&amp;CELL("address",DV41))="×××"</formula>
    </cfRule>
    <cfRule type="expression" dxfId="7067" priority="7068" stopIfTrue="1">
      <formula>INDIRECT("第１の３表②!"&amp;CELL("address",DV41))="××"</formula>
    </cfRule>
    <cfRule type="expression" dxfId="7066" priority="7069" stopIfTrue="1">
      <formula>INDIRECT("第１の３表②!"&amp;CELL("address",DV41))="×"</formula>
    </cfRule>
    <cfRule type="expression" dxfId="7065" priority="7070" stopIfTrue="1">
      <formula>ISBLANK(BC41)=FALSE</formula>
    </cfRule>
  </conditionalFormatting>
  <conditionalFormatting sqref="BC41:BD42">
    <cfRule type="expression" dxfId="7064" priority="7061" stopIfTrue="1">
      <formula>ISBLANK(BC41)=TRUE</formula>
    </cfRule>
    <cfRule type="expression" dxfId="7063" priority="7062" stopIfTrue="1">
      <formula>INDIRECT("第１の３表②!"&amp;CELL("address",DV41))="×××"</formula>
    </cfRule>
    <cfRule type="expression" dxfId="7062" priority="7063" stopIfTrue="1">
      <formula>INDIRECT("第１の３表②!"&amp;CELL("address",DV41))="××"</formula>
    </cfRule>
    <cfRule type="expression" dxfId="7061" priority="7064" stopIfTrue="1">
      <formula>INDIRECT("第１の３表②!"&amp;CELL("address",DV41))="×"</formula>
    </cfRule>
    <cfRule type="expression" dxfId="7060" priority="7065" stopIfTrue="1">
      <formula>ISBLANK(BC41)=FALSE</formula>
    </cfRule>
  </conditionalFormatting>
  <conditionalFormatting sqref="BC41:BD42">
    <cfRule type="expression" dxfId="7059" priority="7056" stopIfTrue="1">
      <formula>ISBLANK(BC41)=TRUE</formula>
    </cfRule>
    <cfRule type="expression" dxfId="7058" priority="7057" stopIfTrue="1">
      <formula>INDIRECT("第１の３表②!"&amp;CELL("address",DV41))="×××"</formula>
    </cfRule>
    <cfRule type="expression" dxfId="7057" priority="7058" stopIfTrue="1">
      <formula>INDIRECT("第１の３表②!"&amp;CELL("address",DV41))="××"</formula>
    </cfRule>
    <cfRule type="expression" dxfId="7056" priority="7059" stopIfTrue="1">
      <formula>INDIRECT("第１の３表②!"&amp;CELL("address",DV41))="×"</formula>
    </cfRule>
    <cfRule type="expression" dxfId="7055" priority="7060" stopIfTrue="1">
      <formula>ISBLANK(BC41)=FALSE</formula>
    </cfRule>
  </conditionalFormatting>
  <conditionalFormatting sqref="BF41:BG42">
    <cfRule type="expression" dxfId="7054" priority="7051" stopIfTrue="1">
      <formula>ISBLANK(BF41)=TRUE</formula>
    </cfRule>
    <cfRule type="expression" dxfId="7053" priority="7052" stopIfTrue="1">
      <formula>INDIRECT("第１の３表②!"&amp;CELL("address",DY41))="×××"</formula>
    </cfRule>
    <cfRule type="expression" dxfId="7052" priority="7053" stopIfTrue="1">
      <formula>INDIRECT("第１の３表②!"&amp;CELL("address",DY41))="××"</formula>
    </cfRule>
    <cfRule type="expression" dxfId="7051" priority="7054" stopIfTrue="1">
      <formula>INDIRECT("第１の３表②!"&amp;CELL("address",DY41))="×"</formula>
    </cfRule>
    <cfRule type="expression" dxfId="7050" priority="7055" stopIfTrue="1">
      <formula>ISBLANK(BF41)=FALSE</formula>
    </cfRule>
  </conditionalFormatting>
  <conditionalFormatting sqref="BF41:BG42">
    <cfRule type="expression" dxfId="7049" priority="7046" stopIfTrue="1">
      <formula>ISBLANK(BF41)=TRUE</formula>
    </cfRule>
    <cfRule type="expression" dxfId="7048" priority="7047" stopIfTrue="1">
      <formula>INDIRECT("第１の３表②!"&amp;CELL("address",DY41))="×××"</formula>
    </cfRule>
    <cfRule type="expression" dxfId="7047" priority="7048" stopIfTrue="1">
      <formula>INDIRECT("第１の３表②!"&amp;CELL("address",DY41))="××"</formula>
    </cfRule>
    <cfRule type="expression" dxfId="7046" priority="7049" stopIfTrue="1">
      <formula>INDIRECT("第１の３表②!"&amp;CELL("address",DY41))="×"</formula>
    </cfRule>
    <cfRule type="expression" dxfId="7045" priority="7050" stopIfTrue="1">
      <formula>ISBLANK(BF41)=FALSE</formula>
    </cfRule>
  </conditionalFormatting>
  <conditionalFormatting sqref="BF41:BG42">
    <cfRule type="expression" dxfId="7044" priority="7041" stopIfTrue="1">
      <formula>ISBLANK(BF41)=TRUE</formula>
    </cfRule>
    <cfRule type="expression" dxfId="7043" priority="7042" stopIfTrue="1">
      <formula>INDIRECT("第１の３表②!"&amp;CELL("address",DY41))="×××"</formula>
    </cfRule>
    <cfRule type="expression" dxfId="7042" priority="7043" stopIfTrue="1">
      <formula>INDIRECT("第１の３表②!"&amp;CELL("address",DY41))="××"</formula>
    </cfRule>
    <cfRule type="expression" dxfId="7041" priority="7044" stopIfTrue="1">
      <formula>INDIRECT("第１の３表②!"&amp;CELL("address",DY41))="×"</formula>
    </cfRule>
    <cfRule type="expression" dxfId="7040" priority="7045" stopIfTrue="1">
      <formula>ISBLANK(BF41)=FALSE</formula>
    </cfRule>
  </conditionalFormatting>
  <conditionalFormatting sqref="BI41:BJ42">
    <cfRule type="expression" dxfId="7039" priority="7036" stopIfTrue="1">
      <formula>ISBLANK(BI41)=TRUE</formula>
    </cfRule>
    <cfRule type="expression" dxfId="7038" priority="7037" stopIfTrue="1">
      <formula>INDIRECT("第１の３表②!"&amp;CELL("address",EB41))="×××"</formula>
    </cfRule>
    <cfRule type="expression" dxfId="7037" priority="7038" stopIfTrue="1">
      <formula>INDIRECT("第１の３表②!"&amp;CELL("address",EB41))="××"</formula>
    </cfRule>
    <cfRule type="expression" dxfId="7036" priority="7039" stopIfTrue="1">
      <formula>INDIRECT("第１の３表②!"&amp;CELL("address",EB41))="×"</formula>
    </cfRule>
    <cfRule type="expression" dxfId="7035" priority="7040" stopIfTrue="1">
      <formula>ISBLANK(BI41)=FALSE</formula>
    </cfRule>
  </conditionalFormatting>
  <conditionalFormatting sqref="BI41:BJ42">
    <cfRule type="expression" dxfId="7034" priority="7031" stopIfTrue="1">
      <formula>ISBLANK(BI41)=TRUE</formula>
    </cfRule>
    <cfRule type="expression" dxfId="7033" priority="7032" stopIfTrue="1">
      <formula>INDIRECT("第１の３表②!"&amp;CELL("address",EB41))="×××"</formula>
    </cfRule>
    <cfRule type="expression" dxfId="7032" priority="7033" stopIfTrue="1">
      <formula>INDIRECT("第１の３表②!"&amp;CELL("address",EB41))="××"</formula>
    </cfRule>
    <cfRule type="expression" dxfId="7031" priority="7034" stopIfTrue="1">
      <formula>INDIRECT("第１の３表②!"&amp;CELL("address",EB41))="×"</formula>
    </cfRule>
    <cfRule type="expression" dxfId="7030" priority="7035" stopIfTrue="1">
      <formula>ISBLANK(BI41)=FALSE</formula>
    </cfRule>
  </conditionalFormatting>
  <conditionalFormatting sqref="BI41:BJ42">
    <cfRule type="expression" dxfId="7029" priority="7026" stopIfTrue="1">
      <formula>ISBLANK(BI41)=TRUE</formula>
    </cfRule>
    <cfRule type="expression" dxfId="7028" priority="7027" stopIfTrue="1">
      <formula>INDIRECT("第１の３表②!"&amp;CELL("address",EB41))="×××"</formula>
    </cfRule>
    <cfRule type="expression" dxfId="7027" priority="7028" stopIfTrue="1">
      <formula>INDIRECT("第１の３表②!"&amp;CELL("address",EB41))="××"</formula>
    </cfRule>
    <cfRule type="expression" dxfId="7026" priority="7029" stopIfTrue="1">
      <formula>INDIRECT("第１の３表②!"&amp;CELL("address",EB41))="×"</formula>
    </cfRule>
    <cfRule type="expression" dxfId="7025" priority="7030" stopIfTrue="1">
      <formula>ISBLANK(BI41)=FALSE</formula>
    </cfRule>
  </conditionalFormatting>
  <conditionalFormatting sqref="BL41:BM42">
    <cfRule type="expression" dxfId="7024" priority="7021" stopIfTrue="1">
      <formula>ISBLANK(BL41)=TRUE</formula>
    </cfRule>
    <cfRule type="expression" dxfId="7023" priority="7022" stopIfTrue="1">
      <formula>INDIRECT("第１の３表②!"&amp;CELL("address",EE41))="×××"</formula>
    </cfRule>
    <cfRule type="expression" dxfId="7022" priority="7023" stopIfTrue="1">
      <formula>INDIRECT("第１の３表②!"&amp;CELL("address",EE41))="××"</formula>
    </cfRule>
    <cfRule type="expression" dxfId="7021" priority="7024" stopIfTrue="1">
      <formula>INDIRECT("第１の３表②!"&amp;CELL("address",EE41))="×"</formula>
    </cfRule>
    <cfRule type="expression" dxfId="7020" priority="7025" stopIfTrue="1">
      <formula>ISBLANK(BL41)=FALSE</formula>
    </cfRule>
  </conditionalFormatting>
  <conditionalFormatting sqref="BL41:BM42">
    <cfRule type="expression" dxfId="7019" priority="7016" stopIfTrue="1">
      <formula>ISBLANK(BL41)=TRUE</formula>
    </cfRule>
    <cfRule type="expression" dxfId="7018" priority="7017" stopIfTrue="1">
      <formula>INDIRECT("第１の３表②!"&amp;CELL("address",EE41))="×××"</formula>
    </cfRule>
    <cfRule type="expression" dxfId="7017" priority="7018" stopIfTrue="1">
      <formula>INDIRECT("第１の３表②!"&amp;CELL("address",EE41))="××"</formula>
    </cfRule>
    <cfRule type="expression" dxfId="7016" priority="7019" stopIfTrue="1">
      <formula>INDIRECT("第１の３表②!"&amp;CELL("address",EE41))="×"</formula>
    </cfRule>
    <cfRule type="expression" dxfId="7015" priority="7020" stopIfTrue="1">
      <formula>ISBLANK(BL41)=FALSE</formula>
    </cfRule>
  </conditionalFormatting>
  <conditionalFormatting sqref="BL41:BM42">
    <cfRule type="expression" dxfId="7014" priority="7011" stopIfTrue="1">
      <formula>ISBLANK(BL41)=TRUE</formula>
    </cfRule>
    <cfRule type="expression" dxfId="7013" priority="7012" stopIfTrue="1">
      <formula>INDIRECT("第１の３表②!"&amp;CELL("address",EE41))="×××"</formula>
    </cfRule>
    <cfRule type="expression" dxfId="7012" priority="7013" stopIfTrue="1">
      <formula>INDIRECT("第１の３表②!"&amp;CELL("address",EE41))="××"</formula>
    </cfRule>
    <cfRule type="expression" dxfId="7011" priority="7014" stopIfTrue="1">
      <formula>INDIRECT("第１の３表②!"&amp;CELL("address",EE41))="×"</formula>
    </cfRule>
    <cfRule type="expression" dxfId="7010" priority="7015" stopIfTrue="1">
      <formula>ISBLANK(BL41)=FALSE</formula>
    </cfRule>
  </conditionalFormatting>
  <conditionalFormatting sqref="BO41:BP42">
    <cfRule type="expression" dxfId="7009" priority="7006" stopIfTrue="1">
      <formula>ISBLANK(BO41)=TRUE</formula>
    </cfRule>
    <cfRule type="expression" dxfId="7008" priority="7007" stopIfTrue="1">
      <formula>INDIRECT("第１の３表②!"&amp;CELL("address",EH41))="×××"</formula>
    </cfRule>
    <cfRule type="expression" dxfId="7007" priority="7008" stopIfTrue="1">
      <formula>INDIRECT("第１の３表②!"&amp;CELL("address",EH41))="××"</formula>
    </cfRule>
    <cfRule type="expression" dxfId="7006" priority="7009" stopIfTrue="1">
      <formula>INDIRECT("第１の３表②!"&amp;CELL("address",EH41))="×"</formula>
    </cfRule>
    <cfRule type="expression" dxfId="7005" priority="7010" stopIfTrue="1">
      <formula>ISBLANK(BO41)=FALSE</formula>
    </cfRule>
  </conditionalFormatting>
  <conditionalFormatting sqref="BO41:BP42">
    <cfRule type="expression" dxfId="7004" priority="7001" stopIfTrue="1">
      <formula>ISBLANK(BO41)=TRUE</formula>
    </cfRule>
    <cfRule type="expression" dxfId="7003" priority="7002" stopIfTrue="1">
      <formula>INDIRECT("第１の３表②!"&amp;CELL("address",EH41))="×××"</formula>
    </cfRule>
    <cfRule type="expression" dxfId="7002" priority="7003" stopIfTrue="1">
      <formula>INDIRECT("第１の３表②!"&amp;CELL("address",EH41))="××"</formula>
    </cfRule>
    <cfRule type="expression" dxfId="7001" priority="7004" stopIfTrue="1">
      <formula>INDIRECT("第１の３表②!"&amp;CELL("address",EH41))="×"</formula>
    </cfRule>
    <cfRule type="expression" dxfId="7000" priority="7005" stopIfTrue="1">
      <formula>ISBLANK(BO41)=FALSE</formula>
    </cfRule>
  </conditionalFormatting>
  <conditionalFormatting sqref="BO41:BP42">
    <cfRule type="expression" dxfId="6999" priority="6996" stopIfTrue="1">
      <formula>ISBLANK(BO41)=TRUE</formula>
    </cfRule>
    <cfRule type="expression" dxfId="6998" priority="6997" stopIfTrue="1">
      <formula>INDIRECT("第１の３表②!"&amp;CELL("address",EH41))="×××"</formula>
    </cfRule>
    <cfRule type="expression" dxfId="6997" priority="6998" stopIfTrue="1">
      <formula>INDIRECT("第１の３表②!"&amp;CELL("address",EH41))="××"</formula>
    </cfRule>
    <cfRule type="expression" dxfId="6996" priority="6999" stopIfTrue="1">
      <formula>INDIRECT("第１の３表②!"&amp;CELL("address",EH41))="×"</formula>
    </cfRule>
    <cfRule type="expression" dxfId="6995" priority="7000" stopIfTrue="1">
      <formula>ISBLANK(BO41)=FALSE</formula>
    </cfRule>
  </conditionalFormatting>
  <conditionalFormatting sqref="J44:K45">
    <cfRule type="expression" dxfId="6994" priority="6991" stopIfTrue="1">
      <formula>ISBLANK(J44)=TRUE</formula>
    </cfRule>
    <cfRule type="expression" dxfId="6993" priority="6992" stopIfTrue="1">
      <formula>INDIRECT("第１の３表②!"&amp;CELL("address",CC44))="×××"</formula>
    </cfRule>
    <cfRule type="expression" dxfId="6992" priority="6993" stopIfTrue="1">
      <formula>INDIRECT("第１の３表②!"&amp;CELL("address",CC44))="××"</formula>
    </cfRule>
    <cfRule type="expression" dxfId="6991" priority="6994" stopIfTrue="1">
      <formula>INDIRECT("第１の３表②!"&amp;CELL("address",CC44))="×"</formula>
    </cfRule>
    <cfRule type="expression" dxfId="6990" priority="6995" stopIfTrue="1">
      <formula>ISBLANK(J44)=FALSE</formula>
    </cfRule>
  </conditionalFormatting>
  <conditionalFormatting sqref="J44:K45">
    <cfRule type="expression" dxfId="6989" priority="6986" stopIfTrue="1">
      <formula>ISBLANK(J44)=TRUE</formula>
    </cfRule>
    <cfRule type="expression" dxfId="6988" priority="6987" stopIfTrue="1">
      <formula>INDIRECT("第１の３表②!"&amp;CELL("address",CC44))="×××"</formula>
    </cfRule>
    <cfRule type="expression" dxfId="6987" priority="6988" stopIfTrue="1">
      <formula>INDIRECT("第１の３表②!"&amp;CELL("address",CC44))="××"</formula>
    </cfRule>
    <cfRule type="expression" dxfId="6986" priority="6989" stopIfTrue="1">
      <formula>INDIRECT("第１の３表②!"&amp;CELL("address",CC44))="×"</formula>
    </cfRule>
    <cfRule type="expression" dxfId="6985" priority="6990" stopIfTrue="1">
      <formula>ISBLANK(J44)=FALSE</formula>
    </cfRule>
  </conditionalFormatting>
  <conditionalFormatting sqref="J44:K45">
    <cfRule type="expression" dxfId="6984" priority="6981" stopIfTrue="1">
      <formula>ISBLANK(J44)=TRUE</formula>
    </cfRule>
    <cfRule type="expression" dxfId="6983" priority="6982" stopIfTrue="1">
      <formula>INDIRECT("第１の３表②!"&amp;CELL("address",CC44))="×××"</formula>
    </cfRule>
    <cfRule type="expression" dxfId="6982" priority="6983" stopIfTrue="1">
      <formula>INDIRECT("第１の３表②!"&amp;CELL("address",CC44))="××"</formula>
    </cfRule>
    <cfRule type="expression" dxfId="6981" priority="6984" stopIfTrue="1">
      <formula>INDIRECT("第１の３表②!"&amp;CELL("address",CC44))="×"</formula>
    </cfRule>
    <cfRule type="expression" dxfId="6980" priority="6985" stopIfTrue="1">
      <formula>ISBLANK(J44)=FALSE</formula>
    </cfRule>
  </conditionalFormatting>
  <conditionalFormatting sqref="M44:N45">
    <cfRule type="expression" dxfId="6979" priority="6976" stopIfTrue="1">
      <formula>ISBLANK(M44)=TRUE</formula>
    </cfRule>
    <cfRule type="expression" dxfId="6978" priority="6977" stopIfTrue="1">
      <formula>INDIRECT("第１の３表②!"&amp;CELL("address",CF44))="×××"</formula>
    </cfRule>
    <cfRule type="expression" dxfId="6977" priority="6978" stopIfTrue="1">
      <formula>INDIRECT("第１の３表②!"&amp;CELL("address",CF44))="××"</formula>
    </cfRule>
    <cfRule type="expression" dxfId="6976" priority="6979" stopIfTrue="1">
      <formula>INDIRECT("第１の３表②!"&amp;CELL("address",CF44))="×"</formula>
    </cfRule>
    <cfRule type="expression" dxfId="6975" priority="6980" stopIfTrue="1">
      <formula>ISBLANK(M44)=FALSE</formula>
    </cfRule>
  </conditionalFormatting>
  <conditionalFormatting sqref="M44:N45">
    <cfRule type="expression" dxfId="6974" priority="6971" stopIfTrue="1">
      <formula>ISBLANK(M44)=TRUE</formula>
    </cfRule>
    <cfRule type="expression" dxfId="6973" priority="6972" stopIfTrue="1">
      <formula>INDIRECT("第１の３表②!"&amp;CELL("address",CF44))="×××"</formula>
    </cfRule>
    <cfRule type="expression" dxfId="6972" priority="6973" stopIfTrue="1">
      <formula>INDIRECT("第１の３表②!"&amp;CELL("address",CF44))="××"</formula>
    </cfRule>
    <cfRule type="expression" dxfId="6971" priority="6974" stopIfTrue="1">
      <formula>INDIRECT("第１の３表②!"&amp;CELL("address",CF44))="×"</formula>
    </cfRule>
    <cfRule type="expression" dxfId="6970" priority="6975" stopIfTrue="1">
      <formula>ISBLANK(M44)=FALSE</formula>
    </cfRule>
  </conditionalFormatting>
  <conditionalFormatting sqref="M44:N45">
    <cfRule type="expression" dxfId="6969" priority="6966" stopIfTrue="1">
      <formula>ISBLANK(M44)=TRUE</formula>
    </cfRule>
    <cfRule type="expression" dxfId="6968" priority="6967" stopIfTrue="1">
      <formula>INDIRECT("第１の３表②!"&amp;CELL("address",CF44))="×××"</formula>
    </cfRule>
    <cfRule type="expression" dxfId="6967" priority="6968" stopIfTrue="1">
      <formula>INDIRECT("第１の３表②!"&amp;CELL("address",CF44))="××"</formula>
    </cfRule>
    <cfRule type="expression" dxfId="6966" priority="6969" stopIfTrue="1">
      <formula>INDIRECT("第１の３表②!"&amp;CELL("address",CF44))="×"</formula>
    </cfRule>
    <cfRule type="expression" dxfId="6965" priority="6970" stopIfTrue="1">
      <formula>ISBLANK(M44)=FALSE</formula>
    </cfRule>
  </conditionalFormatting>
  <conditionalFormatting sqref="P44:Q45">
    <cfRule type="expression" dxfId="6964" priority="6961" stopIfTrue="1">
      <formula>ISBLANK(P44)=TRUE</formula>
    </cfRule>
    <cfRule type="expression" dxfId="6963" priority="6962" stopIfTrue="1">
      <formula>INDIRECT("第１の３表②!"&amp;CELL("address",CI44))="×××"</formula>
    </cfRule>
    <cfRule type="expression" dxfId="6962" priority="6963" stopIfTrue="1">
      <formula>INDIRECT("第１の３表②!"&amp;CELL("address",CI44))="××"</formula>
    </cfRule>
    <cfRule type="expression" dxfId="6961" priority="6964" stopIfTrue="1">
      <formula>INDIRECT("第１の３表②!"&amp;CELL("address",CI44))="×"</formula>
    </cfRule>
    <cfRule type="expression" dxfId="6960" priority="6965" stopIfTrue="1">
      <formula>ISBLANK(P44)=FALSE</formula>
    </cfRule>
  </conditionalFormatting>
  <conditionalFormatting sqref="P44:Q45">
    <cfRule type="expression" dxfId="6959" priority="6956" stopIfTrue="1">
      <formula>ISBLANK(P44)=TRUE</formula>
    </cfRule>
    <cfRule type="expression" dxfId="6958" priority="6957" stopIfTrue="1">
      <formula>INDIRECT("第１の３表②!"&amp;CELL("address",CI44))="×××"</formula>
    </cfRule>
    <cfRule type="expression" dxfId="6957" priority="6958" stopIfTrue="1">
      <formula>INDIRECT("第１の３表②!"&amp;CELL("address",CI44))="××"</formula>
    </cfRule>
    <cfRule type="expression" dxfId="6956" priority="6959" stopIfTrue="1">
      <formula>INDIRECT("第１の３表②!"&amp;CELL("address",CI44))="×"</formula>
    </cfRule>
    <cfRule type="expression" dxfId="6955" priority="6960" stopIfTrue="1">
      <formula>ISBLANK(P44)=FALSE</formula>
    </cfRule>
  </conditionalFormatting>
  <conditionalFormatting sqref="P44:Q45">
    <cfRule type="expression" dxfId="6954" priority="6951" stopIfTrue="1">
      <formula>ISBLANK(P44)=TRUE</formula>
    </cfRule>
    <cfRule type="expression" dxfId="6953" priority="6952" stopIfTrue="1">
      <formula>INDIRECT("第１の３表②!"&amp;CELL("address",CI44))="×××"</formula>
    </cfRule>
    <cfRule type="expression" dxfId="6952" priority="6953" stopIfTrue="1">
      <formula>INDIRECT("第１の３表②!"&amp;CELL("address",CI44))="××"</formula>
    </cfRule>
    <cfRule type="expression" dxfId="6951" priority="6954" stopIfTrue="1">
      <formula>INDIRECT("第１の３表②!"&amp;CELL("address",CI44))="×"</formula>
    </cfRule>
    <cfRule type="expression" dxfId="6950" priority="6955" stopIfTrue="1">
      <formula>ISBLANK(P44)=FALSE</formula>
    </cfRule>
  </conditionalFormatting>
  <conditionalFormatting sqref="S44:T45">
    <cfRule type="expression" dxfId="6949" priority="6946" stopIfTrue="1">
      <formula>ISBLANK(S44)=TRUE</formula>
    </cfRule>
    <cfRule type="expression" dxfId="6948" priority="6947" stopIfTrue="1">
      <formula>INDIRECT("第１の３表②!"&amp;CELL("address",CL44))="×××"</formula>
    </cfRule>
    <cfRule type="expression" dxfId="6947" priority="6948" stopIfTrue="1">
      <formula>INDIRECT("第１の３表②!"&amp;CELL("address",CL44))="××"</formula>
    </cfRule>
    <cfRule type="expression" dxfId="6946" priority="6949" stopIfTrue="1">
      <formula>INDIRECT("第１の３表②!"&amp;CELL("address",CL44))="×"</formula>
    </cfRule>
    <cfRule type="expression" dxfId="6945" priority="6950" stopIfTrue="1">
      <formula>ISBLANK(S44)=FALSE</formula>
    </cfRule>
  </conditionalFormatting>
  <conditionalFormatting sqref="S44:T45">
    <cfRule type="expression" dxfId="6944" priority="6941" stopIfTrue="1">
      <formula>ISBLANK(S44)=TRUE</formula>
    </cfRule>
    <cfRule type="expression" dxfId="6943" priority="6942" stopIfTrue="1">
      <formula>INDIRECT("第１の３表②!"&amp;CELL("address",CL44))="×××"</formula>
    </cfRule>
    <cfRule type="expression" dxfId="6942" priority="6943" stopIfTrue="1">
      <formula>INDIRECT("第１の３表②!"&amp;CELL("address",CL44))="××"</formula>
    </cfRule>
    <cfRule type="expression" dxfId="6941" priority="6944" stopIfTrue="1">
      <formula>INDIRECT("第１の３表②!"&amp;CELL("address",CL44))="×"</formula>
    </cfRule>
    <cfRule type="expression" dxfId="6940" priority="6945" stopIfTrue="1">
      <formula>ISBLANK(S44)=FALSE</formula>
    </cfRule>
  </conditionalFormatting>
  <conditionalFormatting sqref="S44:T45">
    <cfRule type="expression" dxfId="6939" priority="6936" stopIfTrue="1">
      <formula>ISBLANK(S44)=TRUE</formula>
    </cfRule>
    <cfRule type="expression" dxfId="6938" priority="6937" stopIfTrue="1">
      <formula>INDIRECT("第１の３表②!"&amp;CELL("address",CL44))="×××"</formula>
    </cfRule>
    <cfRule type="expression" dxfId="6937" priority="6938" stopIfTrue="1">
      <formula>INDIRECT("第１の３表②!"&amp;CELL("address",CL44))="××"</formula>
    </cfRule>
    <cfRule type="expression" dxfId="6936" priority="6939" stopIfTrue="1">
      <formula>INDIRECT("第１の３表②!"&amp;CELL("address",CL44))="×"</formula>
    </cfRule>
    <cfRule type="expression" dxfId="6935" priority="6940" stopIfTrue="1">
      <formula>ISBLANK(S44)=FALSE</formula>
    </cfRule>
  </conditionalFormatting>
  <conditionalFormatting sqref="V44:W45">
    <cfRule type="expression" dxfId="6934" priority="6931" stopIfTrue="1">
      <formula>ISBLANK(V44)=TRUE</formula>
    </cfRule>
    <cfRule type="expression" dxfId="6933" priority="6932" stopIfTrue="1">
      <formula>INDIRECT("第１の３表②!"&amp;CELL("address",CO44))="×××"</formula>
    </cfRule>
    <cfRule type="expression" dxfId="6932" priority="6933" stopIfTrue="1">
      <formula>INDIRECT("第１の３表②!"&amp;CELL("address",CO44))="××"</formula>
    </cfRule>
    <cfRule type="expression" dxfId="6931" priority="6934" stopIfTrue="1">
      <formula>INDIRECT("第１の３表②!"&amp;CELL("address",CO44))="×"</formula>
    </cfRule>
    <cfRule type="expression" dxfId="6930" priority="6935" stopIfTrue="1">
      <formula>ISBLANK(V44)=FALSE</formula>
    </cfRule>
  </conditionalFormatting>
  <conditionalFormatting sqref="V44:W45">
    <cfRule type="expression" dxfId="6929" priority="6926" stopIfTrue="1">
      <formula>ISBLANK(V44)=TRUE</formula>
    </cfRule>
    <cfRule type="expression" dxfId="6928" priority="6927" stopIfTrue="1">
      <formula>INDIRECT("第１の３表②!"&amp;CELL("address",CO44))="×××"</formula>
    </cfRule>
    <cfRule type="expression" dxfId="6927" priority="6928" stopIfTrue="1">
      <formula>INDIRECT("第１の３表②!"&amp;CELL("address",CO44))="××"</formula>
    </cfRule>
    <cfRule type="expression" dxfId="6926" priority="6929" stopIfTrue="1">
      <formula>INDIRECT("第１の３表②!"&amp;CELL("address",CO44))="×"</formula>
    </cfRule>
    <cfRule type="expression" dxfId="6925" priority="6930" stopIfTrue="1">
      <formula>ISBLANK(V44)=FALSE</formula>
    </cfRule>
  </conditionalFormatting>
  <conditionalFormatting sqref="V44:W45">
    <cfRule type="expression" dxfId="6924" priority="6921" stopIfTrue="1">
      <formula>ISBLANK(V44)=TRUE</formula>
    </cfRule>
    <cfRule type="expression" dxfId="6923" priority="6922" stopIfTrue="1">
      <formula>INDIRECT("第１の３表②!"&amp;CELL("address",CO44))="×××"</formula>
    </cfRule>
    <cfRule type="expression" dxfId="6922" priority="6923" stopIfTrue="1">
      <formula>INDIRECT("第１の３表②!"&amp;CELL("address",CO44))="××"</formula>
    </cfRule>
    <cfRule type="expression" dxfId="6921" priority="6924" stopIfTrue="1">
      <formula>INDIRECT("第１の３表②!"&amp;CELL("address",CO44))="×"</formula>
    </cfRule>
    <cfRule type="expression" dxfId="6920" priority="6925" stopIfTrue="1">
      <formula>ISBLANK(V44)=FALSE</formula>
    </cfRule>
  </conditionalFormatting>
  <conditionalFormatting sqref="Y44:Z45">
    <cfRule type="expression" dxfId="6919" priority="6916" stopIfTrue="1">
      <formula>ISBLANK(Y44)=TRUE</formula>
    </cfRule>
    <cfRule type="expression" dxfId="6918" priority="6917" stopIfTrue="1">
      <formula>INDIRECT("第１の３表②!"&amp;CELL("address",CR44))="×××"</formula>
    </cfRule>
    <cfRule type="expression" dxfId="6917" priority="6918" stopIfTrue="1">
      <formula>INDIRECT("第１の３表②!"&amp;CELL("address",CR44))="××"</formula>
    </cfRule>
    <cfRule type="expression" dxfId="6916" priority="6919" stopIfTrue="1">
      <formula>INDIRECT("第１の３表②!"&amp;CELL("address",CR44))="×"</formula>
    </cfRule>
    <cfRule type="expression" dxfId="6915" priority="6920" stopIfTrue="1">
      <formula>ISBLANK(Y44)=FALSE</formula>
    </cfRule>
  </conditionalFormatting>
  <conditionalFormatting sqref="Y44:Z45">
    <cfRule type="expression" dxfId="6914" priority="6911" stopIfTrue="1">
      <formula>ISBLANK(Y44)=TRUE</formula>
    </cfRule>
    <cfRule type="expression" dxfId="6913" priority="6912" stopIfTrue="1">
      <formula>INDIRECT("第１の３表②!"&amp;CELL("address",CR44))="×××"</formula>
    </cfRule>
    <cfRule type="expression" dxfId="6912" priority="6913" stopIfTrue="1">
      <formula>INDIRECT("第１の３表②!"&amp;CELL("address",CR44))="××"</formula>
    </cfRule>
    <cfRule type="expression" dxfId="6911" priority="6914" stopIfTrue="1">
      <formula>INDIRECT("第１の３表②!"&amp;CELL("address",CR44))="×"</formula>
    </cfRule>
    <cfRule type="expression" dxfId="6910" priority="6915" stopIfTrue="1">
      <formula>ISBLANK(Y44)=FALSE</formula>
    </cfRule>
  </conditionalFormatting>
  <conditionalFormatting sqref="Y44:Z45">
    <cfRule type="expression" dxfId="6909" priority="6906" stopIfTrue="1">
      <formula>ISBLANK(Y44)=TRUE</formula>
    </cfRule>
    <cfRule type="expression" dxfId="6908" priority="6907" stopIfTrue="1">
      <formula>INDIRECT("第１の３表②!"&amp;CELL("address",CR44))="×××"</formula>
    </cfRule>
    <cfRule type="expression" dxfId="6907" priority="6908" stopIfTrue="1">
      <formula>INDIRECT("第１の３表②!"&amp;CELL("address",CR44))="××"</formula>
    </cfRule>
    <cfRule type="expression" dxfId="6906" priority="6909" stopIfTrue="1">
      <formula>INDIRECT("第１の３表②!"&amp;CELL("address",CR44))="×"</formula>
    </cfRule>
    <cfRule type="expression" dxfId="6905" priority="6910" stopIfTrue="1">
      <formula>ISBLANK(Y44)=FALSE</formula>
    </cfRule>
  </conditionalFormatting>
  <conditionalFormatting sqref="AB44:AC45">
    <cfRule type="expression" dxfId="6904" priority="6901" stopIfTrue="1">
      <formula>ISBLANK(AB44)=TRUE</formula>
    </cfRule>
    <cfRule type="expression" dxfId="6903" priority="6902" stopIfTrue="1">
      <formula>INDIRECT("第１の３表②!"&amp;CELL("address",CU44))="×××"</formula>
    </cfRule>
    <cfRule type="expression" dxfId="6902" priority="6903" stopIfTrue="1">
      <formula>INDIRECT("第１の３表②!"&amp;CELL("address",CU44))="××"</formula>
    </cfRule>
    <cfRule type="expression" dxfId="6901" priority="6904" stopIfTrue="1">
      <formula>INDIRECT("第１の３表②!"&amp;CELL("address",CU44))="×"</formula>
    </cfRule>
    <cfRule type="expression" dxfId="6900" priority="6905" stopIfTrue="1">
      <formula>ISBLANK(AB44)=FALSE</formula>
    </cfRule>
  </conditionalFormatting>
  <conditionalFormatting sqref="AB44:AC45">
    <cfRule type="expression" dxfId="6899" priority="6896" stopIfTrue="1">
      <formula>ISBLANK(AB44)=TRUE</formula>
    </cfRule>
    <cfRule type="expression" dxfId="6898" priority="6897" stopIfTrue="1">
      <formula>INDIRECT("第１の３表②!"&amp;CELL("address",CU44))="×××"</formula>
    </cfRule>
    <cfRule type="expression" dxfId="6897" priority="6898" stopIfTrue="1">
      <formula>INDIRECT("第１の３表②!"&amp;CELL("address",CU44))="××"</formula>
    </cfRule>
    <cfRule type="expression" dxfId="6896" priority="6899" stopIfTrue="1">
      <formula>INDIRECT("第１の３表②!"&amp;CELL("address",CU44))="×"</formula>
    </cfRule>
    <cfRule type="expression" dxfId="6895" priority="6900" stopIfTrue="1">
      <formula>ISBLANK(AB44)=FALSE</formula>
    </cfRule>
  </conditionalFormatting>
  <conditionalFormatting sqref="AB44:AC45">
    <cfRule type="expression" dxfId="6894" priority="6891" stopIfTrue="1">
      <formula>ISBLANK(AB44)=TRUE</formula>
    </cfRule>
    <cfRule type="expression" dxfId="6893" priority="6892" stopIfTrue="1">
      <formula>INDIRECT("第１の３表②!"&amp;CELL("address",CU44))="×××"</formula>
    </cfRule>
    <cfRule type="expression" dxfId="6892" priority="6893" stopIfTrue="1">
      <formula>INDIRECT("第１の３表②!"&amp;CELL("address",CU44))="××"</formula>
    </cfRule>
    <cfRule type="expression" dxfId="6891" priority="6894" stopIfTrue="1">
      <formula>INDIRECT("第１の３表②!"&amp;CELL("address",CU44))="×"</formula>
    </cfRule>
    <cfRule type="expression" dxfId="6890" priority="6895" stopIfTrue="1">
      <formula>ISBLANK(AB44)=FALSE</formula>
    </cfRule>
  </conditionalFormatting>
  <conditionalFormatting sqref="AE44:AF45">
    <cfRule type="expression" dxfId="6889" priority="6886" stopIfTrue="1">
      <formula>ISBLANK(AE44)=TRUE</formula>
    </cfRule>
    <cfRule type="expression" dxfId="6888" priority="6887" stopIfTrue="1">
      <formula>INDIRECT("第１の３表②!"&amp;CELL("address",CX44))="×××"</formula>
    </cfRule>
    <cfRule type="expression" dxfId="6887" priority="6888" stopIfTrue="1">
      <formula>INDIRECT("第１の３表②!"&amp;CELL("address",CX44))="××"</formula>
    </cfRule>
    <cfRule type="expression" dxfId="6886" priority="6889" stopIfTrue="1">
      <formula>INDIRECT("第１の３表②!"&amp;CELL("address",CX44))="×"</formula>
    </cfRule>
    <cfRule type="expression" dxfId="6885" priority="6890" stopIfTrue="1">
      <formula>ISBLANK(AE44)=FALSE</formula>
    </cfRule>
  </conditionalFormatting>
  <conditionalFormatting sqref="AE44:AF45">
    <cfRule type="expression" dxfId="6884" priority="6881" stopIfTrue="1">
      <formula>ISBLANK(AE44)=TRUE</formula>
    </cfRule>
    <cfRule type="expression" dxfId="6883" priority="6882" stopIfTrue="1">
      <formula>INDIRECT("第１の３表②!"&amp;CELL("address",CX44))="×××"</formula>
    </cfRule>
    <cfRule type="expression" dxfId="6882" priority="6883" stopIfTrue="1">
      <formula>INDIRECT("第１の３表②!"&amp;CELL("address",CX44))="××"</formula>
    </cfRule>
    <cfRule type="expression" dxfId="6881" priority="6884" stopIfTrue="1">
      <formula>INDIRECT("第１の３表②!"&amp;CELL("address",CX44))="×"</formula>
    </cfRule>
    <cfRule type="expression" dxfId="6880" priority="6885" stopIfTrue="1">
      <formula>ISBLANK(AE44)=FALSE</formula>
    </cfRule>
  </conditionalFormatting>
  <conditionalFormatting sqref="AE44:AF45">
    <cfRule type="expression" dxfId="6879" priority="6876" stopIfTrue="1">
      <formula>ISBLANK(AE44)=TRUE</formula>
    </cfRule>
    <cfRule type="expression" dxfId="6878" priority="6877" stopIfTrue="1">
      <formula>INDIRECT("第１の３表②!"&amp;CELL("address",CX44))="×××"</formula>
    </cfRule>
    <cfRule type="expression" dxfId="6877" priority="6878" stopIfTrue="1">
      <formula>INDIRECT("第１の３表②!"&amp;CELL("address",CX44))="××"</formula>
    </cfRule>
    <cfRule type="expression" dxfId="6876" priority="6879" stopIfTrue="1">
      <formula>INDIRECT("第１の３表②!"&amp;CELL("address",CX44))="×"</formula>
    </cfRule>
    <cfRule type="expression" dxfId="6875" priority="6880" stopIfTrue="1">
      <formula>ISBLANK(AE44)=FALSE</formula>
    </cfRule>
  </conditionalFormatting>
  <conditionalFormatting sqref="AH44:AI45">
    <cfRule type="expression" dxfId="6874" priority="6871" stopIfTrue="1">
      <formula>ISBLANK(AH44)=TRUE</formula>
    </cfRule>
    <cfRule type="expression" dxfId="6873" priority="6872" stopIfTrue="1">
      <formula>INDIRECT("第１の３表②!"&amp;CELL("address",DA44))="×××"</formula>
    </cfRule>
    <cfRule type="expression" dxfId="6872" priority="6873" stopIfTrue="1">
      <formula>INDIRECT("第１の３表②!"&amp;CELL("address",DA44))="××"</formula>
    </cfRule>
    <cfRule type="expression" dxfId="6871" priority="6874" stopIfTrue="1">
      <formula>INDIRECT("第１の３表②!"&amp;CELL("address",DA44))="×"</formula>
    </cfRule>
    <cfRule type="expression" dxfId="6870" priority="6875" stopIfTrue="1">
      <formula>ISBLANK(AH44)=FALSE</formula>
    </cfRule>
  </conditionalFormatting>
  <conditionalFormatting sqref="AH44:AI45">
    <cfRule type="expression" dxfId="6869" priority="6866" stopIfTrue="1">
      <formula>ISBLANK(AH44)=TRUE</formula>
    </cfRule>
    <cfRule type="expression" dxfId="6868" priority="6867" stopIfTrue="1">
      <formula>INDIRECT("第１の３表②!"&amp;CELL("address",DA44))="×××"</formula>
    </cfRule>
    <cfRule type="expression" dxfId="6867" priority="6868" stopIfTrue="1">
      <formula>INDIRECT("第１の３表②!"&amp;CELL("address",DA44))="××"</formula>
    </cfRule>
    <cfRule type="expression" dxfId="6866" priority="6869" stopIfTrue="1">
      <formula>INDIRECT("第１の３表②!"&amp;CELL("address",DA44))="×"</formula>
    </cfRule>
    <cfRule type="expression" dxfId="6865" priority="6870" stopIfTrue="1">
      <formula>ISBLANK(AH44)=FALSE</formula>
    </cfRule>
  </conditionalFormatting>
  <conditionalFormatting sqref="AH44:AI45">
    <cfRule type="expression" dxfId="6864" priority="6861" stopIfTrue="1">
      <formula>ISBLANK(AH44)=TRUE</formula>
    </cfRule>
    <cfRule type="expression" dxfId="6863" priority="6862" stopIfTrue="1">
      <formula>INDIRECT("第１の３表②!"&amp;CELL("address",DA44))="×××"</formula>
    </cfRule>
    <cfRule type="expression" dxfId="6862" priority="6863" stopIfTrue="1">
      <formula>INDIRECT("第１の３表②!"&amp;CELL("address",DA44))="××"</formula>
    </cfRule>
    <cfRule type="expression" dxfId="6861" priority="6864" stopIfTrue="1">
      <formula>INDIRECT("第１の３表②!"&amp;CELL("address",DA44))="×"</formula>
    </cfRule>
    <cfRule type="expression" dxfId="6860" priority="6865" stopIfTrue="1">
      <formula>ISBLANK(AH44)=FALSE</formula>
    </cfRule>
  </conditionalFormatting>
  <conditionalFormatting sqref="AK44:AL45">
    <cfRule type="expression" dxfId="6859" priority="6856" stopIfTrue="1">
      <formula>ISBLANK(AK44)=TRUE</formula>
    </cfRule>
    <cfRule type="expression" dxfId="6858" priority="6857" stopIfTrue="1">
      <formula>INDIRECT("第１の３表②!"&amp;CELL("address",DD44))="×××"</formula>
    </cfRule>
    <cfRule type="expression" dxfId="6857" priority="6858" stopIfTrue="1">
      <formula>INDIRECT("第１の３表②!"&amp;CELL("address",DD44))="××"</formula>
    </cfRule>
    <cfRule type="expression" dxfId="6856" priority="6859" stopIfTrue="1">
      <formula>INDIRECT("第１の３表②!"&amp;CELL("address",DD44))="×"</formula>
    </cfRule>
    <cfRule type="expression" dxfId="6855" priority="6860" stopIfTrue="1">
      <formula>ISBLANK(AK44)=FALSE</formula>
    </cfRule>
  </conditionalFormatting>
  <conditionalFormatting sqref="AK44:AL45">
    <cfRule type="expression" dxfId="6854" priority="6851" stopIfTrue="1">
      <formula>ISBLANK(AK44)=TRUE</formula>
    </cfRule>
    <cfRule type="expression" dxfId="6853" priority="6852" stopIfTrue="1">
      <formula>INDIRECT("第１の３表②!"&amp;CELL("address",DD44))="×××"</formula>
    </cfRule>
    <cfRule type="expression" dxfId="6852" priority="6853" stopIfTrue="1">
      <formula>INDIRECT("第１の３表②!"&amp;CELL("address",DD44))="××"</formula>
    </cfRule>
    <cfRule type="expression" dxfId="6851" priority="6854" stopIfTrue="1">
      <formula>INDIRECT("第１の３表②!"&amp;CELL("address",DD44))="×"</formula>
    </cfRule>
    <cfRule type="expression" dxfId="6850" priority="6855" stopIfTrue="1">
      <formula>ISBLANK(AK44)=FALSE</formula>
    </cfRule>
  </conditionalFormatting>
  <conditionalFormatting sqref="AK44:AL45">
    <cfRule type="expression" dxfId="6849" priority="6846" stopIfTrue="1">
      <formula>ISBLANK(AK44)=TRUE</formula>
    </cfRule>
    <cfRule type="expression" dxfId="6848" priority="6847" stopIfTrue="1">
      <formula>INDIRECT("第１の３表②!"&amp;CELL("address",DD44))="×××"</formula>
    </cfRule>
    <cfRule type="expression" dxfId="6847" priority="6848" stopIfTrue="1">
      <formula>INDIRECT("第１の３表②!"&amp;CELL("address",DD44))="××"</formula>
    </cfRule>
    <cfRule type="expression" dxfId="6846" priority="6849" stopIfTrue="1">
      <formula>INDIRECT("第１の３表②!"&amp;CELL("address",DD44))="×"</formula>
    </cfRule>
    <cfRule type="expression" dxfId="6845" priority="6850" stopIfTrue="1">
      <formula>ISBLANK(AK44)=FALSE</formula>
    </cfRule>
  </conditionalFormatting>
  <conditionalFormatting sqref="AN44:AO45">
    <cfRule type="expression" dxfId="6844" priority="6841" stopIfTrue="1">
      <formula>ISBLANK(AN44)=TRUE</formula>
    </cfRule>
    <cfRule type="expression" dxfId="6843" priority="6842" stopIfTrue="1">
      <formula>INDIRECT("第１の３表②!"&amp;CELL("address",DG44))="×××"</formula>
    </cfRule>
    <cfRule type="expression" dxfId="6842" priority="6843" stopIfTrue="1">
      <formula>INDIRECT("第１の３表②!"&amp;CELL("address",DG44))="××"</formula>
    </cfRule>
    <cfRule type="expression" dxfId="6841" priority="6844" stopIfTrue="1">
      <formula>INDIRECT("第１の３表②!"&amp;CELL("address",DG44))="×"</formula>
    </cfRule>
    <cfRule type="expression" dxfId="6840" priority="6845" stopIfTrue="1">
      <formula>ISBLANK(AN44)=FALSE</formula>
    </cfRule>
  </conditionalFormatting>
  <conditionalFormatting sqref="AN44:AO45">
    <cfRule type="expression" dxfId="6839" priority="6836" stopIfTrue="1">
      <formula>ISBLANK(AN44)=TRUE</formula>
    </cfRule>
    <cfRule type="expression" dxfId="6838" priority="6837" stopIfTrue="1">
      <formula>INDIRECT("第１の３表②!"&amp;CELL("address",DG44))="×××"</formula>
    </cfRule>
    <cfRule type="expression" dxfId="6837" priority="6838" stopIfTrue="1">
      <formula>INDIRECT("第１の３表②!"&amp;CELL("address",DG44))="××"</formula>
    </cfRule>
    <cfRule type="expression" dxfId="6836" priority="6839" stopIfTrue="1">
      <formula>INDIRECT("第１の３表②!"&amp;CELL("address",DG44))="×"</formula>
    </cfRule>
    <cfRule type="expression" dxfId="6835" priority="6840" stopIfTrue="1">
      <formula>ISBLANK(AN44)=FALSE</formula>
    </cfRule>
  </conditionalFormatting>
  <conditionalFormatting sqref="AN44:AO45">
    <cfRule type="expression" dxfId="6834" priority="6831" stopIfTrue="1">
      <formula>ISBLANK(AN44)=TRUE</formula>
    </cfRule>
    <cfRule type="expression" dxfId="6833" priority="6832" stopIfTrue="1">
      <formula>INDIRECT("第１の３表②!"&amp;CELL("address",DG44))="×××"</formula>
    </cfRule>
    <cfRule type="expression" dxfId="6832" priority="6833" stopIfTrue="1">
      <formula>INDIRECT("第１の３表②!"&amp;CELL("address",DG44))="××"</formula>
    </cfRule>
    <cfRule type="expression" dxfId="6831" priority="6834" stopIfTrue="1">
      <formula>INDIRECT("第１の３表②!"&amp;CELL("address",DG44))="×"</formula>
    </cfRule>
    <cfRule type="expression" dxfId="6830" priority="6835" stopIfTrue="1">
      <formula>ISBLANK(AN44)=FALSE</formula>
    </cfRule>
  </conditionalFormatting>
  <conditionalFormatting sqref="AQ44:AR45">
    <cfRule type="expression" dxfId="6829" priority="6826" stopIfTrue="1">
      <formula>ISBLANK(AQ44)=TRUE</formula>
    </cfRule>
    <cfRule type="expression" dxfId="6828" priority="6827" stopIfTrue="1">
      <formula>INDIRECT("第１の３表②!"&amp;CELL("address",DJ44))="×××"</formula>
    </cfRule>
    <cfRule type="expression" dxfId="6827" priority="6828" stopIfTrue="1">
      <formula>INDIRECT("第１の３表②!"&amp;CELL("address",DJ44))="××"</formula>
    </cfRule>
    <cfRule type="expression" dxfId="6826" priority="6829" stopIfTrue="1">
      <formula>INDIRECT("第１の３表②!"&amp;CELL("address",DJ44))="×"</formula>
    </cfRule>
    <cfRule type="expression" dxfId="6825" priority="6830" stopIfTrue="1">
      <formula>ISBLANK(AQ44)=FALSE</formula>
    </cfRule>
  </conditionalFormatting>
  <conditionalFormatting sqref="AQ44:AR45">
    <cfRule type="expression" dxfId="6824" priority="6821" stopIfTrue="1">
      <formula>ISBLANK(AQ44)=TRUE</formula>
    </cfRule>
    <cfRule type="expression" dxfId="6823" priority="6822" stopIfTrue="1">
      <formula>INDIRECT("第１の３表②!"&amp;CELL("address",DJ44))="×××"</formula>
    </cfRule>
    <cfRule type="expression" dxfId="6822" priority="6823" stopIfTrue="1">
      <formula>INDIRECT("第１の３表②!"&amp;CELL("address",DJ44))="××"</formula>
    </cfRule>
    <cfRule type="expression" dxfId="6821" priority="6824" stopIfTrue="1">
      <formula>INDIRECT("第１の３表②!"&amp;CELL("address",DJ44))="×"</formula>
    </cfRule>
    <cfRule type="expression" dxfId="6820" priority="6825" stopIfTrue="1">
      <formula>ISBLANK(AQ44)=FALSE</formula>
    </cfRule>
  </conditionalFormatting>
  <conditionalFormatting sqref="AQ44:AR45">
    <cfRule type="expression" dxfId="6819" priority="6816" stopIfTrue="1">
      <formula>ISBLANK(AQ44)=TRUE</formula>
    </cfRule>
    <cfRule type="expression" dxfId="6818" priority="6817" stopIfTrue="1">
      <formula>INDIRECT("第１の３表②!"&amp;CELL("address",DJ44))="×××"</formula>
    </cfRule>
    <cfRule type="expression" dxfId="6817" priority="6818" stopIfTrue="1">
      <formula>INDIRECT("第１の３表②!"&amp;CELL("address",DJ44))="××"</formula>
    </cfRule>
    <cfRule type="expression" dxfId="6816" priority="6819" stopIfTrue="1">
      <formula>INDIRECT("第１の３表②!"&amp;CELL("address",DJ44))="×"</formula>
    </cfRule>
    <cfRule type="expression" dxfId="6815" priority="6820" stopIfTrue="1">
      <formula>ISBLANK(AQ44)=FALSE</formula>
    </cfRule>
  </conditionalFormatting>
  <conditionalFormatting sqref="AT44:AU45">
    <cfRule type="expression" dxfId="6814" priority="6811" stopIfTrue="1">
      <formula>ISBLANK(AT44)=TRUE</formula>
    </cfRule>
    <cfRule type="expression" dxfId="6813" priority="6812" stopIfTrue="1">
      <formula>INDIRECT("第１の３表②!"&amp;CELL("address",DM44))="×××"</formula>
    </cfRule>
    <cfRule type="expression" dxfId="6812" priority="6813" stopIfTrue="1">
      <formula>INDIRECT("第１の３表②!"&amp;CELL("address",DM44))="××"</formula>
    </cfRule>
    <cfRule type="expression" dxfId="6811" priority="6814" stopIfTrue="1">
      <formula>INDIRECT("第１の３表②!"&amp;CELL("address",DM44))="×"</formula>
    </cfRule>
    <cfRule type="expression" dxfId="6810" priority="6815" stopIfTrue="1">
      <formula>ISBLANK(AT44)=FALSE</formula>
    </cfRule>
  </conditionalFormatting>
  <conditionalFormatting sqref="AT44:AU45">
    <cfRule type="expression" dxfId="6809" priority="6806" stopIfTrue="1">
      <formula>ISBLANK(AT44)=TRUE</formula>
    </cfRule>
    <cfRule type="expression" dxfId="6808" priority="6807" stopIfTrue="1">
      <formula>INDIRECT("第１の３表②!"&amp;CELL("address",DM44))="×××"</formula>
    </cfRule>
    <cfRule type="expression" dxfId="6807" priority="6808" stopIfTrue="1">
      <formula>INDIRECT("第１の３表②!"&amp;CELL("address",DM44))="××"</formula>
    </cfRule>
    <cfRule type="expression" dxfId="6806" priority="6809" stopIfTrue="1">
      <formula>INDIRECT("第１の３表②!"&amp;CELL("address",DM44))="×"</formula>
    </cfRule>
    <cfRule type="expression" dxfId="6805" priority="6810" stopIfTrue="1">
      <formula>ISBLANK(AT44)=FALSE</formula>
    </cfRule>
  </conditionalFormatting>
  <conditionalFormatting sqref="AT44:AU45">
    <cfRule type="expression" dxfId="6804" priority="6801" stopIfTrue="1">
      <formula>ISBLANK(AT44)=TRUE</formula>
    </cfRule>
    <cfRule type="expression" dxfId="6803" priority="6802" stopIfTrue="1">
      <formula>INDIRECT("第１の３表②!"&amp;CELL("address",DM44))="×××"</formula>
    </cfRule>
    <cfRule type="expression" dxfId="6802" priority="6803" stopIfTrue="1">
      <formula>INDIRECT("第１の３表②!"&amp;CELL("address",DM44))="××"</formula>
    </cfRule>
    <cfRule type="expression" dxfId="6801" priority="6804" stopIfTrue="1">
      <formula>INDIRECT("第１の３表②!"&amp;CELL("address",DM44))="×"</formula>
    </cfRule>
    <cfRule type="expression" dxfId="6800" priority="6805" stopIfTrue="1">
      <formula>ISBLANK(AT44)=FALSE</formula>
    </cfRule>
  </conditionalFormatting>
  <conditionalFormatting sqref="AW44:AX45">
    <cfRule type="expression" dxfId="6799" priority="6796" stopIfTrue="1">
      <formula>ISBLANK(AW44)=TRUE</formula>
    </cfRule>
    <cfRule type="expression" dxfId="6798" priority="6797" stopIfTrue="1">
      <formula>INDIRECT("第１の３表②!"&amp;CELL("address",DP44))="×××"</formula>
    </cfRule>
    <cfRule type="expression" dxfId="6797" priority="6798" stopIfTrue="1">
      <formula>INDIRECT("第１の３表②!"&amp;CELL("address",DP44))="××"</formula>
    </cfRule>
    <cfRule type="expression" dxfId="6796" priority="6799" stopIfTrue="1">
      <formula>INDIRECT("第１の３表②!"&amp;CELL("address",DP44))="×"</formula>
    </cfRule>
    <cfRule type="expression" dxfId="6795" priority="6800" stopIfTrue="1">
      <formula>ISBLANK(AW44)=FALSE</formula>
    </cfRule>
  </conditionalFormatting>
  <conditionalFormatting sqref="AW44:AX45">
    <cfRule type="expression" dxfId="6794" priority="6791" stopIfTrue="1">
      <formula>ISBLANK(AW44)=TRUE</formula>
    </cfRule>
    <cfRule type="expression" dxfId="6793" priority="6792" stopIfTrue="1">
      <formula>INDIRECT("第１の３表②!"&amp;CELL("address",DP44))="×××"</formula>
    </cfRule>
    <cfRule type="expression" dxfId="6792" priority="6793" stopIfTrue="1">
      <formula>INDIRECT("第１の３表②!"&amp;CELL("address",DP44))="××"</formula>
    </cfRule>
    <cfRule type="expression" dxfId="6791" priority="6794" stopIfTrue="1">
      <formula>INDIRECT("第１の３表②!"&amp;CELL("address",DP44))="×"</formula>
    </cfRule>
    <cfRule type="expression" dxfId="6790" priority="6795" stopIfTrue="1">
      <formula>ISBLANK(AW44)=FALSE</formula>
    </cfRule>
  </conditionalFormatting>
  <conditionalFormatting sqref="AW44:AX45">
    <cfRule type="expression" dxfId="6789" priority="6786" stopIfTrue="1">
      <formula>ISBLANK(AW44)=TRUE</formula>
    </cfRule>
    <cfRule type="expression" dxfId="6788" priority="6787" stopIfTrue="1">
      <formula>INDIRECT("第１の３表②!"&amp;CELL("address",DP44))="×××"</formula>
    </cfRule>
    <cfRule type="expression" dxfId="6787" priority="6788" stopIfTrue="1">
      <formula>INDIRECT("第１の３表②!"&amp;CELL("address",DP44))="××"</formula>
    </cfRule>
    <cfRule type="expression" dxfId="6786" priority="6789" stopIfTrue="1">
      <formula>INDIRECT("第１の３表②!"&amp;CELL("address",DP44))="×"</formula>
    </cfRule>
    <cfRule type="expression" dxfId="6785" priority="6790" stopIfTrue="1">
      <formula>ISBLANK(AW44)=FALSE</formula>
    </cfRule>
  </conditionalFormatting>
  <conditionalFormatting sqref="AZ44:BA45">
    <cfRule type="expression" dxfId="6784" priority="6781" stopIfTrue="1">
      <formula>ISBLANK(AZ44)=TRUE</formula>
    </cfRule>
    <cfRule type="expression" dxfId="6783" priority="6782" stopIfTrue="1">
      <formula>INDIRECT("第１の３表②!"&amp;CELL("address",DS44))="×××"</formula>
    </cfRule>
    <cfRule type="expression" dxfId="6782" priority="6783" stopIfTrue="1">
      <formula>INDIRECT("第１の３表②!"&amp;CELL("address",DS44))="××"</formula>
    </cfRule>
    <cfRule type="expression" dxfId="6781" priority="6784" stopIfTrue="1">
      <formula>INDIRECT("第１の３表②!"&amp;CELL("address",DS44))="×"</formula>
    </cfRule>
    <cfRule type="expression" dxfId="6780" priority="6785" stopIfTrue="1">
      <formula>ISBLANK(AZ44)=FALSE</formula>
    </cfRule>
  </conditionalFormatting>
  <conditionalFormatting sqref="AZ44:BA45">
    <cfRule type="expression" dxfId="6779" priority="6776" stopIfTrue="1">
      <formula>ISBLANK(AZ44)=TRUE</formula>
    </cfRule>
    <cfRule type="expression" dxfId="6778" priority="6777" stopIfTrue="1">
      <formula>INDIRECT("第１の３表②!"&amp;CELL("address",DS44))="×××"</formula>
    </cfRule>
    <cfRule type="expression" dxfId="6777" priority="6778" stopIfTrue="1">
      <formula>INDIRECT("第１の３表②!"&amp;CELL("address",DS44))="××"</formula>
    </cfRule>
    <cfRule type="expression" dxfId="6776" priority="6779" stopIfTrue="1">
      <formula>INDIRECT("第１の３表②!"&amp;CELL("address",DS44))="×"</formula>
    </cfRule>
    <cfRule type="expression" dxfId="6775" priority="6780" stopIfTrue="1">
      <formula>ISBLANK(AZ44)=FALSE</formula>
    </cfRule>
  </conditionalFormatting>
  <conditionalFormatting sqref="AZ44:BA45">
    <cfRule type="expression" dxfId="6774" priority="6771" stopIfTrue="1">
      <formula>ISBLANK(AZ44)=TRUE</formula>
    </cfRule>
    <cfRule type="expression" dxfId="6773" priority="6772" stopIfTrue="1">
      <formula>INDIRECT("第１の３表②!"&amp;CELL("address",DS44))="×××"</formula>
    </cfRule>
    <cfRule type="expression" dxfId="6772" priority="6773" stopIfTrue="1">
      <formula>INDIRECT("第１の３表②!"&amp;CELL("address",DS44))="××"</formula>
    </cfRule>
    <cfRule type="expression" dxfId="6771" priority="6774" stopIfTrue="1">
      <formula>INDIRECT("第１の３表②!"&amp;CELL("address",DS44))="×"</formula>
    </cfRule>
    <cfRule type="expression" dxfId="6770" priority="6775" stopIfTrue="1">
      <formula>ISBLANK(AZ44)=FALSE</formula>
    </cfRule>
  </conditionalFormatting>
  <conditionalFormatting sqref="BC44:BD45">
    <cfRule type="expression" dxfId="6769" priority="6766" stopIfTrue="1">
      <formula>ISBLANK(BC44)=TRUE</formula>
    </cfRule>
    <cfRule type="expression" dxfId="6768" priority="6767" stopIfTrue="1">
      <formula>INDIRECT("第１の３表②!"&amp;CELL("address",DV44))="×××"</formula>
    </cfRule>
    <cfRule type="expression" dxfId="6767" priority="6768" stopIfTrue="1">
      <formula>INDIRECT("第１の３表②!"&amp;CELL("address",DV44))="××"</formula>
    </cfRule>
    <cfRule type="expression" dxfId="6766" priority="6769" stopIfTrue="1">
      <formula>INDIRECT("第１の３表②!"&amp;CELL("address",DV44))="×"</formula>
    </cfRule>
    <cfRule type="expression" dxfId="6765" priority="6770" stopIfTrue="1">
      <formula>ISBLANK(BC44)=FALSE</formula>
    </cfRule>
  </conditionalFormatting>
  <conditionalFormatting sqref="BC44:BD45">
    <cfRule type="expression" dxfId="6764" priority="6761" stopIfTrue="1">
      <formula>ISBLANK(BC44)=TRUE</formula>
    </cfRule>
    <cfRule type="expression" dxfId="6763" priority="6762" stopIfTrue="1">
      <formula>INDIRECT("第１の３表②!"&amp;CELL("address",DV44))="×××"</formula>
    </cfRule>
    <cfRule type="expression" dxfId="6762" priority="6763" stopIfTrue="1">
      <formula>INDIRECT("第１の３表②!"&amp;CELL("address",DV44))="××"</formula>
    </cfRule>
    <cfRule type="expression" dxfId="6761" priority="6764" stopIfTrue="1">
      <formula>INDIRECT("第１の３表②!"&amp;CELL("address",DV44))="×"</formula>
    </cfRule>
    <cfRule type="expression" dxfId="6760" priority="6765" stopIfTrue="1">
      <formula>ISBLANK(BC44)=FALSE</formula>
    </cfRule>
  </conditionalFormatting>
  <conditionalFormatting sqref="BC44:BD45">
    <cfRule type="expression" dxfId="6759" priority="6756" stopIfTrue="1">
      <formula>ISBLANK(BC44)=TRUE</formula>
    </cfRule>
    <cfRule type="expression" dxfId="6758" priority="6757" stopIfTrue="1">
      <formula>INDIRECT("第１の３表②!"&amp;CELL("address",DV44))="×××"</formula>
    </cfRule>
    <cfRule type="expression" dxfId="6757" priority="6758" stopIfTrue="1">
      <formula>INDIRECT("第１の３表②!"&amp;CELL("address",DV44))="××"</formula>
    </cfRule>
    <cfRule type="expression" dxfId="6756" priority="6759" stopIfTrue="1">
      <formula>INDIRECT("第１の３表②!"&amp;CELL("address",DV44))="×"</formula>
    </cfRule>
    <cfRule type="expression" dxfId="6755" priority="6760" stopIfTrue="1">
      <formula>ISBLANK(BC44)=FALSE</formula>
    </cfRule>
  </conditionalFormatting>
  <conditionalFormatting sqref="BF44:BG45">
    <cfRule type="expression" dxfId="6754" priority="6751" stopIfTrue="1">
      <formula>ISBLANK(BF44)=TRUE</formula>
    </cfRule>
    <cfRule type="expression" dxfId="6753" priority="6752" stopIfTrue="1">
      <formula>INDIRECT("第１の３表②!"&amp;CELL("address",DY44))="×××"</formula>
    </cfRule>
    <cfRule type="expression" dxfId="6752" priority="6753" stopIfTrue="1">
      <formula>INDIRECT("第１の３表②!"&amp;CELL("address",DY44))="××"</formula>
    </cfRule>
    <cfRule type="expression" dxfId="6751" priority="6754" stopIfTrue="1">
      <formula>INDIRECT("第１の３表②!"&amp;CELL("address",DY44))="×"</formula>
    </cfRule>
    <cfRule type="expression" dxfId="6750" priority="6755" stopIfTrue="1">
      <formula>ISBLANK(BF44)=FALSE</formula>
    </cfRule>
  </conditionalFormatting>
  <conditionalFormatting sqref="BF44:BG45">
    <cfRule type="expression" dxfId="6749" priority="6746" stopIfTrue="1">
      <formula>ISBLANK(BF44)=TRUE</formula>
    </cfRule>
    <cfRule type="expression" dxfId="6748" priority="6747" stopIfTrue="1">
      <formula>INDIRECT("第１の３表②!"&amp;CELL("address",DY44))="×××"</formula>
    </cfRule>
    <cfRule type="expression" dxfId="6747" priority="6748" stopIfTrue="1">
      <formula>INDIRECT("第１の３表②!"&amp;CELL("address",DY44))="××"</formula>
    </cfRule>
    <cfRule type="expression" dxfId="6746" priority="6749" stopIfTrue="1">
      <formula>INDIRECT("第１の３表②!"&amp;CELL("address",DY44))="×"</formula>
    </cfRule>
    <cfRule type="expression" dxfId="6745" priority="6750" stopIfTrue="1">
      <formula>ISBLANK(BF44)=FALSE</formula>
    </cfRule>
  </conditionalFormatting>
  <conditionalFormatting sqref="BF44:BG45">
    <cfRule type="expression" dxfId="6744" priority="6741" stopIfTrue="1">
      <formula>ISBLANK(BF44)=TRUE</formula>
    </cfRule>
    <cfRule type="expression" dxfId="6743" priority="6742" stopIfTrue="1">
      <formula>INDIRECT("第１の３表②!"&amp;CELL("address",DY44))="×××"</formula>
    </cfRule>
    <cfRule type="expression" dxfId="6742" priority="6743" stopIfTrue="1">
      <formula>INDIRECT("第１の３表②!"&amp;CELL("address",DY44))="××"</formula>
    </cfRule>
    <cfRule type="expression" dxfId="6741" priority="6744" stopIfTrue="1">
      <formula>INDIRECT("第１の３表②!"&amp;CELL("address",DY44))="×"</formula>
    </cfRule>
    <cfRule type="expression" dxfId="6740" priority="6745" stopIfTrue="1">
      <formula>ISBLANK(BF44)=FALSE</formula>
    </cfRule>
  </conditionalFormatting>
  <conditionalFormatting sqref="BI44:BJ45">
    <cfRule type="expression" dxfId="6739" priority="6736" stopIfTrue="1">
      <formula>ISBLANK(BI44)=TRUE</formula>
    </cfRule>
    <cfRule type="expression" dxfId="6738" priority="6737" stopIfTrue="1">
      <formula>INDIRECT("第１の３表②!"&amp;CELL("address",EB44))="×××"</formula>
    </cfRule>
    <cfRule type="expression" dxfId="6737" priority="6738" stopIfTrue="1">
      <formula>INDIRECT("第１の３表②!"&amp;CELL("address",EB44))="××"</formula>
    </cfRule>
    <cfRule type="expression" dxfId="6736" priority="6739" stopIfTrue="1">
      <formula>INDIRECT("第１の３表②!"&amp;CELL("address",EB44))="×"</formula>
    </cfRule>
    <cfRule type="expression" dxfId="6735" priority="6740" stopIfTrue="1">
      <formula>ISBLANK(BI44)=FALSE</formula>
    </cfRule>
  </conditionalFormatting>
  <conditionalFormatting sqref="BI44:BJ45">
    <cfRule type="expression" dxfId="6734" priority="6731" stopIfTrue="1">
      <formula>ISBLANK(BI44)=TRUE</formula>
    </cfRule>
    <cfRule type="expression" dxfId="6733" priority="6732" stopIfTrue="1">
      <formula>INDIRECT("第１の３表②!"&amp;CELL("address",EB44))="×××"</formula>
    </cfRule>
    <cfRule type="expression" dxfId="6732" priority="6733" stopIfTrue="1">
      <formula>INDIRECT("第１の３表②!"&amp;CELL("address",EB44))="××"</formula>
    </cfRule>
    <cfRule type="expression" dxfId="6731" priority="6734" stopIfTrue="1">
      <formula>INDIRECT("第１の３表②!"&amp;CELL("address",EB44))="×"</formula>
    </cfRule>
    <cfRule type="expression" dxfId="6730" priority="6735" stopIfTrue="1">
      <formula>ISBLANK(BI44)=FALSE</formula>
    </cfRule>
  </conditionalFormatting>
  <conditionalFormatting sqref="BI44:BJ45">
    <cfRule type="expression" dxfId="6729" priority="6726" stopIfTrue="1">
      <formula>ISBLANK(BI44)=TRUE</formula>
    </cfRule>
    <cfRule type="expression" dxfId="6728" priority="6727" stopIfTrue="1">
      <formula>INDIRECT("第１の３表②!"&amp;CELL("address",EB44))="×××"</formula>
    </cfRule>
    <cfRule type="expression" dxfId="6727" priority="6728" stopIfTrue="1">
      <formula>INDIRECT("第１の３表②!"&amp;CELL("address",EB44))="××"</formula>
    </cfRule>
    <cfRule type="expression" dxfId="6726" priority="6729" stopIfTrue="1">
      <formula>INDIRECT("第１の３表②!"&amp;CELL("address",EB44))="×"</formula>
    </cfRule>
    <cfRule type="expression" dxfId="6725" priority="6730" stopIfTrue="1">
      <formula>ISBLANK(BI44)=FALSE</formula>
    </cfRule>
  </conditionalFormatting>
  <conditionalFormatting sqref="BL44:BM45">
    <cfRule type="expression" dxfId="6724" priority="6721" stopIfTrue="1">
      <formula>ISBLANK(BL44)=TRUE</formula>
    </cfRule>
    <cfRule type="expression" dxfId="6723" priority="6722" stopIfTrue="1">
      <formula>INDIRECT("第１の３表②!"&amp;CELL("address",EE44))="×××"</formula>
    </cfRule>
    <cfRule type="expression" dxfId="6722" priority="6723" stopIfTrue="1">
      <formula>INDIRECT("第１の３表②!"&amp;CELL("address",EE44))="××"</formula>
    </cfRule>
    <cfRule type="expression" dxfId="6721" priority="6724" stopIfTrue="1">
      <formula>INDIRECT("第１の３表②!"&amp;CELL("address",EE44))="×"</formula>
    </cfRule>
    <cfRule type="expression" dxfId="6720" priority="6725" stopIfTrue="1">
      <formula>ISBLANK(BL44)=FALSE</formula>
    </cfRule>
  </conditionalFormatting>
  <conditionalFormatting sqref="BL44:BM45">
    <cfRule type="expression" dxfId="6719" priority="6716" stopIfTrue="1">
      <formula>ISBLANK(BL44)=TRUE</formula>
    </cfRule>
    <cfRule type="expression" dxfId="6718" priority="6717" stopIfTrue="1">
      <formula>INDIRECT("第１の３表②!"&amp;CELL("address",EE44))="×××"</formula>
    </cfRule>
    <cfRule type="expression" dxfId="6717" priority="6718" stopIfTrue="1">
      <formula>INDIRECT("第１の３表②!"&amp;CELL("address",EE44))="××"</formula>
    </cfRule>
    <cfRule type="expression" dxfId="6716" priority="6719" stopIfTrue="1">
      <formula>INDIRECT("第１の３表②!"&amp;CELL("address",EE44))="×"</formula>
    </cfRule>
    <cfRule type="expression" dxfId="6715" priority="6720" stopIfTrue="1">
      <formula>ISBLANK(BL44)=FALSE</formula>
    </cfRule>
  </conditionalFormatting>
  <conditionalFormatting sqref="BL44:BM45">
    <cfRule type="expression" dxfId="6714" priority="6711" stopIfTrue="1">
      <formula>ISBLANK(BL44)=TRUE</formula>
    </cfRule>
    <cfRule type="expression" dxfId="6713" priority="6712" stopIfTrue="1">
      <formula>INDIRECT("第１の３表②!"&amp;CELL("address",EE44))="×××"</formula>
    </cfRule>
    <cfRule type="expression" dxfId="6712" priority="6713" stopIfTrue="1">
      <formula>INDIRECT("第１の３表②!"&amp;CELL("address",EE44))="××"</formula>
    </cfRule>
    <cfRule type="expression" dxfId="6711" priority="6714" stopIfTrue="1">
      <formula>INDIRECT("第１の３表②!"&amp;CELL("address",EE44))="×"</formula>
    </cfRule>
    <cfRule type="expression" dxfId="6710" priority="6715" stopIfTrue="1">
      <formula>ISBLANK(BL44)=FALSE</formula>
    </cfRule>
  </conditionalFormatting>
  <conditionalFormatting sqref="BO44:BP45">
    <cfRule type="expression" dxfId="6709" priority="6706" stopIfTrue="1">
      <formula>ISBLANK(BO44)=TRUE</formula>
    </cfRule>
    <cfRule type="expression" dxfId="6708" priority="6707" stopIfTrue="1">
      <formula>INDIRECT("第１の３表②!"&amp;CELL("address",EH44))="×××"</formula>
    </cfRule>
    <cfRule type="expression" dxfId="6707" priority="6708" stopIfTrue="1">
      <formula>INDIRECT("第１の３表②!"&amp;CELL("address",EH44))="××"</formula>
    </cfRule>
    <cfRule type="expression" dxfId="6706" priority="6709" stopIfTrue="1">
      <formula>INDIRECT("第１の３表②!"&amp;CELL("address",EH44))="×"</formula>
    </cfRule>
    <cfRule type="expression" dxfId="6705" priority="6710" stopIfTrue="1">
      <formula>ISBLANK(BO44)=FALSE</formula>
    </cfRule>
  </conditionalFormatting>
  <conditionalFormatting sqref="BO44:BP45">
    <cfRule type="expression" dxfId="6704" priority="6701" stopIfTrue="1">
      <formula>ISBLANK(BO44)=TRUE</formula>
    </cfRule>
    <cfRule type="expression" dxfId="6703" priority="6702" stopIfTrue="1">
      <formula>INDIRECT("第１の３表②!"&amp;CELL("address",EH44))="×××"</formula>
    </cfRule>
    <cfRule type="expression" dxfId="6702" priority="6703" stopIfTrue="1">
      <formula>INDIRECT("第１の３表②!"&amp;CELL("address",EH44))="××"</formula>
    </cfRule>
    <cfRule type="expression" dxfId="6701" priority="6704" stopIfTrue="1">
      <formula>INDIRECT("第１の３表②!"&amp;CELL("address",EH44))="×"</formula>
    </cfRule>
    <cfRule type="expression" dxfId="6700" priority="6705" stopIfTrue="1">
      <formula>ISBLANK(BO44)=FALSE</formula>
    </cfRule>
  </conditionalFormatting>
  <conditionalFormatting sqref="BO44:BP45">
    <cfRule type="expression" dxfId="6699" priority="6696" stopIfTrue="1">
      <formula>ISBLANK(BO44)=TRUE</formula>
    </cfRule>
    <cfRule type="expression" dxfId="6698" priority="6697" stopIfTrue="1">
      <formula>INDIRECT("第１の３表②!"&amp;CELL("address",EH44))="×××"</formula>
    </cfRule>
    <cfRule type="expression" dxfId="6697" priority="6698" stopIfTrue="1">
      <formula>INDIRECT("第１の３表②!"&amp;CELL("address",EH44))="××"</formula>
    </cfRule>
    <cfRule type="expression" dxfId="6696" priority="6699" stopIfTrue="1">
      <formula>INDIRECT("第１の３表②!"&amp;CELL("address",EH44))="×"</formula>
    </cfRule>
    <cfRule type="expression" dxfId="6695" priority="6700" stopIfTrue="1">
      <formula>ISBLANK(BO44)=FALSE</formula>
    </cfRule>
  </conditionalFormatting>
  <conditionalFormatting sqref="J47:K48">
    <cfRule type="expression" dxfId="6694" priority="6691" stopIfTrue="1">
      <formula>ISBLANK(J47)=TRUE</formula>
    </cfRule>
    <cfRule type="expression" dxfId="6693" priority="6692" stopIfTrue="1">
      <formula>INDIRECT("第１の３表②!"&amp;CELL("address",CC47))="×××"</formula>
    </cfRule>
    <cfRule type="expression" dxfId="6692" priority="6693" stopIfTrue="1">
      <formula>INDIRECT("第１の３表②!"&amp;CELL("address",CC47))="××"</formula>
    </cfRule>
    <cfRule type="expression" dxfId="6691" priority="6694" stopIfTrue="1">
      <formula>INDIRECT("第１の３表②!"&amp;CELL("address",CC47))="×"</formula>
    </cfRule>
    <cfRule type="expression" dxfId="6690" priority="6695" stopIfTrue="1">
      <formula>ISBLANK(J47)=FALSE</formula>
    </cfRule>
  </conditionalFormatting>
  <conditionalFormatting sqref="J47:K48">
    <cfRule type="expression" dxfId="6689" priority="6686" stopIfTrue="1">
      <formula>ISBLANK(J47)=TRUE</formula>
    </cfRule>
    <cfRule type="expression" dxfId="6688" priority="6687" stopIfTrue="1">
      <formula>INDIRECT("第１の３表②!"&amp;CELL("address",CC47))="×××"</formula>
    </cfRule>
    <cfRule type="expression" dxfId="6687" priority="6688" stopIfTrue="1">
      <formula>INDIRECT("第１の３表②!"&amp;CELL("address",CC47))="××"</formula>
    </cfRule>
    <cfRule type="expression" dxfId="6686" priority="6689" stopIfTrue="1">
      <formula>INDIRECT("第１の３表②!"&amp;CELL("address",CC47))="×"</formula>
    </cfRule>
    <cfRule type="expression" dxfId="6685" priority="6690" stopIfTrue="1">
      <formula>ISBLANK(J47)=FALSE</formula>
    </cfRule>
  </conditionalFormatting>
  <conditionalFormatting sqref="J47:K48">
    <cfRule type="expression" dxfId="6684" priority="6681" stopIfTrue="1">
      <formula>ISBLANK(J47)=TRUE</formula>
    </cfRule>
    <cfRule type="expression" dxfId="6683" priority="6682" stopIfTrue="1">
      <formula>INDIRECT("第１の３表②!"&amp;CELL("address",CC47))="×××"</formula>
    </cfRule>
    <cfRule type="expression" dxfId="6682" priority="6683" stopIfTrue="1">
      <formula>INDIRECT("第１の３表②!"&amp;CELL("address",CC47))="××"</formula>
    </cfRule>
    <cfRule type="expression" dxfId="6681" priority="6684" stopIfTrue="1">
      <formula>INDIRECT("第１の３表②!"&amp;CELL("address",CC47))="×"</formula>
    </cfRule>
    <cfRule type="expression" dxfId="6680" priority="6685" stopIfTrue="1">
      <formula>ISBLANK(J47)=FALSE</formula>
    </cfRule>
  </conditionalFormatting>
  <conditionalFormatting sqref="M47:N48">
    <cfRule type="expression" dxfId="6679" priority="6676" stopIfTrue="1">
      <formula>ISBLANK(M47)=TRUE</formula>
    </cfRule>
    <cfRule type="expression" dxfId="6678" priority="6677" stopIfTrue="1">
      <formula>INDIRECT("第１の３表②!"&amp;CELL("address",CF47))="×××"</formula>
    </cfRule>
    <cfRule type="expression" dxfId="6677" priority="6678" stopIfTrue="1">
      <formula>INDIRECT("第１の３表②!"&amp;CELL("address",CF47))="××"</formula>
    </cfRule>
    <cfRule type="expression" dxfId="6676" priority="6679" stopIfTrue="1">
      <formula>INDIRECT("第１の３表②!"&amp;CELL("address",CF47))="×"</formula>
    </cfRule>
    <cfRule type="expression" dxfId="6675" priority="6680" stopIfTrue="1">
      <formula>ISBLANK(M47)=FALSE</formula>
    </cfRule>
  </conditionalFormatting>
  <conditionalFormatting sqref="M47:N48">
    <cfRule type="expression" dxfId="6674" priority="6671" stopIfTrue="1">
      <formula>ISBLANK(M47)=TRUE</formula>
    </cfRule>
    <cfRule type="expression" dxfId="6673" priority="6672" stopIfTrue="1">
      <formula>INDIRECT("第１の３表②!"&amp;CELL("address",CF47))="×××"</formula>
    </cfRule>
    <cfRule type="expression" dxfId="6672" priority="6673" stopIfTrue="1">
      <formula>INDIRECT("第１の３表②!"&amp;CELL("address",CF47))="××"</formula>
    </cfRule>
    <cfRule type="expression" dxfId="6671" priority="6674" stopIfTrue="1">
      <formula>INDIRECT("第１の３表②!"&amp;CELL("address",CF47))="×"</formula>
    </cfRule>
    <cfRule type="expression" dxfId="6670" priority="6675" stopIfTrue="1">
      <formula>ISBLANK(M47)=FALSE</formula>
    </cfRule>
  </conditionalFormatting>
  <conditionalFormatting sqref="M47:N48">
    <cfRule type="expression" dxfId="6669" priority="6666" stopIfTrue="1">
      <formula>ISBLANK(M47)=TRUE</formula>
    </cfRule>
    <cfRule type="expression" dxfId="6668" priority="6667" stopIfTrue="1">
      <formula>INDIRECT("第１の３表②!"&amp;CELL("address",CF47))="×××"</formula>
    </cfRule>
    <cfRule type="expression" dxfId="6667" priority="6668" stopIfTrue="1">
      <formula>INDIRECT("第１の３表②!"&amp;CELL("address",CF47))="××"</formula>
    </cfRule>
    <cfRule type="expression" dxfId="6666" priority="6669" stopIfTrue="1">
      <formula>INDIRECT("第１の３表②!"&amp;CELL("address",CF47))="×"</formula>
    </cfRule>
    <cfRule type="expression" dxfId="6665" priority="6670" stopIfTrue="1">
      <formula>ISBLANK(M47)=FALSE</formula>
    </cfRule>
  </conditionalFormatting>
  <conditionalFormatting sqref="P47:Q48">
    <cfRule type="expression" dxfId="6664" priority="6661" stopIfTrue="1">
      <formula>ISBLANK(P47)=TRUE</formula>
    </cfRule>
    <cfRule type="expression" dxfId="6663" priority="6662" stopIfTrue="1">
      <formula>INDIRECT("第１の３表②!"&amp;CELL("address",CI47))="×××"</formula>
    </cfRule>
    <cfRule type="expression" dxfId="6662" priority="6663" stopIfTrue="1">
      <formula>INDIRECT("第１の３表②!"&amp;CELL("address",CI47))="××"</formula>
    </cfRule>
    <cfRule type="expression" dxfId="6661" priority="6664" stopIfTrue="1">
      <formula>INDIRECT("第１の３表②!"&amp;CELL("address",CI47))="×"</formula>
    </cfRule>
    <cfRule type="expression" dxfId="6660" priority="6665" stopIfTrue="1">
      <formula>ISBLANK(P47)=FALSE</formula>
    </cfRule>
  </conditionalFormatting>
  <conditionalFormatting sqref="P47:Q48">
    <cfRule type="expression" dxfId="6659" priority="6656" stopIfTrue="1">
      <formula>ISBLANK(P47)=TRUE</formula>
    </cfRule>
    <cfRule type="expression" dxfId="6658" priority="6657" stopIfTrue="1">
      <formula>INDIRECT("第１の３表②!"&amp;CELL("address",CI47))="×××"</formula>
    </cfRule>
    <cfRule type="expression" dxfId="6657" priority="6658" stopIfTrue="1">
      <formula>INDIRECT("第１の３表②!"&amp;CELL("address",CI47))="××"</formula>
    </cfRule>
    <cfRule type="expression" dxfId="6656" priority="6659" stopIfTrue="1">
      <formula>INDIRECT("第１の３表②!"&amp;CELL("address",CI47))="×"</formula>
    </cfRule>
    <cfRule type="expression" dxfId="6655" priority="6660" stopIfTrue="1">
      <formula>ISBLANK(P47)=FALSE</formula>
    </cfRule>
  </conditionalFormatting>
  <conditionalFormatting sqref="P47:Q48">
    <cfRule type="expression" dxfId="6654" priority="6651" stopIfTrue="1">
      <formula>ISBLANK(P47)=TRUE</formula>
    </cfRule>
    <cfRule type="expression" dxfId="6653" priority="6652" stopIfTrue="1">
      <formula>INDIRECT("第１の３表②!"&amp;CELL("address",CI47))="×××"</formula>
    </cfRule>
    <cfRule type="expression" dxfId="6652" priority="6653" stopIfTrue="1">
      <formula>INDIRECT("第１の３表②!"&amp;CELL("address",CI47))="××"</formula>
    </cfRule>
    <cfRule type="expression" dxfId="6651" priority="6654" stopIfTrue="1">
      <formula>INDIRECT("第１の３表②!"&amp;CELL("address",CI47))="×"</formula>
    </cfRule>
    <cfRule type="expression" dxfId="6650" priority="6655" stopIfTrue="1">
      <formula>ISBLANK(P47)=FALSE</formula>
    </cfRule>
  </conditionalFormatting>
  <conditionalFormatting sqref="S47:T48">
    <cfRule type="expression" dxfId="6649" priority="6646" stopIfTrue="1">
      <formula>ISBLANK(S47)=TRUE</formula>
    </cfRule>
    <cfRule type="expression" dxfId="6648" priority="6647" stopIfTrue="1">
      <formula>INDIRECT("第１の３表②!"&amp;CELL("address",CL47))="×××"</formula>
    </cfRule>
    <cfRule type="expression" dxfId="6647" priority="6648" stopIfTrue="1">
      <formula>INDIRECT("第１の３表②!"&amp;CELL("address",CL47))="××"</formula>
    </cfRule>
    <cfRule type="expression" dxfId="6646" priority="6649" stopIfTrue="1">
      <formula>INDIRECT("第１の３表②!"&amp;CELL("address",CL47))="×"</formula>
    </cfRule>
    <cfRule type="expression" dxfId="6645" priority="6650" stopIfTrue="1">
      <formula>ISBLANK(S47)=FALSE</formula>
    </cfRule>
  </conditionalFormatting>
  <conditionalFormatting sqref="S47:T48">
    <cfRule type="expression" dxfId="6644" priority="6641" stopIfTrue="1">
      <formula>ISBLANK(S47)=TRUE</formula>
    </cfRule>
    <cfRule type="expression" dxfId="6643" priority="6642" stopIfTrue="1">
      <formula>INDIRECT("第１の３表②!"&amp;CELL("address",CL47))="×××"</formula>
    </cfRule>
    <cfRule type="expression" dxfId="6642" priority="6643" stopIfTrue="1">
      <formula>INDIRECT("第１の３表②!"&amp;CELL("address",CL47))="××"</formula>
    </cfRule>
    <cfRule type="expression" dxfId="6641" priority="6644" stopIfTrue="1">
      <formula>INDIRECT("第１の３表②!"&amp;CELL("address",CL47))="×"</formula>
    </cfRule>
    <cfRule type="expression" dxfId="6640" priority="6645" stopIfTrue="1">
      <formula>ISBLANK(S47)=FALSE</formula>
    </cfRule>
  </conditionalFormatting>
  <conditionalFormatting sqref="S47:T48">
    <cfRule type="expression" dxfId="6639" priority="6636" stopIfTrue="1">
      <formula>ISBLANK(S47)=TRUE</formula>
    </cfRule>
    <cfRule type="expression" dxfId="6638" priority="6637" stopIfTrue="1">
      <formula>INDIRECT("第１の３表②!"&amp;CELL("address",CL47))="×××"</formula>
    </cfRule>
    <cfRule type="expression" dxfId="6637" priority="6638" stopIfTrue="1">
      <formula>INDIRECT("第１の３表②!"&amp;CELL("address",CL47))="××"</formula>
    </cfRule>
    <cfRule type="expression" dxfId="6636" priority="6639" stopIfTrue="1">
      <formula>INDIRECT("第１の３表②!"&amp;CELL("address",CL47))="×"</formula>
    </cfRule>
    <cfRule type="expression" dxfId="6635" priority="6640" stopIfTrue="1">
      <formula>ISBLANK(S47)=FALSE</formula>
    </cfRule>
  </conditionalFormatting>
  <conditionalFormatting sqref="V47:W48">
    <cfRule type="expression" dxfId="6634" priority="6631" stopIfTrue="1">
      <formula>ISBLANK(V47)=TRUE</formula>
    </cfRule>
    <cfRule type="expression" dxfId="6633" priority="6632" stopIfTrue="1">
      <formula>INDIRECT("第１の３表②!"&amp;CELL("address",CO47))="×××"</formula>
    </cfRule>
    <cfRule type="expression" dxfId="6632" priority="6633" stopIfTrue="1">
      <formula>INDIRECT("第１の３表②!"&amp;CELL("address",CO47))="××"</formula>
    </cfRule>
    <cfRule type="expression" dxfId="6631" priority="6634" stopIfTrue="1">
      <formula>INDIRECT("第１の３表②!"&amp;CELL("address",CO47))="×"</formula>
    </cfRule>
    <cfRule type="expression" dxfId="6630" priority="6635" stopIfTrue="1">
      <formula>ISBLANK(V47)=FALSE</formula>
    </cfRule>
  </conditionalFormatting>
  <conditionalFormatting sqref="V47:W48">
    <cfRule type="expression" dxfId="6629" priority="6626" stopIfTrue="1">
      <formula>ISBLANK(V47)=TRUE</formula>
    </cfRule>
    <cfRule type="expression" dxfId="6628" priority="6627" stopIfTrue="1">
      <formula>INDIRECT("第１の３表②!"&amp;CELL("address",CO47))="×××"</formula>
    </cfRule>
    <cfRule type="expression" dxfId="6627" priority="6628" stopIfTrue="1">
      <formula>INDIRECT("第１の３表②!"&amp;CELL("address",CO47))="××"</formula>
    </cfRule>
    <cfRule type="expression" dxfId="6626" priority="6629" stopIfTrue="1">
      <formula>INDIRECT("第１の３表②!"&amp;CELL("address",CO47))="×"</formula>
    </cfRule>
    <cfRule type="expression" dxfId="6625" priority="6630" stopIfTrue="1">
      <formula>ISBLANK(V47)=FALSE</formula>
    </cfRule>
  </conditionalFormatting>
  <conditionalFormatting sqref="V47:W48">
    <cfRule type="expression" dxfId="6624" priority="6621" stopIfTrue="1">
      <formula>ISBLANK(V47)=TRUE</formula>
    </cfRule>
    <cfRule type="expression" dxfId="6623" priority="6622" stopIfTrue="1">
      <formula>INDIRECT("第１の３表②!"&amp;CELL("address",CO47))="×××"</formula>
    </cfRule>
    <cfRule type="expression" dxfId="6622" priority="6623" stopIfTrue="1">
      <formula>INDIRECT("第１の３表②!"&amp;CELL("address",CO47))="××"</formula>
    </cfRule>
    <cfRule type="expression" dxfId="6621" priority="6624" stopIfTrue="1">
      <formula>INDIRECT("第１の３表②!"&amp;CELL("address",CO47))="×"</formula>
    </cfRule>
    <cfRule type="expression" dxfId="6620" priority="6625" stopIfTrue="1">
      <formula>ISBLANK(V47)=FALSE</formula>
    </cfRule>
  </conditionalFormatting>
  <conditionalFormatting sqref="Y47:Z48">
    <cfRule type="expression" dxfId="6619" priority="6616" stopIfTrue="1">
      <formula>ISBLANK(Y47)=TRUE</formula>
    </cfRule>
    <cfRule type="expression" dxfId="6618" priority="6617" stopIfTrue="1">
      <formula>INDIRECT("第１の３表②!"&amp;CELL("address",CR47))="×××"</formula>
    </cfRule>
    <cfRule type="expression" dxfId="6617" priority="6618" stopIfTrue="1">
      <formula>INDIRECT("第１の３表②!"&amp;CELL("address",CR47))="××"</formula>
    </cfRule>
    <cfRule type="expression" dxfId="6616" priority="6619" stopIfTrue="1">
      <formula>INDIRECT("第１の３表②!"&amp;CELL("address",CR47))="×"</formula>
    </cfRule>
    <cfRule type="expression" dxfId="6615" priority="6620" stopIfTrue="1">
      <formula>ISBLANK(Y47)=FALSE</formula>
    </cfRule>
  </conditionalFormatting>
  <conditionalFormatting sqref="Y47:Z48">
    <cfRule type="expression" dxfId="6614" priority="6611" stopIfTrue="1">
      <formula>ISBLANK(Y47)=TRUE</formula>
    </cfRule>
    <cfRule type="expression" dxfId="6613" priority="6612" stopIfTrue="1">
      <formula>INDIRECT("第１の３表②!"&amp;CELL("address",CR47))="×××"</formula>
    </cfRule>
    <cfRule type="expression" dxfId="6612" priority="6613" stopIfTrue="1">
      <formula>INDIRECT("第１の３表②!"&amp;CELL("address",CR47))="××"</formula>
    </cfRule>
    <cfRule type="expression" dxfId="6611" priority="6614" stopIfTrue="1">
      <formula>INDIRECT("第１の３表②!"&amp;CELL("address",CR47))="×"</formula>
    </cfRule>
    <cfRule type="expression" dxfId="6610" priority="6615" stopIfTrue="1">
      <formula>ISBLANK(Y47)=FALSE</formula>
    </cfRule>
  </conditionalFormatting>
  <conditionalFormatting sqref="Y47:Z48">
    <cfRule type="expression" dxfId="6609" priority="6606" stopIfTrue="1">
      <formula>ISBLANK(Y47)=TRUE</formula>
    </cfRule>
    <cfRule type="expression" dxfId="6608" priority="6607" stopIfTrue="1">
      <formula>INDIRECT("第１の３表②!"&amp;CELL("address",CR47))="×××"</formula>
    </cfRule>
    <cfRule type="expression" dxfId="6607" priority="6608" stopIfTrue="1">
      <formula>INDIRECT("第１の３表②!"&amp;CELL("address",CR47))="××"</formula>
    </cfRule>
    <cfRule type="expression" dxfId="6606" priority="6609" stopIfTrue="1">
      <formula>INDIRECT("第１の３表②!"&amp;CELL("address",CR47))="×"</formula>
    </cfRule>
    <cfRule type="expression" dxfId="6605" priority="6610" stopIfTrue="1">
      <formula>ISBLANK(Y47)=FALSE</formula>
    </cfRule>
  </conditionalFormatting>
  <conditionalFormatting sqref="AB47:AC48">
    <cfRule type="expression" dxfId="6604" priority="6601" stopIfTrue="1">
      <formula>ISBLANK(AB47)=TRUE</formula>
    </cfRule>
    <cfRule type="expression" dxfId="6603" priority="6602" stopIfTrue="1">
      <formula>INDIRECT("第１の３表②!"&amp;CELL("address",CU47))="×××"</formula>
    </cfRule>
    <cfRule type="expression" dxfId="6602" priority="6603" stopIfTrue="1">
      <formula>INDIRECT("第１の３表②!"&amp;CELL("address",CU47))="××"</formula>
    </cfRule>
    <cfRule type="expression" dxfId="6601" priority="6604" stopIfTrue="1">
      <formula>INDIRECT("第１の３表②!"&amp;CELL("address",CU47))="×"</formula>
    </cfRule>
    <cfRule type="expression" dxfId="6600" priority="6605" stopIfTrue="1">
      <formula>ISBLANK(AB47)=FALSE</formula>
    </cfRule>
  </conditionalFormatting>
  <conditionalFormatting sqref="AB47:AC48">
    <cfRule type="expression" dxfId="6599" priority="6596" stopIfTrue="1">
      <formula>ISBLANK(AB47)=TRUE</formula>
    </cfRule>
    <cfRule type="expression" dxfId="6598" priority="6597" stopIfTrue="1">
      <formula>INDIRECT("第１の３表②!"&amp;CELL("address",CU47))="×××"</formula>
    </cfRule>
    <cfRule type="expression" dxfId="6597" priority="6598" stopIfTrue="1">
      <formula>INDIRECT("第１の３表②!"&amp;CELL("address",CU47))="××"</formula>
    </cfRule>
    <cfRule type="expression" dxfId="6596" priority="6599" stopIfTrue="1">
      <formula>INDIRECT("第１の３表②!"&amp;CELL("address",CU47))="×"</formula>
    </cfRule>
    <cfRule type="expression" dxfId="6595" priority="6600" stopIfTrue="1">
      <formula>ISBLANK(AB47)=FALSE</formula>
    </cfRule>
  </conditionalFormatting>
  <conditionalFormatting sqref="AB47:AC48">
    <cfRule type="expression" dxfId="6594" priority="6591" stopIfTrue="1">
      <formula>ISBLANK(AB47)=TRUE</formula>
    </cfRule>
    <cfRule type="expression" dxfId="6593" priority="6592" stopIfTrue="1">
      <formula>INDIRECT("第１の３表②!"&amp;CELL("address",CU47))="×××"</formula>
    </cfRule>
    <cfRule type="expression" dxfId="6592" priority="6593" stopIfTrue="1">
      <formula>INDIRECT("第１の３表②!"&amp;CELL("address",CU47))="××"</formula>
    </cfRule>
    <cfRule type="expression" dxfId="6591" priority="6594" stopIfTrue="1">
      <formula>INDIRECT("第１の３表②!"&amp;CELL("address",CU47))="×"</formula>
    </cfRule>
    <cfRule type="expression" dxfId="6590" priority="6595" stopIfTrue="1">
      <formula>ISBLANK(AB47)=FALSE</formula>
    </cfRule>
  </conditionalFormatting>
  <conditionalFormatting sqref="AE47:AF48">
    <cfRule type="expression" dxfId="6589" priority="6586" stopIfTrue="1">
      <formula>ISBLANK(AE47)=TRUE</formula>
    </cfRule>
    <cfRule type="expression" dxfId="6588" priority="6587" stopIfTrue="1">
      <formula>INDIRECT("第１の３表②!"&amp;CELL("address",CX47))="×××"</formula>
    </cfRule>
    <cfRule type="expression" dxfId="6587" priority="6588" stopIfTrue="1">
      <formula>INDIRECT("第１の３表②!"&amp;CELL("address",CX47))="××"</formula>
    </cfRule>
    <cfRule type="expression" dxfId="6586" priority="6589" stopIfTrue="1">
      <formula>INDIRECT("第１の３表②!"&amp;CELL("address",CX47))="×"</formula>
    </cfRule>
    <cfRule type="expression" dxfId="6585" priority="6590" stopIfTrue="1">
      <formula>ISBLANK(AE47)=FALSE</formula>
    </cfRule>
  </conditionalFormatting>
  <conditionalFormatting sqref="AE47:AF48">
    <cfRule type="expression" dxfId="6584" priority="6581" stopIfTrue="1">
      <formula>ISBLANK(AE47)=TRUE</formula>
    </cfRule>
    <cfRule type="expression" dxfId="6583" priority="6582" stopIfTrue="1">
      <formula>INDIRECT("第１の３表②!"&amp;CELL("address",CX47))="×××"</formula>
    </cfRule>
    <cfRule type="expression" dxfId="6582" priority="6583" stopIfTrue="1">
      <formula>INDIRECT("第１の３表②!"&amp;CELL("address",CX47))="××"</formula>
    </cfRule>
    <cfRule type="expression" dxfId="6581" priority="6584" stopIfTrue="1">
      <formula>INDIRECT("第１の３表②!"&amp;CELL("address",CX47))="×"</formula>
    </cfRule>
    <cfRule type="expression" dxfId="6580" priority="6585" stopIfTrue="1">
      <formula>ISBLANK(AE47)=FALSE</formula>
    </cfRule>
  </conditionalFormatting>
  <conditionalFormatting sqref="AE47:AF48">
    <cfRule type="expression" dxfId="6579" priority="6576" stopIfTrue="1">
      <formula>ISBLANK(AE47)=TRUE</formula>
    </cfRule>
    <cfRule type="expression" dxfId="6578" priority="6577" stopIfTrue="1">
      <formula>INDIRECT("第１の３表②!"&amp;CELL("address",CX47))="×××"</formula>
    </cfRule>
    <cfRule type="expression" dxfId="6577" priority="6578" stopIfTrue="1">
      <formula>INDIRECT("第１の３表②!"&amp;CELL("address",CX47))="××"</formula>
    </cfRule>
    <cfRule type="expression" dxfId="6576" priority="6579" stopIfTrue="1">
      <formula>INDIRECT("第１の３表②!"&amp;CELL("address",CX47))="×"</formula>
    </cfRule>
    <cfRule type="expression" dxfId="6575" priority="6580" stopIfTrue="1">
      <formula>ISBLANK(AE47)=FALSE</formula>
    </cfRule>
  </conditionalFormatting>
  <conditionalFormatting sqref="AH47:AI48">
    <cfRule type="expression" dxfId="6574" priority="6571" stopIfTrue="1">
      <formula>ISBLANK(AH47)=TRUE</formula>
    </cfRule>
    <cfRule type="expression" dxfId="6573" priority="6572" stopIfTrue="1">
      <formula>INDIRECT("第１の３表②!"&amp;CELL("address",DA47))="×××"</formula>
    </cfRule>
    <cfRule type="expression" dxfId="6572" priority="6573" stopIfTrue="1">
      <formula>INDIRECT("第１の３表②!"&amp;CELL("address",DA47))="××"</formula>
    </cfRule>
    <cfRule type="expression" dxfId="6571" priority="6574" stopIfTrue="1">
      <formula>INDIRECT("第１の３表②!"&amp;CELL("address",DA47))="×"</formula>
    </cfRule>
    <cfRule type="expression" dxfId="6570" priority="6575" stopIfTrue="1">
      <formula>ISBLANK(AH47)=FALSE</formula>
    </cfRule>
  </conditionalFormatting>
  <conditionalFormatting sqref="AH47:AI48">
    <cfRule type="expression" dxfId="6569" priority="6566" stopIfTrue="1">
      <formula>ISBLANK(AH47)=TRUE</formula>
    </cfRule>
    <cfRule type="expression" dxfId="6568" priority="6567" stopIfTrue="1">
      <formula>INDIRECT("第１の３表②!"&amp;CELL("address",DA47))="×××"</formula>
    </cfRule>
    <cfRule type="expression" dxfId="6567" priority="6568" stopIfTrue="1">
      <formula>INDIRECT("第１の３表②!"&amp;CELL("address",DA47))="××"</formula>
    </cfRule>
    <cfRule type="expression" dxfId="6566" priority="6569" stopIfTrue="1">
      <formula>INDIRECT("第１の３表②!"&amp;CELL("address",DA47))="×"</formula>
    </cfRule>
    <cfRule type="expression" dxfId="6565" priority="6570" stopIfTrue="1">
      <formula>ISBLANK(AH47)=FALSE</formula>
    </cfRule>
  </conditionalFormatting>
  <conditionalFormatting sqref="AH47:AI48">
    <cfRule type="expression" dxfId="6564" priority="6561" stopIfTrue="1">
      <formula>ISBLANK(AH47)=TRUE</formula>
    </cfRule>
    <cfRule type="expression" dxfId="6563" priority="6562" stopIfTrue="1">
      <formula>INDIRECT("第１の３表②!"&amp;CELL("address",DA47))="×××"</formula>
    </cfRule>
    <cfRule type="expression" dxfId="6562" priority="6563" stopIfTrue="1">
      <formula>INDIRECT("第１の３表②!"&amp;CELL("address",DA47))="××"</formula>
    </cfRule>
    <cfRule type="expression" dxfId="6561" priority="6564" stopIfTrue="1">
      <formula>INDIRECT("第１の３表②!"&amp;CELL("address",DA47))="×"</formula>
    </cfRule>
    <cfRule type="expression" dxfId="6560" priority="6565" stopIfTrue="1">
      <formula>ISBLANK(AH47)=FALSE</formula>
    </cfRule>
  </conditionalFormatting>
  <conditionalFormatting sqref="AK47:AL48">
    <cfRule type="expression" dxfId="6559" priority="6556" stopIfTrue="1">
      <formula>ISBLANK(AK47)=TRUE</formula>
    </cfRule>
    <cfRule type="expression" dxfId="6558" priority="6557" stopIfTrue="1">
      <formula>INDIRECT("第１の３表②!"&amp;CELL("address",DD47))="×××"</formula>
    </cfRule>
    <cfRule type="expression" dxfId="6557" priority="6558" stopIfTrue="1">
      <formula>INDIRECT("第１の３表②!"&amp;CELL("address",DD47))="××"</formula>
    </cfRule>
    <cfRule type="expression" dxfId="6556" priority="6559" stopIfTrue="1">
      <formula>INDIRECT("第１の３表②!"&amp;CELL("address",DD47))="×"</formula>
    </cfRule>
    <cfRule type="expression" dxfId="6555" priority="6560" stopIfTrue="1">
      <formula>ISBLANK(AK47)=FALSE</formula>
    </cfRule>
  </conditionalFormatting>
  <conditionalFormatting sqref="AK47:AL48">
    <cfRule type="expression" dxfId="6554" priority="6551" stopIfTrue="1">
      <formula>ISBLANK(AK47)=TRUE</formula>
    </cfRule>
    <cfRule type="expression" dxfId="6553" priority="6552" stopIfTrue="1">
      <formula>INDIRECT("第１の３表②!"&amp;CELL("address",DD47))="×××"</formula>
    </cfRule>
    <cfRule type="expression" dxfId="6552" priority="6553" stopIfTrue="1">
      <formula>INDIRECT("第１の３表②!"&amp;CELL("address",DD47))="××"</formula>
    </cfRule>
    <cfRule type="expression" dxfId="6551" priority="6554" stopIfTrue="1">
      <formula>INDIRECT("第１の３表②!"&amp;CELL("address",DD47))="×"</formula>
    </cfRule>
    <cfRule type="expression" dxfId="6550" priority="6555" stopIfTrue="1">
      <formula>ISBLANK(AK47)=FALSE</formula>
    </cfRule>
  </conditionalFormatting>
  <conditionalFormatting sqref="AK47:AL48">
    <cfRule type="expression" dxfId="6549" priority="6546" stopIfTrue="1">
      <formula>ISBLANK(AK47)=TRUE</formula>
    </cfRule>
    <cfRule type="expression" dxfId="6548" priority="6547" stopIfTrue="1">
      <formula>INDIRECT("第１の３表②!"&amp;CELL("address",DD47))="×××"</formula>
    </cfRule>
    <cfRule type="expression" dxfId="6547" priority="6548" stopIfTrue="1">
      <formula>INDIRECT("第１の３表②!"&amp;CELL("address",DD47))="××"</formula>
    </cfRule>
    <cfRule type="expression" dxfId="6546" priority="6549" stopIfTrue="1">
      <formula>INDIRECT("第１の３表②!"&amp;CELL("address",DD47))="×"</formula>
    </cfRule>
    <cfRule type="expression" dxfId="6545" priority="6550" stopIfTrue="1">
      <formula>ISBLANK(AK47)=FALSE</formula>
    </cfRule>
  </conditionalFormatting>
  <conditionalFormatting sqref="AN47:AO48">
    <cfRule type="expression" dxfId="6544" priority="6541" stopIfTrue="1">
      <formula>ISBLANK(AN47)=TRUE</formula>
    </cfRule>
    <cfRule type="expression" dxfId="6543" priority="6542" stopIfTrue="1">
      <formula>INDIRECT("第１の３表②!"&amp;CELL("address",DG47))="×××"</formula>
    </cfRule>
    <cfRule type="expression" dxfId="6542" priority="6543" stopIfTrue="1">
      <formula>INDIRECT("第１の３表②!"&amp;CELL("address",DG47))="××"</formula>
    </cfRule>
    <cfRule type="expression" dxfId="6541" priority="6544" stopIfTrue="1">
      <formula>INDIRECT("第１の３表②!"&amp;CELL("address",DG47))="×"</formula>
    </cfRule>
    <cfRule type="expression" dxfId="6540" priority="6545" stopIfTrue="1">
      <formula>ISBLANK(AN47)=FALSE</formula>
    </cfRule>
  </conditionalFormatting>
  <conditionalFormatting sqref="AN47:AO48">
    <cfRule type="expression" dxfId="6539" priority="6536" stopIfTrue="1">
      <formula>ISBLANK(AN47)=TRUE</formula>
    </cfRule>
    <cfRule type="expression" dxfId="6538" priority="6537" stopIfTrue="1">
      <formula>INDIRECT("第１の３表②!"&amp;CELL("address",DG47))="×××"</formula>
    </cfRule>
    <cfRule type="expression" dxfId="6537" priority="6538" stopIfTrue="1">
      <formula>INDIRECT("第１の３表②!"&amp;CELL("address",DG47))="××"</formula>
    </cfRule>
    <cfRule type="expression" dxfId="6536" priority="6539" stopIfTrue="1">
      <formula>INDIRECT("第１の３表②!"&amp;CELL("address",DG47))="×"</formula>
    </cfRule>
    <cfRule type="expression" dxfId="6535" priority="6540" stopIfTrue="1">
      <formula>ISBLANK(AN47)=FALSE</formula>
    </cfRule>
  </conditionalFormatting>
  <conditionalFormatting sqref="AN47:AO48">
    <cfRule type="expression" dxfId="6534" priority="6531" stopIfTrue="1">
      <formula>ISBLANK(AN47)=TRUE</formula>
    </cfRule>
    <cfRule type="expression" dxfId="6533" priority="6532" stopIfTrue="1">
      <formula>INDIRECT("第１の３表②!"&amp;CELL("address",DG47))="×××"</formula>
    </cfRule>
    <cfRule type="expression" dxfId="6532" priority="6533" stopIfTrue="1">
      <formula>INDIRECT("第１の３表②!"&amp;CELL("address",DG47))="××"</formula>
    </cfRule>
    <cfRule type="expression" dxfId="6531" priority="6534" stopIfTrue="1">
      <formula>INDIRECT("第１の３表②!"&amp;CELL("address",DG47))="×"</formula>
    </cfRule>
    <cfRule type="expression" dxfId="6530" priority="6535" stopIfTrue="1">
      <formula>ISBLANK(AN47)=FALSE</formula>
    </cfRule>
  </conditionalFormatting>
  <conditionalFormatting sqref="AQ47:AR48">
    <cfRule type="expression" dxfId="6529" priority="6526" stopIfTrue="1">
      <formula>ISBLANK(AQ47)=TRUE</formula>
    </cfRule>
    <cfRule type="expression" dxfId="6528" priority="6527" stopIfTrue="1">
      <formula>INDIRECT("第１の３表②!"&amp;CELL("address",DJ47))="×××"</formula>
    </cfRule>
    <cfRule type="expression" dxfId="6527" priority="6528" stopIfTrue="1">
      <formula>INDIRECT("第１の３表②!"&amp;CELL("address",DJ47))="××"</formula>
    </cfRule>
    <cfRule type="expression" dxfId="6526" priority="6529" stopIfTrue="1">
      <formula>INDIRECT("第１の３表②!"&amp;CELL("address",DJ47))="×"</formula>
    </cfRule>
    <cfRule type="expression" dxfId="6525" priority="6530" stopIfTrue="1">
      <formula>ISBLANK(AQ47)=FALSE</formula>
    </cfRule>
  </conditionalFormatting>
  <conditionalFormatting sqref="AQ47:AR48">
    <cfRule type="expression" dxfId="6524" priority="6521" stopIfTrue="1">
      <formula>ISBLANK(AQ47)=TRUE</formula>
    </cfRule>
    <cfRule type="expression" dxfId="6523" priority="6522" stopIfTrue="1">
      <formula>INDIRECT("第１の３表②!"&amp;CELL("address",DJ47))="×××"</formula>
    </cfRule>
    <cfRule type="expression" dxfId="6522" priority="6523" stopIfTrue="1">
      <formula>INDIRECT("第１の３表②!"&amp;CELL("address",DJ47))="××"</formula>
    </cfRule>
    <cfRule type="expression" dxfId="6521" priority="6524" stopIfTrue="1">
      <formula>INDIRECT("第１の３表②!"&amp;CELL("address",DJ47))="×"</formula>
    </cfRule>
    <cfRule type="expression" dxfId="6520" priority="6525" stopIfTrue="1">
      <formula>ISBLANK(AQ47)=FALSE</formula>
    </cfRule>
  </conditionalFormatting>
  <conditionalFormatting sqref="AQ47:AR48">
    <cfRule type="expression" dxfId="6519" priority="6516" stopIfTrue="1">
      <formula>ISBLANK(AQ47)=TRUE</formula>
    </cfRule>
    <cfRule type="expression" dxfId="6518" priority="6517" stopIfTrue="1">
      <formula>INDIRECT("第１の３表②!"&amp;CELL("address",DJ47))="×××"</formula>
    </cfRule>
    <cfRule type="expression" dxfId="6517" priority="6518" stopIfTrue="1">
      <formula>INDIRECT("第１の３表②!"&amp;CELL("address",DJ47))="××"</formula>
    </cfRule>
    <cfRule type="expression" dxfId="6516" priority="6519" stopIfTrue="1">
      <formula>INDIRECT("第１の３表②!"&amp;CELL("address",DJ47))="×"</formula>
    </cfRule>
    <cfRule type="expression" dxfId="6515" priority="6520" stopIfTrue="1">
      <formula>ISBLANK(AQ47)=FALSE</formula>
    </cfRule>
  </conditionalFormatting>
  <conditionalFormatting sqref="AT47:AU48">
    <cfRule type="expression" dxfId="6514" priority="6511" stopIfTrue="1">
      <formula>ISBLANK(AT47)=TRUE</formula>
    </cfRule>
    <cfRule type="expression" dxfId="6513" priority="6512" stopIfTrue="1">
      <formula>INDIRECT("第１の３表②!"&amp;CELL("address",DM47))="×××"</formula>
    </cfRule>
    <cfRule type="expression" dxfId="6512" priority="6513" stopIfTrue="1">
      <formula>INDIRECT("第１の３表②!"&amp;CELL("address",DM47))="××"</formula>
    </cfRule>
    <cfRule type="expression" dxfId="6511" priority="6514" stopIfTrue="1">
      <formula>INDIRECT("第１の３表②!"&amp;CELL("address",DM47))="×"</formula>
    </cfRule>
    <cfRule type="expression" dxfId="6510" priority="6515" stopIfTrue="1">
      <formula>ISBLANK(AT47)=FALSE</formula>
    </cfRule>
  </conditionalFormatting>
  <conditionalFormatting sqref="AT47:AU48">
    <cfRule type="expression" dxfId="6509" priority="6506" stopIfTrue="1">
      <formula>ISBLANK(AT47)=TRUE</formula>
    </cfRule>
    <cfRule type="expression" dxfId="6508" priority="6507" stopIfTrue="1">
      <formula>INDIRECT("第１の３表②!"&amp;CELL("address",DM47))="×××"</formula>
    </cfRule>
    <cfRule type="expression" dxfId="6507" priority="6508" stopIfTrue="1">
      <formula>INDIRECT("第１の３表②!"&amp;CELL("address",DM47))="××"</formula>
    </cfRule>
    <cfRule type="expression" dxfId="6506" priority="6509" stopIfTrue="1">
      <formula>INDIRECT("第１の３表②!"&amp;CELL("address",DM47))="×"</formula>
    </cfRule>
    <cfRule type="expression" dxfId="6505" priority="6510" stopIfTrue="1">
      <formula>ISBLANK(AT47)=FALSE</formula>
    </cfRule>
  </conditionalFormatting>
  <conditionalFormatting sqref="AT47:AU48">
    <cfRule type="expression" dxfId="6504" priority="6501" stopIfTrue="1">
      <formula>ISBLANK(AT47)=TRUE</formula>
    </cfRule>
    <cfRule type="expression" dxfId="6503" priority="6502" stopIfTrue="1">
      <formula>INDIRECT("第１の３表②!"&amp;CELL("address",DM47))="×××"</formula>
    </cfRule>
    <cfRule type="expression" dxfId="6502" priority="6503" stopIfTrue="1">
      <formula>INDIRECT("第１の３表②!"&amp;CELL("address",DM47))="××"</formula>
    </cfRule>
    <cfRule type="expression" dxfId="6501" priority="6504" stopIfTrue="1">
      <formula>INDIRECT("第１の３表②!"&amp;CELL("address",DM47))="×"</formula>
    </cfRule>
    <cfRule type="expression" dxfId="6500" priority="6505" stopIfTrue="1">
      <formula>ISBLANK(AT47)=FALSE</formula>
    </cfRule>
  </conditionalFormatting>
  <conditionalFormatting sqref="AW47:AX48">
    <cfRule type="expression" dxfId="6499" priority="6496" stopIfTrue="1">
      <formula>ISBLANK(AW47)=TRUE</formula>
    </cfRule>
    <cfRule type="expression" dxfId="6498" priority="6497" stopIfTrue="1">
      <formula>INDIRECT("第１の３表②!"&amp;CELL("address",DP47))="×××"</formula>
    </cfRule>
    <cfRule type="expression" dxfId="6497" priority="6498" stopIfTrue="1">
      <formula>INDIRECT("第１の３表②!"&amp;CELL("address",DP47))="××"</formula>
    </cfRule>
    <cfRule type="expression" dxfId="6496" priority="6499" stopIfTrue="1">
      <formula>INDIRECT("第１の３表②!"&amp;CELL("address",DP47))="×"</formula>
    </cfRule>
    <cfRule type="expression" dxfId="6495" priority="6500" stopIfTrue="1">
      <formula>ISBLANK(AW47)=FALSE</formula>
    </cfRule>
  </conditionalFormatting>
  <conditionalFormatting sqref="AW47:AX48">
    <cfRule type="expression" dxfId="6494" priority="6491" stopIfTrue="1">
      <formula>ISBLANK(AW47)=TRUE</formula>
    </cfRule>
    <cfRule type="expression" dxfId="6493" priority="6492" stopIfTrue="1">
      <formula>INDIRECT("第１の３表②!"&amp;CELL("address",DP47))="×××"</formula>
    </cfRule>
    <cfRule type="expression" dxfId="6492" priority="6493" stopIfTrue="1">
      <formula>INDIRECT("第１の３表②!"&amp;CELL("address",DP47))="××"</formula>
    </cfRule>
    <cfRule type="expression" dxfId="6491" priority="6494" stopIfTrue="1">
      <formula>INDIRECT("第１の３表②!"&amp;CELL("address",DP47))="×"</formula>
    </cfRule>
    <cfRule type="expression" dxfId="6490" priority="6495" stopIfTrue="1">
      <formula>ISBLANK(AW47)=FALSE</formula>
    </cfRule>
  </conditionalFormatting>
  <conditionalFormatting sqref="AW47:AX48">
    <cfRule type="expression" dxfId="6489" priority="6486" stopIfTrue="1">
      <formula>ISBLANK(AW47)=TRUE</formula>
    </cfRule>
    <cfRule type="expression" dxfId="6488" priority="6487" stopIfTrue="1">
      <formula>INDIRECT("第１の３表②!"&amp;CELL("address",DP47))="×××"</formula>
    </cfRule>
    <cfRule type="expression" dxfId="6487" priority="6488" stopIfTrue="1">
      <formula>INDIRECT("第１の３表②!"&amp;CELL("address",DP47))="××"</formula>
    </cfRule>
    <cfRule type="expression" dxfId="6486" priority="6489" stopIfTrue="1">
      <formula>INDIRECT("第１の３表②!"&amp;CELL("address",DP47))="×"</formula>
    </cfRule>
    <cfRule type="expression" dxfId="6485" priority="6490" stopIfTrue="1">
      <formula>ISBLANK(AW47)=FALSE</formula>
    </cfRule>
  </conditionalFormatting>
  <conditionalFormatting sqref="AZ47:BA48">
    <cfRule type="expression" dxfId="6484" priority="6481" stopIfTrue="1">
      <formula>ISBLANK(AZ47)=TRUE</formula>
    </cfRule>
    <cfRule type="expression" dxfId="6483" priority="6482" stopIfTrue="1">
      <formula>INDIRECT("第１の３表②!"&amp;CELL("address",DS47))="×××"</formula>
    </cfRule>
    <cfRule type="expression" dxfId="6482" priority="6483" stopIfTrue="1">
      <formula>INDIRECT("第１の３表②!"&amp;CELL("address",DS47))="××"</formula>
    </cfRule>
    <cfRule type="expression" dxfId="6481" priority="6484" stopIfTrue="1">
      <formula>INDIRECT("第１の３表②!"&amp;CELL("address",DS47))="×"</formula>
    </cfRule>
    <cfRule type="expression" dxfId="6480" priority="6485" stopIfTrue="1">
      <formula>ISBLANK(AZ47)=FALSE</formula>
    </cfRule>
  </conditionalFormatting>
  <conditionalFormatting sqref="AZ47:BA48">
    <cfRule type="expression" dxfId="6479" priority="6476" stopIfTrue="1">
      <formula>ISBLANK(AZ47)=TRUE</formula>
    </cfRule>
    <cfRule type="expression" dxfId="6478" priority="6477" stopIfTrue="1">
      <formula>INDIRECT("第１の３表②!"&amp;CELL("address",DS47))="×××"</formula>
    </cfRule>
    <cfRule type="expression" dxfId="6477" priority="6478" stopIfTrue="1">
      <formula>INDIRECT("第１の３表②!"&amp;CELL("address",DS47))="××"</formula>
    </cfRule>
    <cfRule type="expression" dxfId="6476" priority="6479" stopIfTrue="1">
      <formula>INDIRECT("第１の３表②!"&amp;CELL("address",DS47))="×"</formula>
    </cfRule>
    <cfRule type="expression" dxfId="6475" priority="6480" stopIfTrue="1">
      <formula>ISBLANK(AZ47)=FALSE</formula>
    </cfRule>
  </conditionalFormatting>
  <conditionalFormatting sqref="AZ47:BA48">
    <cfRule type="expression" dxfId="6474" priority="6471" stopIfTrue="1">
      <formula>ISBLANK(AZ47)=TRUE</formula>
    </cfRule>
    <cfRule type="expression" dxfId="6473" priority="6472" stopIfTrue="1">
      <formula>INDIRECT("第１の３表②!"&amp;CELL("address",DS47))="×××"</formula>
    </cfRule>
    <cfRule type="expression" dxfId="6472" priority="6473" stopIfTrue="1">
      <formula>INDIRECT("第１の３表②!"&amp;CELL("address",DS47))="××"</formula>
    </cfRule>
    <cfRule type="expression" dxfId="6471" priority="6474" stopIfTrue="1">
      <formula>INDIRECT("第１の３表②!"&amp;CELL("address",DS47))="×"</formula>
    </cfRule>
    <cfRule type="expression" dxfId="6470" priority="6475" stopIfTrue="1">
      <formula>ISBLANK(AZ47)=FALSE</formula>
    </cfRule>
  </conditionalFormatting>
  <conditionalFormatting sqref="BC47:BD48">
    <cfRule type="expression" dxfId="6469" priority="6466" stopIfTrue="1">
      <formula>ISBLANK(BC47)=TRUE</formula>
    </cfRule>
    <cfRule type="expression" dxfId="6468" priority="6467" stopIfTrue="1">
      <formula>INDIRECT("第１の３表②!"&amp;CELL("address",DV47))="×××"</formula>
    </cfRule>
    <cfRule type="expression" dxfId="6467" priority="6468" stopIfTrue="1">
      <formula>INDIRECT("第１の３表②!"&amp;CELL("address",DV47))="××"</formula>
    </cfRule>
    <cfRule type="expression" dxfId="6466" priority="6469" stopIfTrue="1">
      <formula>INDIRECT("第１の３表②!"&amp;CELL("address",DV47))="×"</formula>
    </cfRule>
    <cfRule type="expression" dxfId="6465" priority="6470" stopIfTrue="1">
      <formula>ISBLANK(BC47)=FALSE</formula>
    </cfRule>
  </conditionalFormatting>
  <conditionalFormatting sqref="BC47:BD48">
    <cfRule type="expression" dxfId="6464" priority="6461" stopIfTrue="1">
      <formula>ISBLANK(BC47)=TRUE</formula>
    </cfRule>
    <cfRule type="expression" dxfId="6463" priority="6462" stopIfTrue="1">
      <formula>INDIRECT("第１の３表②!"&amp;CELL("address",DV47))="×××"</formula>
    </cfRule>
    <cfRule type="expression" dxfId="6462" priority="6463" stopIfTrue="1">
      <formula>INDIRECT("第１の３表②!"&amp;CELL("address",DV47))="××"</formula>
    </cfRule>
    <cfRule type="expression" dxfId="6461" priority="6464" stopIfTrue="1">
      <formula>INDIRECT("第１の３表②!"&amp;CELL("address",DV47))="×"</formula>
    </cfRule>
    <cfRule type="expression" dxfId="6460" priority="6465" stopIfTrue="1">
      <formula>ISBLANK(BC47)=FALSE</formula>
    </cfRule>
  </conditionalFormatting>
  <conditionalFormatting sqref="BC47:BD48">
    <cfRule type="expression" dxfId="6459" priority="6456" stopIfTrue="1">
      <formula>ISBLANK(BC47)=TRUE</formula>
    </cfRule>
    <cfRule type="expression" dxfId="6458" priority="6457" stopIfTrue="1">
      <formula>INDIRECT("第１の３表②!"&amp;CELL("address",DV47))="×××"</formula>
    </cfRule>
    <cfRule type="expression" dxfId="6457" priority="6458" stopIfTrue="1">
      <formula>INDIRECT("第１の３表②!"&amp;CELL("address",DV47))="××"</formula>
    </cfRule>
    <cfRule type="expression" dxfId="6456" priority="6459" stopIfTrue="1">
      <formula>INDIRECT("第１の３表②!"&amp;CELL("address",DV47))="×"</formula>
    </cfRule>
    <cfRule type="expression" dxfId="6455" priority="6460" stopIfTrue="1">
      <formula>ISBLANK(BC47)=FALSE</formula>
    </cfRule>
  </conditionalFormatting>
  <conditionalFormatting sqref="BF47:BG48">
    <cfRule type="expression" dxfId="6454" priority="6451" stopIfTrue="1">
      <formula>ISBLANK(BF47)=TRUE</formula>
    </cfRule>
    <cfRule type="expression" dxfId="6453" priority="6452" stopIfTrue="1">
      <formula>INDIRECT("第１の３表②!"&amp;CELL("address",DY47))="×××"</formula>
    </cfRule>
    <cfRule type="expression" dxfId="6452" priority="6453" stopIfTrue="1">
      <formula>INDIRECT("第１の３表②!"&amp;CELL("address",DY47))="××"</formula>
    </cfRule>
    <cfRule type="expression" dxfId="6451" priority="6454" stopIfTrue="1">
      <formula>INDIRECT("第１の３表②!"&amp;CELL("address",DY47))="×"</formula>
    </cfRule>
    <cfRule type="expression" dxfId="6450" priority="6455" stopIfTrue="1">
      <formula>ISBLANK(BF47)=FALSE</formula>
    </cfRule>
  </conditionalFormatting>
  <conditionalFormatting sqref="BF47:BG48">
    <cfRule type="expression" dxfId="6449" priority="6446" stopIfTrue="1">
      <formula>ISBLANK(BF47)=TRUE</formula>
    </cfRule>
    <cfRule type="expression" dxfId="6448" priority="6447" stopIfTrue="1">
      <formula>INDIRECT("第１の３表②!"&amp;CELL("address",DY47))="×××"</formula>
    </cfRule>
    <cfRule type="expression" dxfId="6447" priority="6448" stopIfTrue="1">
      <formula>INDIRECT("第１の３表②!"&amp;CELL("address",DY47))="××"</formula>
    </cfRule>
    <cfRule type="expression" dxfId="6446" priority="6449" stopIfTrue="1">
      <formula>INDIRECT("第１の３表②!"&amp;CELL("address",DY47))="×"</formula>
    </cfRule>
    <cfRule type="expression" dxfId="6445" priority="6450" stopIfTrue="1">
      <formula>ISBLANK(BF47)=FALSE</formula>
    </cfRule>
  </conditionalFormatting>
  <conditionalFormatting sqref="BF47:BG48">
    <cfRule type="expression" dxfId="6444" priority="6441" stopIfTrue="1">
      <formula>ISBLANK(BF47)=TRUE</formula>
    </cfRule>
    <cfRule type="expression" dxfId="6443" priority="6442" stopIfTrue="1">
      <formula>INDIRECT("第１の３表②!"&amp;CELL("address",DY47))="×××"</formula>
    </cfRule>
    <cfRule type="expression" dxfId="6442" priority="6443" stopIfTrue="1">
      <formula>INDIRECT("第１の３表②!"&amp;CELL("address",DY47))="××"</formula>
    </cfRule>
    <cfRule type="expression" dxfId="6441" priority="6444" stopIfTrue="1">
      <formula>INDIRECT("第１の３表②!"&amp;CELL("address",DY47))="×"</formula>
    </cfRule>
    <cfRule type="expression" dxfId="6440" priority="6445" stopIfTrue="1">
      <formula>ISBLANK(BF47)=FALSE</formula>
    </cfRule>
  </conditionalFormatting>
  <conditionalFormatting sqref="BI47:BJ48">
    <cfRule type="expression" dxfId="6439" priority="6436" stopIfTrue="1">
      <formula>ISBLANK(BI47)=TRUE</formula>
    </cfRule>
    <cfRule type="expression" dxfId="6438" priority="6437" stopIfTrue="1">
      <formula>INDIRECT("第１の３表②!"&amp;CELL("address",EB47))="×××"</formula>
    </cfRule>
    <cfRule type="expression" dxfId="6437" priority="6438" stopIfTrue="1">
      <formula>INDIRECT("第１の３表②!"&amp;CELL("address",EB47))="××"</formula>
    </cfRule>
    <cfRule type="expression" dxfId="6436" priority="6439" stopIfTrue="1">
      <formula>INDIRECT("第１の３表②!"&amp;CELL("address",EB47))="×"</formula>
    </cfRule>
    <cfRule type="expression" dxfId="6435" priority="6440" stopIfTrue="1">
      <formula>ISBLANK(BI47)=FALSE</formula>
    </cfRule>
  </conditionalFormatting>
  <conditionalFormatting sqref="BI47:BJ48">
    <cfRule type="expression" dxfId="6434" priority="6431" stopIfTrue="1">
      <formula>ISBLANK(BI47)=TRUE</formula>
    </cfRule>
    <cfRule type="expression" dxfId="6433" priority="6432" stopIfTrue="1">
      <formula>INDIRECT("第１の３表②!"&amp;CELL("address",EB47))="×××"</formula>
    </cfRule>
    <cfRule type="expression" dxfId="6432" priority="6433" stopIfTrue="1">
      <formula>INDIRECT("第１の３表②!"&amp;CELL("address",EB47))="××"</formula>
    </cfRule>
    <cfRule type="expression" dxfId="6431" priority="6434" stopIfTrue="1">
      <formula>INDIRECT("第１の３表②!"&amp;CELL("address",EB47))="×"</formula>
    </cfRule>
    <cfRule type="expression" dxfId="6430" priority="6435" stopIfTrue="1">
      <formula>ISBLANK(BI47)=FALSE</formula>
    </cfRule>
  </conditionalFormatting>
  <conditionalFormatting sqref="BI47:BJ48">
    <cfRule type="expression" dxfId="6429" priority="6426" stopIfTrue="1">
      <formula>ISBLANK(BI47)=TRUE</formula>
    </cfRule>
    <cfRule type="expression" dxfId="6428" priority="6427" stopIfTrue="1">
      <formula>INDIRECT("第１の３表②!"&amp;CELL("address",EB47))="×××"</formula>
    </cfRule>
    <cfRule type="expression" dxfId="6427" priority="6428" stopIfTrue="1">
      <formula>INDIRECT("第１の３表②!"&amp;CELL("address",EB47))="××"</formula>
    </cfRule>
    <cfRule type="expression" dxfId="6426" priority="6429" stopIfTrue="1">
      <formula>INDIRECT("第１の３表②!"&amp;CELL("address",EB47))="×"</formula>
    </cfRule>
    <cfRule type="expression" dxfId="6425" priority="6430" stopIfTrue="1">
      <formula>ISBLANK(BI47)=FALSE</formula>
    </cfRule>
  </conditionalFormatting>
  <conditionalFormatting sqref="BL47:BM48">
    <cfRule type="expression" dxfId="6424" priority="6421" stopIfTrue="1">
      <formula>ISBLANK(BL47)=TRUE</formula>
    </cfRule>
    <cfRule type="expression" dxfId="6423" priority="6422" stopIfTrue="1">
      <formula>INDIRECT("第１の３表②!"&amp;CELL("address",EE47))="×××"</formula>
    </cfRule>
    <cfRule type="expression" dxfId="6422" priority="6423" stopIfTrue="1">
      <formula>INDIRECT("第１の３表②!"&amp;CELL("address",EE47))="××"</formula>
    </cfRule>
    <cfRule type="expression" dxfId="6421" priority="6424" stopIfTrue="1">
      <formula>INDIRECT("第１の３表②!"&amp;CELL("address",EE47))="×"</formula>
    </cfRule>
    <cfRule type="expression" dxfId="6420" priority="6425" stopIfTrue="1">
      <formula>ISBLANK(BL47)=FALSE</formula>
    </cfRule>
  </conditionalFormatting>
  <conditionalFormatting sqref="BL47:BM48">
    <cfRule type="expression" dxfId="6419" priority="6416" stopIfTrue="1">
      <formula>ISBLANK(BL47)=TRUE</formula>
    </cfRule>
    <cfRule type="expression" dxfId="6418" priority="6417" stopIfTrue="1">
      <formula>INDIRECT("第１の３表②!"&amp;CELL("address",EE47))="×××"</formula>
    </cfRule>
    <cfRule type="expression" dxfId="6417" priority="6418" stopIfTrue="1">
      <formula>INDIRECT("第１の３表②!"&amp;CELL("address",EE47))="××"</formula>
    </cfRule>
    <cfRule type="expression" dxfId="6416" priority="6419" stopIfTrue="1">
      <formula>INDIRECT("第１の３表②!"&amp;CELL("address",EE47))="×"</formula>
    </cfRule>
    <cfRule type="expression" dxfId="6415" priority="6420" stopIfTrue="1">
      <formula>ISBLANK(BL47)=FALSE</formula>
    </cfRule>
  </conditionalFormatting>
  <conditionalFormatting sqref="BL47:BM48">
    <cfRule type="expression" dxfId="6414" priority="6411" stopIfTrue="1">
      <formula>ISBLANK(BL47)=TRUE</formula>
    </cfRule>
    <cfRule type="expression" dxfId="6413" priority="6412" stopIfTrue="1">
      <formula>INDIRECT("第１の３表②!"&amp;CELL("address",EE47))="×××"</formula>
    </cfRule>
    <cfRule type="expression" dxfId="6412" priority="6413" stopIfTrue="1">
      <formula>INDIRECT("第１の３表②!"&amp;CELL("address",EE47))="××"</formula>
    </cfRule>
    <cfRule type="expression" dxfId="6411" priority="6414" stopIfTrue="1">
      <formula>INDIRECT("第１の３表②!"&amp;CELL("address",EE47))="×"</formula>
    </cfRule>
    <cfRule type="expression" dxfId="6410" priority="6415" stopIfTrue="1">
      <formula>ISBLANK(BL47)=FALSE</formula>
    </cfRule>
  </conditionalFormatting>
  <conditionalFormatting sqref="BO47:BP48">
    <cfRule type="expression" dxfId="6409" priority="6406" stopIfTrue="1">
      <formula>ISBLANK(BO47)=TRUE</formula>
    </cfRule>
    <cfRule type="expression" dxfId="6408" priority="6407" stopIfTrue="1">
      <formula>INDIRECT("第１の３表②!"&amp;CELL("address",EH47))="×××"</formula>
    </cfRule>
    <cfRule type="expression" dxfId="6407" priority="6408" stopIfTrue="1">
      <formula>INDIRECT("第１の３表②!"&amp;CELL("address",EH47))="××"</formula>
    </cfRule>
    <cfRule type="expression" dxfId="6406" priority="6409" stopIfTrue="1">
      <formula>INDIRECT("第１の３表②!"&amp;CELL("address",EH47))="×"</formula>
    </cfRule>
    <cfRule type="expression" dxfId="6405" priority="6410" stopIfTrue="1">
      <formula>ISBLANK(BO47)=FALSE</formula>
    </cfRule>
  </conditionalFormatting>
  <conditionalFormatting sqref="BO47:BP48">
    <cfRule type="expression" dxfId="6404" priority="6401" stopIfTrue="1">
      <formula>ISBLANK(BO47)=TRUE</formula>
    </cfRule>
    <cfRule type="expression" dxfId="6403" priority="6402" stopIfTrue="1">
      <formula>INDIRECT("第１の３表②!"&amp;CELL("address",EH47))="×××"</formula>
    </cfRule>
    <cfRule type="expression" dxfId="6402" priority="6403" stopIfTrue="1">
      <formula>INDIRECT("第１の３表②!"&amp;CELL("address",EH47))="××"</formula>
    </cfRule>
    <cfRule type="expression" dxfId="6401" priority="6404" stopIfTrue="1">
      <formula>INDIRECT("第１の３表②!"&amp;CELL("address",EH47))="×"</formula>
    </cfRule>
    <cfRule type="expression" dxfId="6400" priority="6405" stopIfTrue="1">
      <formula>ISBLANK(BO47)=FALSE</formula>
    </cfRule>
  </conditionalFormatting>
  <conditionalFormatting sqref="BO47:BP48">
    <cfRule type="expression" dxfId="6399" priority="6396" stopIfTrue="1">
      <formula>ISBLANK(BO47)=TRUE</formula>
    </cfRule>
    <cfRule type="expression" dxfId="6398" priority="6397" stopIfTrue="1">
      <formula>INDIRECT("第１の３表②!"&amp;CELL("address",EH47))="×××"</formula>
    </cfRule>
    <cfRule type="expression" dxfId="6397" priority="6398" stopIfTrue="1">
      <formula>INDIRECT("第１の３表②!"&amp;CELL("address",EH47))="××"</formula>
    </cfRule>
    <cfRule type="expression" dxfId="6396" priority="6399" stopIfTrue="1">
      <formula>INDIRECT("第１の３表②!"&amp;CELL("address",EH47))="×"</formula>
    </cfRule>
    <cfRule type="expression" dxfId="6395" priority="6400" stopIfTrue="1">
      <formula>ISBLANK(BO47)=FALSE</formula>
    </cfRule>
  </conditionalFormatting>
  <conditionalFormatting sqref="J50:K51">
    <cfRule type="expression" dxfId="6394" priority="6391" stopIfTrue="1">
      <formula>ISBLANK(J50)=TRUE</formula>
    </cfRule>
    <cfRule type="expression" dxfId="6393" priority="6392" stopIfTrue="1">
      <formula>INDIRECT("第１の３表②!"&amp;CELL("address",CC50))="×××"</formula>
    </cfRule>
    <cfRule type="expression" dxfId="6392" priority="6393" stopIfTrue="1">
      <formula>INDIRECT("第１の３表②!"&amp;CELL("address",CC50))="××"</formula>
    </cfRule>
    <cfRule type="expression" dxfId="6391" priority="6394" stopIfTrue="1">
      <formula>INDIRECT("第１の３表②!"&amp;CELL("address",CC50))="×"</formula>
    </cfRule>
    <cfRule type="expression" dxfId="6390" priority="6395" stopIfTrue="1">
      <formula>ISBLANK(J50)=FALSE</formula>
    </cfRule>
  </conditionalFormatting>
  <conditionalFormatting sqref="J50:K51">
    <cfRule type="expression" dxfId="6389" priority="6386" stopIfTrue="1">
      <formula>ISBLANK(J50)=TRUE</formula>
    </cfRule>
    <cfRule type="expression" dxfId="6388" priority="6387" stopIfTrue="1">
      <formula>INDIRECT("第１の３表②!"&amp;CELL("address",CC50))="×××"</formula>
    </cfRule>
    <cfRule type="expression" dxfId="6387" priority="6388" stopIfTrue="1">
      <formula>INDIRECT("第１の３表②!"&amp;CELL("address",CC50))="××"</formula>
    </cfRule>
    <cfRule type="expression" dxfId="6386" priority="6389" stopIfTrue="1">
      <formula>INDIRECT("第１の３表②!"&amp;CELL("address",CC50))="×"</formula>
    </cfRule>
    <cfRule type="expression" dxfId="6385" priority="6390" stopIfTrue="1">
      <formula>ISBLANK(J50)=FALSE</formula>
    </cfRule>
  </conditionalFormatting>
  <conditionalFormatting sqref="J50:K51">
    <cfRule type="expression" dxfId="6384" priority="6381" stopIfTrue="1">
      <formula>ISBLANK(J50)=TRUE</formula>
    </cfRule>
    <cfRule type="expression" dxfId="6383" priority="6382" stopIfTrue="1">
      <formula>INDIRECT("第１の３表②!"&amp;CELL("address",CC50))="×××"</formula>
    </cfRule>
    <cfRule type="expression" dxfId="6382" priority="6383" stopIfTrue="1">
      <formula>INDIRECT("第１の３表②!"&amp;CELL("address",CC50))="××"</formula>
    </cfRule>
    <cfRule type="expression" dxfId="6381" priority="6384" stopIfTrue="1">
      <formula>INDIRECT("第１の３表②!"&amp;CELL("address",CC50))="×"</formula>
    </cfRule>
    <cfRule type="expression" dxfId="6380" priority="6385" stopIfTrue="1">
      <formula>ISBLANK(J50)=FALSE</formula>
    </cfRule>
  </conditionalFormatting>
  <conditionalFormatting sqref="M50:N51">
    <cfRule type="expression" dxfId="6379" priority="6376" stopIfTrue="1">
      <formula>ISBLANK(M50)=TRUE</formula>
    </cfRule>
    <cfRule type="expression" dxfId="6378" priority="6377" stopIfTrue="1">
      <formula>INDIRECT("第１の３表②!"&amp;CELL("address",CF50))="×××"</formula>
    </cfRule>
    <cfRule type="expression" dxfId="6377" priority="6378" stopIfTrue="1">
      <formula>INDIRECT("第１の３表②!"&amp;CELL("address",CF50))="××"</formula>
    </cfRule>
    <cfRule type="expression" dxfId="6376" priority="6379" stopIfTrue="1">
      <formula>INDIRECT("第１の３表②!"&amp;CELL("address",CF50))="×"</formula>
    </cfRule>
    <cfRule type="expression" dxfId="6375" priority="6380" stopIfTrue="1">
      <formula>ISBLANK(M50)=FALSE</formula>
    </cfRule>
  </conditionalFormatting>
  <conditionalFormatting sqref="M50:N51">
    <cfRule type="expression" dxfId="6374" priority="6371" stopIfTrue="1">
      <formula>ISBLANK(M50)=TRUE</formula>
    </cfRule>
    <cfRule type="expression" dxfId="6373" priority="6372" stopIfTrue="1">
      <formula>INDIRECT("第１の３表②!"&amp;CELL("address",CF50))="×××"</formula>
    </cfRule>
    <cfRule type="expression" dxfId="6372" priority="6373" stopIfTrue="1">
      <formula>INDIRECT("第１の３表②!"&amp;CELL("address",CF50))="××"</formula>
    </cfRule>
    <cfRule type="expression" dxfId="6371" priority="6374" stopIfTrue="1">
      <formula>INDIRECT("第１の３表②!"&amp;CELL("address",CF50))="×"</formula>
    </cfRule>
    <cfRule type="expression" dxfId="6370" priority="6375" stopIfTrue="1">
      <formula>ISBLANK(M50)=FALSE</formula>
    </cfRule>
  </conditionalFormatting>
  <conditionalFormatting sqref="M50:N51">
    <cfRule type="expression" dxfId="6369" priority="6366" stopIfTrue="1">
      <formula>ISBLANK(M50)=TRUE</formula>
    </cfRule>
    <cfRule type="expression" dxfId="6368" priority="6367" stopIfTrue="1">
      <formula>INDIRECT("第１の３表②!"&amp;CELL("address",CF50))="×××"</formula>
    </cfRule>
    <cfRule type="expression" dxfId="6367" priority="6368" stopIfTrue="1">
      <formula>INDIRECT("第１の３表②!"&amp;CELL("address",CF50))="××"</formula>
    </cfRule>
    <cfRule type="expression" dxfId="6366" priority="6369" stopIfTrue="1">
      <formula>INDIRECT("第１の３表②!"&amp;CELL("address",CF50))="×"</formula>
    </cfRule>
    <cfRule type="expression" dxfId="6365" priority="6370" stopIfTrue="1">
      <formula>ISBLANK(M50)=FALSE</formula>
    </cfRule>
  </conditionalFormatting>
  <conditionalFormatting sqref="P50:Q51">
    <cfRule type="expression" dxfId="6364" priority="6361" stopIfTrue="1">
      <formula>ISBLANK(P50)=TRUE</formula>
    </cfRule>
    <cfRule type="expression" dxfId="6363" priority="6362" stopIfTrue="1">
      <formula>INDIRECT("第１の３表②!"&amp;CELL("address",CI50))="×××"</formula>
    </cfRule>
    <cfRule type="expression" dxfId="6362" priority="6363" stopIfTrue="1">
      <formula>INDIRECT("第１の３表②!"&amp;CELL("address",CI50))="××"</formula>
    </cfRule>
    <cfRule type="expression" dxfId="6361" priority="6364" stopIfTrue="1">
      <formula>INDIRECT("第１の３表②!"&amp;CELL("address",CI50))="×"</formula>
    </cfRule>
    <cfRule type="expression" dxfId="6360" priority="6365" stopIfTrue="1">
      <formula>ISBLANK(P50)=FALSE</formula>
    </cfRule>
  </conditionalFormatting>
  <conditionalFormatting sqref="P50:Q51">
    <cfRule type="expression" dxfId="6359" priority="6356" stopIfTrue="1">
      <formula>ISBLANK(P50)=TRUE</formula>
    </cfRule>
    <cfRule type="expression" dxfId="6358" priority="6357" stopIfTrue="1">
      <formula>INDIRECT("第１の３表②!"&amp;CELL("address",CI50))="×××"</formula>
    </cfRule>
    <cfRule type="expression" dxfId="6357" priority="6358" stopIfTrue="1">
      <formula>INDIRECT("第１の３表②!"&amp;CELL("address",CI50))="××"</formula>
    </cfRule>
    <cfRule type="expression" dxfId="6356" priority="6359" stopIfTrue="1">
      <formula>INDIRECT("第１の３表②!"&amp;CELL("address",CI50))="×"</formula>
    </cfRule>
    <cfRule type="expression" dxfId="6355" priority="6360" stopIfTrue="1">
      <formula>ISBLANK(P50)=FALSE</formula>
    </cfRule>
  </conditionalFormatting>
  <conditionalFormatting sqref="P50:Q51">
    <cfRule type="expression" dxfId="6354" priority="6351" stopIfTrue="1">
      <formula>ISBLANK(P50)=TRUE</formula>
    </cfRule>
    <cfRule type="expression" dxfId="6353" priority="6352" stopIfTrue="1">
      <formula>INDIRECT("第１の３表②!"&amp;CELL("address",CI50))="×××"</formula>
    </cfRule>
    <cfRule type="expression" dxfId="6352" priority="6353" stopIfTrue="1">
      <formula>INDIRECT("第１の３表②!"&amp;CELL("address",CI50))="××"</formula>
    </cfRule>
    <cfRule type="expression" dxfId="6351" priority="6354" stopIfTrue="1">
      <formula>INDIRECT("第１の３表②!"&amp;CELL("address",CI50))="×"</formula>
    </cfRule>
    <cfRule type="expression" dxfId="6350" priority="6355" stopIfTrue="1">
      <formula>ISBLANK(P50)=FALSE</formula>
    </cfRule>
  </conditionalFormatting>
  <conditionalFormatting sqref="S50:T51">
    <cfRule type="expression" dxfId="6349" priority="6346" stopIfTrue="1">
      <formula>ISBLANK(S50)=TRUE</formula>
    </cfRule>
    <cfRule type="expression" dxfId="6348" priority="6347" stopIfTrue="1">
      <formula>INDIRECT("第１の３表②!"&amp;CELL("address",CL50))="×××"</formula>
    </cfRule>
    <cfRule type="expression" dxfId="6347" priority="6348" stopIfTrue="1">
      <formula>INDIRECT("第１の３表②!"&amp;CELL("address",CL50))="××"</formula>
    </cfRule>
    <cfRule type="expression" dxfId="6346" priority="6349" stopIfTrue="1">
      <formula>INDIRECT("第１の３表②!"&amp;CELL("address",CL50))="×"</formula>
    </cfRule>
    <cfRule type="expression" dxfId="6345" priority="6350" stopIfTrue="1">
      <formula>ISBLANK(S50)=FALSE</formula>
    </cfRule>
  </conditionalFormatting>
  <conditionalFormatting sqref="S50:T51">
    <cfRule type="expression" dxfId="6344" priority="6341" stopIfTrue="1">
      <formula>ISBLANK(S50)=TRUE</formula>
    </cfRule>
    <cfRule type="expression" dxfId="6343" priority="6342" stopIfTrue="1">
      <formula>INDIRECT("第１の３表②!"&amp;CELL("address",CL50))="×××"</formula>
    </cfRule>
    <cfRule type="expression" dxfId="6342" priority="6343" stopIfTrue="1">
      <formula>INDIRECT("第１の３表②!"&amp;CELL("address",CL50))="××"</formula>
    </cfRule>
    <cfRule type="expression" dxfId="6341" priority="6344" stopIfTrue="1">
      <formula>INDIRECT("第１の３表②!"&amp;CELL("address",CL50))="×"</formula>
    </cfRule>
    <cfRule type="expression" dxfId="6340" priority="6345" stopIfTrue="1">
      <formula>ISBLANK(S50)=FALSE</formula>
    </cfRule>
  </conditionalFormatting>
  <conditionalFormatting sqref="S50:T51">
    <cfRule type="expression" dxfId="6339" priority="6336" stopIfTrue="1">
      <formula>ISBLANK(S50)=TRUE</formula>
    </cfRule>
    <cfRule type="expression" dxfId="6338" priority="6337" stopIfTrue="1">
      <formula>INDIRECT("第１の３表②!"&amp;CELL("address",CL50))="×××"</formula>
    </cfRule>
    <cfRule type="expression" dxfId="6337" priority="6338" stopIfTrue="1">
      <formula>INDIRECT("第１の３表②!"&amp;CELL("address",CL50))="××"</formula>
    </cfRule>
    <cfRule type="expression" dxfId="6336" priority="6339" stopIfTrue="1">
      <formula>INDIRECT("第１の３表②!"&amp;CELL("address",CL50))="×"</formula>
    </cfRule>
    <cfRule type="expression" dxfId="6335" priority="6340" stopIfTrue="1">
      <formula>ISBLANK(S50)=FALSE</formula>
    </cfRule>
  </conditionalFormatting>
  <conditionalFormatting sqref="V50:W51">
    <cfRule type="expression" dxfId="6334" priority="6331" stopIfTrue="1">
      <formula>ISBLANK(V50)=TRUE</formula>
    </cfRule>
    <cfRule type="expression" dxfId="6333" priority="6332" stopIfTrue="1">
      <formula>INDIRECT("第１の３表②!"&amp;CELL("address",CO50))="×××"</formula>
    </cfRule>
    <cfRule type="expression" dxfId="6332" priority="6333" stopIfTrue="1">
      <formula>INDIRECT("第１の３表②!"&amp;CELL("address",CO50))="××"</formula>
    </cfRule>
    <cfRule type="expression" dxfId="6331" priority="6334" stopIfTrue="1">
      <formula>INDIRECT("第１の３表②!"&amp;CELL("address",CO50))="×"</formula>
    </cfRule>
    <cfRule type="expression" dxfId="6330" priority="6335" stopIfTrue="1">
      <formula>ISBLANK(V50)=FALSE</formula>
    </cfRule>
  </conditionalFormatting>
  <conditionalFormatting sqref="V50:W51">
    <cfRule type="expression" dxfId="6329" priority="6326" stopIfTrue="1">
      <formula>ISBLANK(V50)=TRUE</formula>
    </cfRule>
    <cfRule type="expression" dxfId="6328" priority="6327" stopIfTrue="1">
      <formula>INDIRECT("第１の３表②!"&amp;CELL("address",CO50))="×××"</formula>
    </cfRule>
    <cfRule type="expression" dxfId="6327" priority="6328" stopIfTrue="1">
      <formula>INDIRECT("第１の３表②!"&amp;CELL("address",CO50))="××"</formula>
    </cfRule>
    <cfRule type="expression" dxfId="6326" priority="6329" stopIfTrue="1">
      <formula>INDIRECT("第１の３表②!"&amp;CELL("address",CO50))="×"</formula>
    </cfRule>
    <cfRule type="expression" dxfId="6325" priority="6330" stopIfTrue="1">
      <formula>ISBLANK(V50)=FALSE</formula>
    </cfRule>
  </conditionalFormatting>
  <conditionalFormatting sqref="V50:W51">
    <cfRule type="expression" dxfId="6324" priority="6321" stopIfTrue="1">
      <formula>ISBLANK(V50)=TRUE</formula>
    </cfRule>
    <cfRule type="expression" dxfId="6323" priority="6322" stopIfTrue="1">
      <formula>INDIRECT("第１の３表②!"&amp;CELL("address",CO50))="×××"</formula>
    </cfRule>
    <cfRule type="expression" dxfId="6322" priority="6323" stopIfTrue="1">
      <formula>INDIRECT("第１の３表②!"&amp;CELL("address",CO50))="××"</formula>
    </cfRule>
    <cfRule type="expression" dxfId="6321" priority="6324" stopIfTrue="1">
      <formula>INDIRECT("第１の３表②!"&amp;CELL("address",CO50))="×"</formula>
    </cfRule>
    <cfRule type="expression" dxfId="6320" priority="6325" stopIfTrue="1">
      <formula>ISBLANK(V50)=FALSE</formula>
    </cfRule>
  </conditionalFormatting>
  <conditionalFormatting sqref="Y50:Z51">
    <cfRule type="expression" dxfId="6319" priority="6316" stopIfTrue="1">
      <formula>ISBLANK(Y50)=TRUE</formula>
    </cfRule>
    <cfRule type="expression" dxfId="6318" priority="6317" stopIfTrue="1">
      <formula>INDIRECT("第１の３表②!"&amp;CELL("address",CR50))="×××"</formula>
    </cfRule>
    <cfRule type="expression" dxfId="6317" priority="6318" stopIfTrue="1">
      <formula>INDIRECT("第１の３表②!"&amp;CELL("address",CR50))="××"</formula>
    </cfRule>
    <cfRule type="expression" dxfId="6316" priority="6319" stopIfTrue="1">
      <formula>INDIRECT("第１の３表②!"&amp;CELL("address",CR50))="×"</formula>
    </cfRule>
    <cfRule type="expression" dxfId="6315" priority="6320" stopIfTrue="1">
      <formula>ISBLANK(Y50)=FALSE</formula>
    </cfRule>
  </conditionalFormatting>
  <conditionalFormatting sqref="Y50:Z51">
    <cfRule type="expression" dxfId="6314" priority="6311" stopIfTrue="1">
      <formula>ISBLANK(Y50)=TRUE</formula>
    </cfRule>
    <cfRule type="expression" dxfId="6313" priority="6312" stopIfTrue="1">
      <formula>INDIRECT("第１の３表②!"&amp;CELL("address",CR50))="×××"</formula>
    </cfRule>
    <cfRule type="expression" dxfId="6312" priority="6313" stopIfTrue="1">
      <formula>INDIRECT("第１の３表②!"&amp;CELL("address",CR50))="××"</formula>
    </cfRule>
    <cfRule type="expression" dxfId="6311" priority="6314" stopIfTrue="1">
      <formula>INDIRECT("第１の３表②!"&amp;CELL("address",CR50))="×"</formula>
    </cfRule>
    <cfRule type="expression" dxfId="6310" priority="6315" stopIfTrue="1">
      <formula>ISBLANK(Y50)=FALSE</formula>
    </cfRule>
  </conditionalFormatting>
  <conditionalFormatting sqref="Y50:Z51">
    <cfRule type="expression" dxfId="6309" priority="6306" stopIfTrue="1">
      <formula>ISBLANK(Y50)=TRUE</formula>
    </cfRule>
    <cfRule type="expression" dxfId="6308" priority="6307" stopIfTrue="1">
      <formula>INDIRECT("第１の３表②!"&amp;CELL("address",CR50))="×××"</formula>
    </cfRule>
    <cfRule type="expression" dxfId="6307" priority="6308" stopIfTrue="1">
      <formula>INDIRECT("第１の３表②!"&amp;CELL("address",CR50))="××"</formula>
    </cfRule>
    <cfRule type="expression" dxfId="6306" priority="6309" stopIfTrue="1">
      <formula>INDIRECT("第１の３表②!"&amp;CELL("address",CR50))="×"</formula>
    </cfRule>
    <cfRule type="expression" dxfId="6305" priority="6310" stopIfTrue="1">
      <formula>ISBLANK(Y50)=FALSE</formula>
    </cfRule>
  </conditionalFormatting>
  <conditionalFormatting sqref="AB50:AC51">
    <cfRule type="expression" dxfId="6304" priority="6301" stopIfTrue="1">
      <formula>ISBLANK(AB50)=TRUE</formula>
    </cfRule>
    <cfRule type="expression" dxfId="6303" priority="6302" stopIfTrue="1">
      <formula>INDIRECT("第１の３表②!"&amp;CELL("address",CU50))="×××"</formula>
    </cfRule>
    <cfRule type="expression" dxfId="6302" priority="6303" stopIfTrue="1">
      <formula>INDIRECT("第１の３表②!"&amp;CELL("address",CU50))="××"</formula>
    </cfRule>
    <cfRule type="expression" dxfId="6301" priority="6304" stopIfTrue="1">
      <formula>INDIRECT("第１の３表②!"&amp;CELL("address",CU50))="×"</formula>
    </cfRule>
    <cfRule type="expression" dxfId="6300" priority="6305" stopIfTrue="1">
      <formula>ISBLANK(AB50)=FALSE</formula>
    </cfRule>
  </conditionalFormatting>
  <conditionalFormatting sqref="AB50:AC51">
    <cfRule type="expression" dxfId="6299" priority="6296" stopIfTrue="1">
      <formula>ISBLANK(AB50)=TRUE</formula>
    </cfRule>
    <cfRule type="expression" dxfId="6298" priority="6297" stopIfTrue="1">
      <formula>INDIRECT("第１の３表②!"&amp;CELL("address",CU50))="×××"</formula>
    </cfRule>
    <cfRule type="expression" dxfId="6297" priority="6298" stopIfTrue="1">
      <formula>INDIRECT("第１の３表②!"&amp;CELL("address",CU50))="××"</formula>
    </cfRule>
    <cfRule type="expression" dxfId="6296" priority="6299" stopIfTrue="1">
      <formula>INDIRECT("第１の３表②!"&amp;CELL("address",CU50))="×"</formula>
    </cfRule>
    <cfRule type="expression" dxfId="6295" priority="6300" stopIfTrue="1">
      <formula>ISBLANK(AB50)=FALSE</formula>
    </cfRule>
  </conditionalFormatting>
  <conditionalFormatting sqref="AB50:AC51">
    <cfRule type="expression" dxfId="6294" priority="6291" stopIfTrue="1">
      <formula>ISBLANK(AB50)=TRUE</formula>
    </cfRule>
    <cfRule type="expression" dxfId="6293" priority="6292" stopIfTrue="1">
      <formula>INDIRECT("第１の３表②!"&amp;CELL("address",CU50))="×××"</formula>
    </cfRule>
    <cfRule type="expression" dxfId="6292" priority="6293" stopIfTrue="1">
      <formula>INDIRECT("第１の３表②!"&amp;CELL("address",CU50))="××"</formula>
    </cfRule>
    <cfRule type="expression" dxfId="6291" priority="6294" stopIfTrue="1">
      <formula>INDIRECT("第１の３表②!"&amp;CELL("address",CU50))="×"</formula>
    </cfRule>
    <cfRule type="expression" dxfId="6290" priority="6295" stopIfTrue="1">
      <formula>ISBLANK(AB50)=FALSE</formula>
    </cfRule>
  </conditionalFormatting>
  <conditionalFormatting sqref="AE50:AF51">
    <cfRule type="expression" dxfId="6289" priority="6286" stopIfTrue="1">
      <formula>ISBLANK(AE50)=TRUE</formula>
    </cfRule>
    <cfRule type="expression" dxfId="6288" priority="6287" stopIfTrue="1">
      <formula>INDIRECT("第１の３表②!"&amp;CELL("address",CX50))="×××"</formula>
    </cfRule>
    <cfRule type="expression" dxfId="6287" priority="6288" stopIfTrue="1">
      <formula>INDIRECT("第１の３表②!"&amp;CELL("address",CX50))="××"</formula>
    </cfRule>
    <cfRule type="expression" dxfId="6286" priority="6289" stopIfTrue="1">
      <formula>INDIRECT("第１の３表②!"&amp;CELL("address",CX50))="×"</formula>
    </cfRule>
    <cfRule type="expression" dxfId="6285" priority="6290" stopIfTrue="1">
      <formula>ISBLANK(AE50)=FALSE</formula>
    </cfRule>
  </conditionalFormatting>
  <conditionalFormatting sqref="AE50:AF51">
    <cfRule type="expression" dxfId="6284" priority="6281" stopIfTrue="1">
      <formula>ISBLANK(AE50)=TRUE</formula>
    </cfRule>
    <cfRule type="expression" dxfId="6283" priority="6282" stopIfTrue="1">
      <formula>INDIRECT("第１の３表②!"&amp;CELL("address",CX50))="×××"</formula>
    </cfRule>
    <cfRule type="expression" dxfId="6282" priority="6283" stopIfTrue="1">
      <formula>INDIRECT("第１の３表②!"&amp;CELL("address",CX50))="××"</formula>
    </cfRule>
    <cfRule type="expression" dxfId="6281" priority="6284" stopIfTrue="1">
      <formula>INDIRECT("第１の３表②!"&amp;CELL("address",CX50))="×"</formula>
    </cfRule>
    <cfRule type="expression" dxfId="6280" priority="6285" stopIfTrue="1">
      <formula>ISBLANK(AE50)=FALSE</formula>
    </cfRule>
  </conditionalFormatting>
  <conditionalFormatting sqref="AE50:AF51">
    <cfRule type="expression" dxfId="6279" priority="6276" stopIfTrue="1">
      <formula>ISBLANK(AE50)=TRUE</formula>
    </cfRule>
    <cfRule type="expression" dxfId="6278" priority="6277" stopIfTrue="1">
      <formula>INDIRECT("第１の３表②!"&amp;CELL("address",CX50))="×××"</formula>
    </cfRule>
    <cfRule type="expression" dxfId="6277" priority="6278" stopIfTrue="1">
      <formula>INDIRECT("第１の３表②!"&amp;CELL("address",CX50))="××"</formula>
    </cfRule>
    <cfRule type="expression" dxfId="6276" priority="6279" stopIfTrue="1">
      <formula>INDIRECT("第１の３表②!"&amp;CELL("address",CX50))="×"</formula>
    </cfRule>
    <cfRule type="expression" dxfId="6275" priority="6280" stopIfTrue="1">
      <formula>ISBLANK(AE50)=FALSE</formula>
    </cfRule>
  </conditionalFormatting>
  <conditionalFormatting sqref="AH50:AI51">
    <cfRule type="expression" dxfId="6274" priority="6271" stopIfTrue="1">
      <formula>ISBLANK(AH50)=TRUE</formula>
    </cfRule>
    <cfRule type="expression" dxfId="6273" priority="6272" stopIfTrue="1">
      <formula>INDIRECT("第１の３表②!"&amp;CELL("address",DA50))="×××"</formula>
    </cfRule>
    <cfRule type="expression" dxfId="6272" priority="6273" stopIfTrue="1">
      <formula>INDIRECT("第１の３表②!"&amp;CELL("address",DA50))="××"</formula>
    </cfRule>
    <cfRule type="expression" dxfId="6271" priority="6274" stopIfTrue="1">
      <formula>INDIRECT("第１の３表②!"&amp;CELL("address",DA50))="×"</formula>
    </cfRule>
    <cfRule type="expression" dxfId="6270" priority="6275" stopIfTrue="1">
      <formula>ISBLANK(AH50)=FALSE</formula>
    </cfRule>
  </conditionalFormatting>
  <conditionalFormatting sqref="AH50:AI51">
    <cfRule type="expression" dxfId="6269" priority="6266" stopIfTrue="1">
      <formula>ISBLANK(AH50)=TRUE</formula>
    </cfRule>
    <cfRule type="expression" dxfId="6268" priority="6267" stopIfTrue="1">
      <formula>INDIRECT("第１の３表②!"&amp;CELL("address",DA50))="×××"</formula>
    </cfRule>
    <cfRule type="expression" dxfId="6267" priority="6268" stopIfTrue="1">
      <formula>INDIRECT("第１の３表②!"&amp;CELL("address",DA50))="××"</formula>
    </cfRule>
    <cfRule type="expression" dxfId="6266" priority="6269" stopIfTrue="1">
      <formula>INDIRECT("第１の３表②!"&amp;CELL("address",DA50))="×"</formula>
    </cfRule>
    <cfRule type="expression" dxfId="6265" priority="6270" stopIfTrue="1">
      <formula>ISBLANK(AH50)=FALSE</formula>
    </cfRule>
  </conditionalFormatting>
  <conditionalFormatting sqref="AH50:AI51">
    <cfRule type="expression" dxfId="6264" priority="6261" stopIfTrue="1">
      <formula>ISBLANK(AH50)=TRUE</formula>
    </cfRule>
    <cfRule type="expression" dxfId="6263" priority="6262" stopIfTrue="1">
      <formula>INDIRECT("第１の３表②!"&amp;CELL("address",DA50))="×××"</formula>
    </cfRule>
    <cfRule type="expression" dxfId="6262" priority="6263" stopIfTrue="1">
      <formula>INDIRECT("第１の３表②!"&amp;CELL("address",DA50))="××"</formula>
    </cfRule>
    <cfRule type="expression" dxfId="6261" priority="6264" stopIfTrue="1">
      <formula>INDIRECT("第１の３表②!"&amp;CELL("address",DA50))="×"</formula>
    </cfRule>
    <cfRule type="expression" dxfId="6260" priority="6265" stopIfTrue="1">
      <formula>ISBLANK(AH50)=FALSE</formula>
    </cfRule>
  </conditionalFormatting>
  <conditionalFormatting sqref="AK50:AL51">
    <cfRule type="expression" dxfId="6259" priority="6256" stopIfTrue="1">
      <formula>ISBLANK(AK50)=TRUE</formula>
    </cfRule>
    <cfRule type="expression" dxfId="6258" priority="6257" stopIfTrue="1">
      <formula>INDIRECT("第１の３表②!"&amp;CELL("address",DD50))="×××"</formula>
    </cfRule>
    <cfRule type="expression" dxfId="6257" priority="6258" stopIfTrue="1">
      <formula>INDIRECT("第１の３表②!"&amp;CELL("address",DD50))="××"</formula>
    </cfRule>
    <cfRule type="expression" dxfId="6256" priority="6259" stopIfTrue="1">
      <formula>INDIRECT("第１の３表②!"&amp;CELL("address",DD50))="×"</formula>
    </cfRule>
    <cfRule type="expression" dxfId="6255" priority="6260" stopIfTrue="1">
      <formula>ISBLANK(AK50)=FALSE</formula>
    </cfRule>
  </conditionalFormatting>
  <conditionalFormatting sqref="AK50:AL51">
    <cfRule type="expression" dxfId="6254" priority="6251" stopIfTrue="1">
      <formula>ISBLANK(AK50)=TRUE</formula>
    </cfRule>
    <cfRule type="expression" dxfId="6253" priority="6252" stopIfTrue="1">
      <formula>INDIRECT("第１の３表②!"&amp;CELL("address",DD50))="×××"</formula>
    </cfRule>
    <cfRule type="expression" dxfId="6252" priority="6253" stopIfTrue="1">
      <formula>INDIRECT("第１の３表②!"&amp;CELL("address",DD50))="××"</formula>
    </cfRule>
    <cfRule type="expression" dxfId="6251" priority="6254" stopIfTrue="1">
      <formula>INDIRECT("第１の３表②!"&amp;CELL("address",DD50))="×"</formula>
    </cfRule>
    <cfRule type="expression" dxfId="6250" priority="6255" stopIfTrue="1">
      <formula>ISBLANK(AK50)=FALSE</formula>
    </cfRule>
  </conditionalFormatting>
  <conditionalFormatting sqref="AK50:AL51">
    <cfRule type="expression" dxfId="6249" priority="6246" stopIfTrue="1">
      <formula>ISBLANK(AK50)=TRUE</formula>
    </cfRule>
    <cfRule type="expression" dxfId="6248" priority="6247" stopIfTrue="1">
      <formula>INDIRECT("第１の３表②!"&amp;CELL("address",DD50))="×××"</formula>
    </cfRule>
    <cfRule type="expression" dxfId="6247" priority="6248" stopIfTrue="1">
      <formula>INDIRECT("第１の３表②!"&amp;CELL("address",DD50))="××"</formula>
    </cfRule>
    <cfRule type="expression" dxfId="6246" priority="6249" stopIfTrue="1">
      <formula>INDIRECT("第１の３表②!"&amp;CELL("address",DD50))="×"</formula>
    </cfRule>
    <cfRule type="expression" dxfId="6245" priority="6250" stopIfTrue="1">
      <formula>ISBLANK(AK50)=FALSE</formula>
    </cfRule>
  </conditionalFormatting>
  <conditionalFormatting sqref="AN50:AO51">
    <cfRule type="expression" dxfId="6244" priority="6241" stopIfTrue="1">
      <formula>ISBLANK(AN50)=TRUE</formula>
    </cfRule>
    <cfRule type="expression" dxfId="6243" priority="6242" stopIfTrue="1">
      <formula>INDIRECT("第１の３表②!"&amp;CELL("address",DG50))="×××"</formula>
    </cfRule>
    <cfRule type="expression" dxfId="6242" priority="6243" stopIfTrue="1">
      <formula>INDIRECT("第１の３表②!"&amp;CELL("address",DG50))="××"</formula>
    </cfRule>
    <cfRule type="expression" dxfId="6241" priority="6244" stopIfTrue="1">
      <formula>INDIRECT("第１の３表②!"&amp;CELL("address",DG50))="×"</formula>
    </cfRule>
    <cfRule type="expression" dxfId="6240" priority="6245" stopIfTrue="1">
      <formula>ISBLANK(AN50)=FALSE</formula>
    </cfRule>
  </conditionalFormatting>
  <conditionalFormatting sqref="AN50:AO51">
    <cfRule type="expression" dxfId="6239" priority="6236" stopIfTrue="1">
      <formula>ISBLANK(AN50)=TRUE</formula>
    </cfRule>
    <cfRule type="expression" dxfId="6238" priority="6237" stopIfTrue="1">
      <formula>INDIRECT("第１の３表②!"&amp;CELL("address",DG50))="×××"</formula>
    </cfRule>
    <cfRule type="expression" dxfId="6237" priority="6238" stopIfTrue="1">
      <formula>INDIRECT("第１の３表②!"&amp;CELL("address",DG50))="××"</formula>
    </cfRule>
    <cfRule type="expression" dxfId="6236" priority="6239" stopIfTrue="1">
      <formula>INDIRECT("第１の３表②!"&amp;CELL("address",DG50))="×"</formula>
    </cfRule>
    <cfRule type="expression" dxfId="6235" priority="6240" stopIfTrue="1">
      <formula>ISBLANK(AN50)=FALSE</formula>
    </cfRule>
  </conditionalFormatting>
  <conditionalFormatting sqref="AN50:AO51">
    <cfRule type="expression" dxfId="6234" priority="6231" stopIfTrue="1">
      <formula>ISBLANK(AN50)=TRUE</formula>
    </cfRule>
    <cfRule type="expression" dxfId="6233" priority="6232" stopIfTrue="1">
      <formula>INDIRECT("第１の３表②!"&amp;CELL("address",DG50))="×××"</formula>
    </cfRule>
    <cfRule type="expression" dxfId="6232" priority="6233" stopIfTrue="1">
      <formula>INDIRECT("第１の３表②!"&amp;CELL("address",DG50))="××"</formula>
    </cfRule>
    <cfRule type="expression" dxfId="6231" priority="6234" stopIfTrue="1">
      <formula>INDIRECT("第１の３表②!"&amp;CELL("address",DG50))="×"</formula>
    </cfRule>
    <cfRule type="expression" dxfId="6230" priority="6235" stopIfTrue="1">
      <formula>ISBLANK(AN50)=FALSE</formula>
    </cfRule>
  </conditionalFormatting>
  <conditionalFormatting sqref="AQ50:AR51">
    <cfRule type="expression" dxfId="6229" priority="6226" stopIfTrue="1">
      <formula>ISBLANK(AQ50)=TRUE</formula>
    </cfRule>
    <cfRule type="expression" dxfId="6228" priority="6227" stopIfTrue="1">
      <formula>INDIRECT("第１の３表②!"&amp;CELL("address",DJ50))="×××"</formula>
    </cfRule>
    <cfRule type="expression" dxfId="6227" priority="6228" stopIfTrue="1">
      <formula>INDIRECT("第１の３表②!"&amp;CELL("address",DJ50))="××"</formula>
    </cfRule>
    <cfRule type="expression" dxfId="6226" priority="6229" stopIfTrue="1">
      <formula>INDIRECT("第１の３表②!"&amp;CELL("address",DJ50))="×"</formula>
    </cfRule>
    <cfRule type="expression" dxfId="6225" priority="6230" stopIfTrue="1">
      <formula>ISBLANK(AQ50)=FALSE</formula>
    </cfRule>
  </conditionalFormatting>
  <conditionalFormatting sqref="AQ50:AR51">
    <cfRule type="expression" dxfId="6224" priority="6221" stopIfTrue="1">
      <formula>ISBLANK(AQ50)=TRUE</formula>
    </cfRule>
    <cfRule type="expression" dxfId="6223" priority="6222" stopIfTrue="1">
      <formula>INDIRECT("第１の３表②!"&amp;CELL("address",DJ50))="×××"</formula>
    </cfRule>
    <cfRule type="expression" dxfId="6222" priority="6223" stopIfTrue="1">
      <formula>INDIRECT("第１の３表②!"&amp;CELL("address",DJ50))="××"</formula>
    </cfRule>
    <cfRule type="expression" dxfId="6221" priority="6224" stopIfTrue="1">
      <formula>INDIRECT("第１の３表②!"&amp;CELL("address",DJ50))="×"</formula>
    </cfRule>
    <cfRule type="expression" dxfId="6220" priority="6225" stopIfTrue="1">
      <formula>ISBLANK(AQ50)=FALSE</formula>
    </cfRule>
  </conditionalFormatting>
  <conditionalFormatting sqref="AQ50:AR51">
    <cfRule type="expression" dxfId="6219" priority="6216" stopIfTrue="1">
      <formula>ISBLANK(AQ50)=TRUE</formula>
    </cfRule>
    <cfRule type="expression" dxfId="6218" priority="6217" stopIfTrue="1">
      <formula>INDIRECT("第１の３表②!"&amp;CELL("address",DJ50))="×××"</formula>
    </cfRule>
    <cfRule type="expression" dxfId="6217" priority="6218" stopIfTrue="1">
      <formula>INDIRECT("第１の３表②!"&amp;CELL("address",DJ50))="××"</formula>
    </cfRule>
    <cfRule type="expression" dxfId="6216" priority="6219" stopIfTrue="1">
      <formula>INDIRECT("第１の３表②!"&amp;CELL("address",DJ50))="×"</formula>
    </cfRule>
    <cfRule type="expression" dxfId="6215" priority="6220" stopIfTrue="1">
      <formula>ISBLANK(AQ50)=FALSE</formula>
    </cfRule>
  </conditionalFormatting>
  <conditionalFormatting sqref="AT50:AU51">
    <cfRule type="expression" dxfId="6214" priority="6211" stopIfTrue="1">
      <formula>ISBLANK(AT50)=TRUE</formula>
    </cfRule>
    <cfRule type="expression" dxfId="6213" priority="6212" stopIfTrue="1">
      <formula>INDIRECT("第１の３表②!"&amp;CELL("address",DM50))="×××"</formula>
    </cfRule>
    <cfRule type="expression" dxfId="6212" priority="6213" stopIfTrue="1">
      <formula>INDIRECT("第１の３表②!"&amp;CELL("address",DM50))="××"</formula>
    </cfRule>
    <cfRule type="expression" dxfId="6211" priority="6214" stopIfTrue="1">
      <formula>INDIRECT("第１の３表②!"&amp;CELL("address",DM50))="×"</formula>
    </cfRule>
    <cfRule type="expression" dxfId="6210" priority="6215" stopIfTrue="1">
      <formula>ISBLANK(AT50)=FALSE</formula>
    </cfRule>
  </conditionalFormatting>
  <conditionalFormatting sqref="AT50:AU51">
    <cfRule type="expression" dxfId="6209" priority="6206" stopIfTrue="1">
      <formula>ISBLANK(AT50)=TRUE</formula>
    </cfRule>
    <cfRule type="expression" dxfId="6208" priority="6207" stopIfTrue="1">
      <formula>INDIRECT("第１の３表②!"&amp;CELL("address",DM50))="×××"</formula>
    </cfRule>
    <cfRule type="expression" dxfId="6207" priority="6208" stopIfTrue="1">
      <formula>INDIRECT("第１の３表②!"&amp;CELL("address",DM50))="××"</formula>
    </cfRule>
    <cfRule type="expression" dxfId="6206" priority="6209" stopIfTrue="1">
      <formula>INDIRECT("第１の３表②!"&amp;CELL("address",DM50))="×"</formula>
    </cfRule>
    <cfRule type="expression" dxfId="6205" priority="6210" stopIfTrue="1">
      <formula>ISBLANK(AT50)=FALSE</formula>
    </cfRule>
  </conditionalFormatting>
  <conditionalFormatting sqref="AT50:AU51">
    <cfRule type="expression" dxfId="6204" priority="6201" stopIfTrue="1">
      <formula>ISBLANK(AT50)=TRUE</formula>
    </cfRule>
    <cfRule type="expression" dxfId="6203" priority="6202" stopIfTrue="1">
      <formula>INDIRECT("第１の３表②!"&amp;CELL("address",DM50))="×××"</formula>
    </cfRule>
    <cfRule type="expression" dxfId="6202" priority="6203" stopIfTrue="1">
      <formula>INDIRECT("第１の３表②!"&amp;CELL("address",DM50))="××"</formula>
    </cfRule>
    <cfRule type="expression" dxfId="6201" priority="6204" stopIfTrue="1">
      <formula>INDIRECT("第１の３表②!"&amp;CELL("address",DM50))="×"</formula>
    </cfRule>
    <cfRule type="expression" dxfId="6200" priority="6205" stopIfTrue="1">
      <formula>ISBLANK(AT50)=FALSE</formula>
    </cfRule>
  </conditionalFormatting>
  <conditionalFormatting sqref="AW50:AX51">
    <cfRule type="expression" dxfId="6199" priority="6196" stopIfTrue="1">
      <formula>ISBLANK(AW50)=TRUE</formula>
    </cfRule>
    <cfRule type="expression" dxfId="6198" priority="6197" stopIfTrue="1">
      <formula>INDIRECT("第１の３表②!"&amp;CELL("address",DP50))="×××"</formula>
    </cfRule>
    <cfRule type="expression" dxfId="6197" priority="6198" stopIfTrue="1">
      <formula>INDIRECT("第１の３表②!"&amp;CELL("address",DP50))="××"</formula>
    </cfRule>
    <cfRule type="expression" dxfId="6196" priority="6199" stopIfTrue="1">
      <formula>INDIRECT("第１の３表②!"&amp;CELL("address",DP50))="×"</formula>
    </cfRule>
    <cfRule type="expression" dxfId="6195" priority="6200" stopIfTrue="1">
      <formula>ISBLANK(AW50)=FALSE</formula>
    </cfRule>
  </conditionalFormatting>
  <conditionalFormatting sqref="AW50:AX51">
    <cfRule type="expression" dxfId="6194" priority="6191" stopIfTrue="1">
      <formula>ISBLANK(AW50)=TRUE</formula>
    </cfRule>
    <cfRule type="expression" dxfId="6193" priority="6192" stopIfTrue="1">
      <formula>INDIRECT("第１の３表②!"&amp;CELL("address",DP50))="×××"</formula>
    </cfRule>
    <cfRule type="expression" dxfId="6192" priority="6193" stopIfTrue="1">
      <formula>INDIRECT("第１の３表②!"&amp;CELL("address",DP50))="××"</formula>
    </cfRule>
    <cfRule type="expression" dxfId="6191" priority="6194" stopIfTrue="1">
      <formula>INDIRECT("第１の３表②!"&amp;CELL("address",DP50))="×"</formula>
    </cfRule>
    <cfRule type="expression" dxfId="6190" priority="6195" stopIfTrue="1">
      <formula>ISBLANK(AW50)=FALSE</formula>
    </cfRule>
  </conditionalFormatting>
  <conditionalFormatting sqref="AW50:AX51">
    <cfRule type="expression" dxfId="6189" priority="6186" stopIfTrue="1">
      <formula>ISBLANK(AW50)=TRUE</formula>
    </cfRule>
    <cfRule type="expression" dxfId="6188" priority="6187" stopIfTrue="1">
      <formula>INDIRECT("第１の３表②!"&amp;CELL("address",DP50))="×××"</formula>
    </cfRule>
    <cfRule type="expression" dxfId="6187" priority="6188" stopIfTrue="1">
      <formula>INDIRECT("第１の３表②!"&amp;CELL("address",DP50))="××"</formula>
    </cfRule>
    <cfRule type="expression" dxfId="6186" priority="6189" stopIfTrue="1">
      <formula>INDIRECT("第１の３表②!"&amp;CELL("address",DP50))="×"</formula>
    </cfRule>
    <cfRule type="expression" dxfId="6185" priority="6190" stopIfTrue="1">
      <formula>ISBLANK(AW50)=FALSE</formula>
    </cfRule>
  </conditionalFormatting>
  <conditionalFormatting sqref="AZ50:BA51">
    <cfRule type="expression" dxfId="6184" priority="6181" stopIfTrue="1">
      <formula>ISBLANK(AZ50)=TRUE</formula>
    </cfRule>
    <cfRule type="expression" dxfId="6183" priority="6182" stopIfTrue="1">
      <formula>INDIRECT("第１の３表②!"&amp;CELL("address",DS50))="×××"</formula>
    </cfRule>
    <cfRule type="expression" dxfId="6182" priority="6183" stopIfTrue="1">
      <formula>INDIRECT("第１の３表②!"&amp;CELL("address",DS50))="××"</formula>
    </cfRule>
    <cfRule type="expression" dxfId="6181" priority="6184" stopIfTrue="1">
      <formula>INDIRECT("第１の３表②!"&amp;CELL("address",DS50))="×"</formula>
    </cfRule>
    <cfRule type="expression" dxfId="6180" priority="6185" stopIfTrue="1">
      <formula>ISBLANK(AZ50)=FALSE</formula>
    </cfRule>
  </conditionalFormatting>
  <conditionalFormatting sqref="AZ50:BA51">
    <cfRule type="expression" dxfId="6179" priority="6176" stopIfTrue="1">
      <formula>ISBLANK(AZ50)=TRUE</formula>
    </cfRule>
    <cfRule type="expression" dxfId="6178" priority="6177" stopIfTrue="1">
      <formula>INDIRECT("第１の３表②!"&amp;CELL("address",DS50))="×××"</formula>
    </cfRule>
    <cfRule type="expression" dxfId="6177" priority="6178" stopIfTrue="1">
      <formula>INDIRECT("第１の３表②!"&amp;CELL("address",DS50))="××"</formula>
    </cfRule>
    <cfRule type="expression" dxfId="6176" priority="6179" stopIfTrue="1">
      <formula>INDIRECT("第１の３表②!"&amp;CELL("address",DS50))="×"</formula>
    </cfRule>
    <cfRule type="expression" dxfId="6175" priority="6180" stopIfTrue="1">
      <formula>ISBLANK(AZ50)=FALSE</formula>
    </cfRule>
  </conditionalFormatting>
  <conditionalFormatting sqref="AZ50:BA51">
    <cfRule type="expression" dxfId="6174" priority="6171" stopIfTrue="1">
      <formula>ISBLANK(AZ50)=TRUE</formula>
    </cfRule>
    <cfRule type="expression" dxfId="6173" priority="6172" stopIfTrue="1">
      <formula>INDIRECT("第１の３表②!"&amp;CELL("address",DS50))="×××"</formula>
    </cfRule>
    <cfRule type="expression" dxfId="6172" priority="6173" stopIfTrue="1">
      <formula>INDIRECT("第１の３表②!"&amp;CELL("address",DS50))="××"</formula>
    </cfRule>
    <cfRule type="expression" dxfId="6171" priority="6174" stopIfTrue="1">
      <formula>INDIRECT("第１の３表②!"&amp;CELL("address",DS50))="×"</formula>
    </cfRule>
    <cfRule type="expression" dxfId="6170" priority="6175" stopIfTrue="1">
      <formula>ISBLANK(AZ50)=FALSE</formula>
    </cfRule>
  </conditionalFormatting>
  <conditionalFormatting sqref="BC50:BD51">
    <cfRule type="expression" dxfId="6169" priority="6166" stopIfTrue="1">
      <formula>ISBLANK(BC50)=TRUE</formula>
    </cfRule>
    <cfRule type="expression" dxfId="6168" priority="6167" stopIfTrue="1">
      <formula>INDIRECT("第１の３表②!"&amp;CELL("address",DV50))="×××"</formula>
    </cfRule>
    <cfRule type="expression" dxfId="6167" priority="6168" stopIfTrue="1">
      <formula>INDIRECT("第１の３表②!"&amp;CELL("address",DV50))="××"</formula>
    </cfRule>
    <cfRule type="expression" dxfId="6166" priority="6169" stopIfTrue="1">
      <formula>INDIRECT("第１の３表②!"&amp;CELL("address",DV50))="×"</formula>
    </cfRule>
    <cfRule type="expression" dxfId="6165" priority="6170" stopIfTrue="1">
      <formula>ISBLANK(BC50)=FALSE</formula>
    </cfRule>
  </conditionalFormatting>
  <conditionalFormatting sqref="BC50:BD51">
    <cfRule type="expression" dxfId="6164" priority="6161" stopIfTrue="1">
      <formula>ISBLANK(BC50)=TRUE</formula>
    </cfRule>
    <cfRule type="expression" dxfId="6163" priority="6162" stopIfTrue="1">
      <formula>INDIRECT("第１の３表②!"&amp;CELL("address",DV50))="×××"</formula>
    </cfRule>
    <cfRule type="expression" dxfId="6162" priority="6163" stopIfTrue="1">
      <formula>INDIRECT("第１の３表②!"&amp;CELL("address",DV50))="××"</formula>
    </cfRule>
    <cfRule type="expression" dxfId="6161" priority="6164" stopIfTrue="1">
      <formula>INDIRECT("第１の３表②!"&amp;CELL("address",DV50))="×"</formula>
    </cfRule>
    <cfRule type="expression" dxfId="6160" priority="6165" stopIfTrue="1">
      <formula>ISBLANK(BC50)=FALSE</formula>
    </cfRule>
  </conditionalFormatting>
  <conditionalFormatting sqref="BC50:BD51">
    <cfRule type="expression" dxfId="6159" priority="6156" stopIfTrue="1">
      <formula>ISBLANK(BC50)=TRUE</formula>
    </cfRule>
    <cfRule type="expression" dxfId="6158" priority="6157" stopIfTrue="1">
      <formula>INDIRECT("第１の３表②!"&amp;CELL("address",DV50))="×××"</formula>
    </cfRule>
    <cfRule type="expression" dxfId="6157" priority="6158" stopIfTrue="1">
      <formula>INDIRECT("第１の３表②!"&amp;CELL("address",DV50))="××"</formula>
    </cfRule>
    <cfRule type="expression" dxfId="6156" priority="6159" stopIfTrue="1">
      <formula>INDIRECT("第１の３表②!"&amp;CELL("address",DV50))="×"</formula>
    </cfRule>
    <cfRule type="expression" dxfId="6155" priority="6160" stopIfTrue="1">
      <formula>ISBLANK(BC50)=FALSE</formula>
    </cfRule>
  </conditionalFormatting>
  <conditionalFormatting sqref="BF50:BG51">
    <cfRule type="expression" dxfId="6154" priority="6151" stopIfTrue="1">
      <formula>ISBLANK(BF50)=TRUE</formula>
    </cfRule>
    <cfRule type="expression" dxfId="6153" priority="6152" stopIfTrue="1">
      <formula>INDIRECT("第１の３表②!"&amp;CELL("address",DY50))="×××"</formula>
    </cfRule>
    <cfRule type="expression" dxfId="6152" priority="6153" stopIfTrue="1">
      <formula>INDIRECT("第１の３表②!"&amp;CELL("address",DY50))="××"</formula>
    </cfRule>
    <cfRule type="expression" dxfId="6151" priority="6154" stopIfTrue="1">
      <formula>INDIRECT("第１の３表②!"&amp;CELL("address",DY50))="×"</formula>
    </cfRule>
    <cfRule type="expression" dxfId="6150" priority="6155" stopIfTrue="1">
      <formula>ISBLANK(BF50)=FALSE</formula>
    </cfRule>
  </conditionalFormatting>
  <conditionalFormatting sqref="BF50:BG51">
    <cfRule type="expression" dxfId="6149" priority="6146" stopIfTrue="1">
      <formula>ISBLANK(BF50)=TRUE</formula>
    </cfRule>
    <cfRule type="expression" dxfId="6148" priority="6147" stopIfTrue="1">
      <formula>INDIRECT("第１の３表②!"&amp;CELL("address",DY50))="×××"</formula>
    </cfRule>
    <cfRule type="expression" dxfId="6147" priority="6148" stopIfTrue="1">
      <formula>INDIRECT("第１の３表②!"&amp;CELL("address",DY50))="××"</formula>
    </cfRule>
    <cfRule type="expression" dxfId="6146" priority="6149" stopIfTrue="1">
      <formula>INDIRECT("第１の３表②!"&amp;CELL("address",DY50))="×"</formula>
    </cfRule>
    <cfRule type="expression" dxfId="6145" priority="6150" stopIfTrue="1">
      <formula>ISBLANK(BF50)=FALSE</formula>
    </cfRule>
  </conditionalFormatting>
  <conditionalFormatting sqref="BF50:BG51">
    <cfRule type="expression" dxfId="6144" priority="6141" stopIfTrue="1">
      <formula>ISBLANK(BF50)=TRUE</formula>
    </cfRule>
    <cfRule type="expression" dxfId="6143" priority="6142" stopIfTrue="1">
      <formula>INDIRECT("第１の３表②!"&amp;CELL("address",DY50))="×××"</formula>
    </cfRule>
    <cfRule type="expression" dxfId="6142" priority="6143" stopIfTrue="1">
      <formula>INDIRECT("第１の３表②!"&amp;CELL("address",DY50))="××"</formula>
    </cfRule>
    <cfRule type="expression" dxfId="6141" priority="6144" stopIfTrue="1">
      <formula>INDIRECT("第１の３表②!"&amp;CELL("address",DY50))="×"</formula>
    </cfRule>
    <cfRule type="expression" dxfId="6140" priority="6145" stopIfTrue="1">
      <formula>ISBLANK(BF50)=FALSE</formula>
    </cfRule>
  </conditionalFormatting>
  <conditionalFormatting sqref="BI50:BJ51">
    <cfRule type="expression" dxfId="6139" priority="6136" stopIfTrue="1">
      <formula>ISBLANK(BI50)=TRUE</formula>
    </cfRule>
    <cfRule type="expression" dxfId="6138" priority="6137" stopIfTrue="1">
      <formula>INDIRECT("第１の３表②!"&amp;CELL("address",EB50))="×××"</formula>
    </cfRule>
    <cfRule type="expression" dxfId="6137" priority="6138" stopIfTrue="1">
      <formula>INDIRECT("第１の３表②!"&amp;CELL("address",EB50))="××"</formula>
    </cfRule>
    <cfRule type="expression" dxfId="6136" priority="6139" stopIfTrue="1">
      <formula>INDIRECT("第１の３表②!"&amp;CELL("address",EB50))="×"</formula>
    </cfRule>
    <cfRule type="expression" dxfId="6135" priority="6140" stopIfTrue="1">
      <formula>ISBLANK(BI50)=FALSE</formula>
    </cfRule>
  </conditionalFormatting>
  <conditionalFormatting sqref="BI50:BJ51">
    <cfRule type="expression" dxfId="6134" priority="6131" stopIfTrue="1">
      <formula>ISBLANK(BI50)=TRUE</formula>
    </cfRule>
    <cfRule type="expression" dxfId="6133" priority="6132" stopIfTrue="1">
      <formula>INDIRECT("第１の３表②!"&amp;CELL("address",EB50))="×××"</formula>
    </cfRule>
    <cfRule type="expression" dxfId="6132" priority="6133" stopIfTrue="1">
      <formula>INDIRECT("第１の３表②!"&amp;CELL("address",EB50))="××"</formula>
    </cfRule>
    <cfRule type="expression" dxfId="6131" priority="6134" stopIfTrue="1">
      <formula>INDIRECT("第１の３表②!"&amp;CELL("address",EB50))="×"</formula>
    </cfRule>
    <cfRule type="expression" dxfId="6130" priority="6135" stopIfTrue="1">
      <formula>ISBLANK(BI50)=FALSE</formula>
    </cfRule>
  </conditionalFormatting>
  <conditionalFormatting sqref="BI50:BJ51">
    <cfRule type="expression" dxfId="6129" priority="6126" stopIfTrue="1">
      <formula>ISBLANK(BI50)=TRUE</formula>
    </cfRule>
    <cfRule type="expression" dxfId="6128" priority="6127" stopIfTrue="1">
      <formula>INDIRECT("第１の３表②!"&amp;CELL("address",EB50))="×××"</formula>
    </cfRule>
    <cfRule type="expression" dxfId="6127" priority="6128" stopIfTrue="1">
      <formula>INDIRECT("第１の３表②!"&amp;CELL("address",EB50))="××"</formula>
    </cfRule>
    <cfRule type="expression" dxfId="6126" priority="6129" stopIfTrue="1">
      <formula>INDIRECT("第１の３表②!"&amp;CELL("address",EB50))="×"</formula>
    </cfRule>
    <cfRule type="expression" dxfId="6125" priority="6130" stopIfTrue="1">
      <formula>ISBLANK(BI50)=FALSE</formula>
    </cfRule>
  </conditionalFormatting>
  <conditionalFormatting sqref="BL50:BM51">
    <cfRule type="expression" dxfId="6124" priority="6121" stopIfTrue="1">
      <formula>ISBLANK(BL50)=TRUE</formula>
    </cfRule>
    <cfRule type="expression" dxfId="6123" priority="6122" stopIfTrue="1">
      <formula>INDIRECT("第１の３表②!"&amp;CELL("address",EE50))="×××"</formula>
    </cfRule>
    <cfRule type="expression" dxfId="6122" priority="6123" stopIfTrue="1">
      <formula>INDIRECT("第１の３表②!"&amp;CELL("address",EE50))="××"</formula>
    </cfRule>
    <cfRule type="expression" dxfId="6121" priority="6124" stopIfTrue="1">
      <formula>INDIRECT("第１の３表②!"&amp;CELL("address",EE50))="×"</formula>
    </cfRule>
    <cfRule type="expression" dxfId="6120" priority="6125" stopIfTrue="1">
      <formula>ISBLANK(BL50)=FALSE</formula>
    </cfRule>
  </conditionalFormatting>
  <conditionalFormatting sqref="BL50:BM51">
    <cfRule type="expression" dxfId="6119" priority="6116" stopIfTrue="1">
      <formula>ISBLANK(BL50)=TRUE</formula>
    </cfRule>
    <cfRule type="expression" dxfId="6118" priority="6117" stopIfTrue="1">
      <formula>INDIRECT("第１の３表②!"&amp;CELL("address",EE50))="×××"</formula>
    </cfRule>
    <cfRule type="expression" dxfId="6117" priority="6118" stopIfTrue="1">
      <formula>INDIRECT("第１の３表②!"&amp;CELL("address",EE50))="××"</formula>
    </cfRule>
    <cfRule type="expression" dxfId="6116" priority="6119" stopIfTrue="1">
      <formula>INDIRECT("第１の３表②!"&amp;CELL("address",EE50))="×"</formula>
    </cfRule>
    <cfRule type="expression" dxfId="6115" priority="6120" stopIfTrue="1">
      <formula>ISBLANK(BL50)=FALSE</formula>
    </cfRule>
  </conditionalFormatting>
  <conditionalFormatting sqref="BL50:BM51">
    <cfRule type="expression" dxfId="6114" priority="6111" stopIfTrue="1">
      <formula>ISBLANK(BL50)=TRUE</formula>
    </cfRule>
    <cfRule type="expression" dxfId="6113" priority="6112" stopIfTrue="1">
      <formula>INDIRECT("第１の３表②!"&amp;CELL("address",EE50))="×××"</formula>
    </cfRule>
    <cfRule type="expression" dxfId="6112" priority="6113" stopIfTrue="1">
      <formula>INDIRECT("第１の３表②!"&amp;CELL("address",EE50))="××"</formula>
    </cfRule>
    <cfRule type="expression" dxfId="6111" priority="6114" stopIfTrue="1">
      <formula>INDIRECT("第１の３表②!"&amp;CELL("address",EE50))="×"</formula>
    </cfRule>
    <cfRule type="expression" dxfId="6110" priority="6115" stopIfTrue="1">
      <formula>ISBLANK(BL50)=FALSE</formula>
    </cfRule>
  </conditionalFormatting>
  <conditionalFormatting sqref="BO50:BP51">
    <cfRule type="expression" dxfId="6109" priority="6106" stopIfTrue="1">
      <formula>ISBLANK(BO50)=TRUE</formula>
    </cfRule>
    <cfRule type="expression" dxfId="6108" priority="6107" stopIfTrue="1">
      <formula>INDIRECT("第１の３表②!"&amp;CELL("address",EH50))="×××"</formula>
    </cfRule>
    <cfRule type="expression" dxfId="6107" priority="6108" stopIfTrue="1">
      <formula>INDIRECT("第１の３表②!"&amp;CELL("address",EH50))="××"</formula>
    </cfRule>
    <cfRule type="expression" dxfId="6106" priority="6109" stopIfTrue="1">
      <formula>INDIRECT("第１の３表②!"&amp;CELL("address",EH50))="×"</formula>
    </cfRule>
    <cfRule type="expression" dxfId="6105" priority="6110" stopIfTrue="1">
      <formula>ISBLANK(BO50)=FALSE</formula>
    </cfRule>
  </conditionalFormatting>
  <conditionalFormatting sqref="BO50:BP51">
    <cfRule type="expression" dxfId="6104" priority="6101" stopIfTrue="1">
      <formula>ISBLANK(BO50)=TRUE</formula>
    </cfRule>
    <cfRule type="expression" dxfId="6103" priority="6102" stopIfTrue="1">
      <formula>INDIRECT("第１の３表②!"&amp;CELL("address",EH50))="×××"</formula>
    </cfRule>
    <cfRule type="expression" dxfId="6102" priority="6103" stopIfTrue="1">
      <formula>INDIRECT("第１の３表②!"&amp;CELL("address",EH50))="××"</formula>
    </cfRule>
    <cfRule type="expression" dxfId="6101" priority="6104" stopIfTrue="1">
      <formula>INDIRECT("第１の３表②!"&amp;CELL("address",EH50))="×"</formula>
    </cfRule>
    <cfRule type="expression" dxfId="6100" priority="6105" stopIfTrue="1">
      <formula>ISBLANK(BO50)=FALSE</formula>
    </cfRule>
  </conditionalFormatting>
  <conditionalFormatting sqref="BO50:BP51">
    <cfRule type="expression" dxfId="6099" priority="6096" stopIfTrue="1">
      <formula>ISBLANK(BO50)=TRUE</formula>
    </cfRule>
    <cfRule type="expression" dxfId="6098" priority="6097" stopIfTrue="1">
      <formula>INDIRECT("第１の３表②!"&amp;CELL("address",EH50))="×××"</formula>
    </cfRule>
    <cfRule type="expression" dxfId="6097" priority="6098" stopIfTrue="1">
      <formula>INDIRECT("第１の３表②!"&amp;CELL("address",EH50))="××"</formula>
    </cfRule>
    <cfRule type="expression" dxfId="6096" priority="6099" stopIfTrue="1">
      <formula>INDIRECT("第１の３表②!"&amp;CELL("address",EH50))="×"</formula>
    </cfRule>
    <cfRule type="expression" dxfId="6095" priority="6100" stopIfTrue="1">
      <formula>ISBLANK(BO50)=FALSE</formula>
    </cfRule>
  </conditionalFormatting>
  <conditionalFormatting sqref="G53:H54">
    <cfRule type="expression" dxfId="6094" priority="6091" stopIfTrue="1">
      <formula>ISBLANK(G53)=TRUE</formula>
    </cfRule>
    <cfRule type="expression" dxfId="6093" priority="6092" stopIfTrue="1">
      <formula>INDIRECT("第１の３表②!"&amp;CELL("address",BZ53))="×××"</formula>
    </cfRule>
    <cfRule type="expression" dxfId="6092" priority="6093" stopIfTrue="1">
      <formula>INDIRECT("第１の３表②!"&amp;CELL("address",BZ53))="××"</formula>
    </cfRule>
    <cfRule type="expression" dxfId="6091" priority="6094" stopIfTrue="1">
      <formula>INDIRECT("第１の３表②!"&amp;CELL("address",BZ53))="×"</formula>
    </cfRule>
    <cfRule type="expression" dxfId="6090" priority="6095" stopIfTrue="1">
      <formula>ISBLANK(G53)=FALSE</formula>
    </cfRule>
  </conditionalFormatting>
  <conditionalFormatting sqref="G53:H54">
    <cfRule type="expression" dxfId="6089" priority="6086" stopIfTrue="1">
      <formula>ISBLANK(G53)=TRUE</formula>
    </cfRule>
    <cfRule type="expression" dxfId="6088" priority="6087" stopIfTrue="1">
      <formula>INDIRECT("第１の３表②!"&amp;CELL("address",BZ53))="×××"</formula>
    </cfRule>
    <cfRule type="expression" dxfId="6087" priority="6088" stopIfTrue="1">
      <formula>INDIRECT("第１の３表②!"&amp;CELL("address",BZ53))="××"</formula>
    </cfRule>
    <cfRule type="expression" dxfId="6086" priority="6089" stopIfTrue="1">
      <formula>INDIRECT("第１の３表②!"&amp;CELL("address",BZ53))="×"</formula>
    </cfRule>
    <cfRule type="expression" dxfId="6085" priority="6090" stopIfTrue="1">
      <formula>ISBLANK(G53)=FALSE</formula>
    </cfRule>
  </conditionalFormatting>
  <conditionalFormatting sqref="G53:H54">
    <cfRule type="expression" dxfId="6084" priority="6081" stopIfTrue="1">
      <formula>ISBLANK(G53)=TRUE</formula>
    </cfRule>
    <cfRule type="expression" dxfId="6083" priority="6082" stopIfTrue="1">
      <formula>INDIRECT("第１の３表②!"&amp;CELL("address",BZ53))="×××"</formula>
    </cfRule>
    <cfRule type="expression" dxfId="6082" priority="6083" stopIfTrue="1">
      <formula>INDIRECT("第１の３表②!"&amp;CELL("address",BZ53))="××"</formula>
    </cfRule>
    <cfRule type="expression" dxfId="6081" priority="6084" stopIfTrue="1">
      <formula>INDIRECT("第１の３表②!"&amp;CELL("address",BZ53))="×"</formula>
    </cfRule>
    <cfRule type="expression" dxfId="6080" priority="6085" stopIfTrue="1">
      <formula>ISBLANK(G53)=FALSE</formula>
    </cfRule>
  </conditionalFormatting>
  <conditionalFormatting sqref="J53:K54">
    <cfRule type="expression" dxfId="6079" priority="6076" stopIfTrue="1">
      <formula>ISBLANK(J53)=TRUE</formula>
    </cfRule>
    <cfRule type="expression" dxfId="6078" priority="6077" stopIfTrue="1">
      <formula>INDIRECT("第１の３表②!"&amp;CELL("address",CC53))="×××"</formula>
    </cfRule>
    <cfRule type="expression" dxfId="6077" priority="6078" stopIfTrue="1">
      <formula>INDIRECT("第１の３表②!"&amp;CELL("address",CC53))="××"</formula>
    </cfRule>
    <cfRule type="expression" dxfId="6076" priority="6079" stopIfTrue="1">
      <formula>INDIRECT("第１の３表②!"&amp;CELL("address",CC53))="×"</formula>
    </cfRule>
    <cfRule type="expression" dxfId="6075" priority="6080" stopIfTrue="1">
      <formula>ISBLANK(J53)=FALSE</formula>
    </cfRule>
  </conditionalFormatting>
  <conditionalFormatting sqref="J53:K54">
    <cfRule type="expression" dxfId="6074" priority="6071" stopIfTrue="1">
      <formula>ISBLANK(J53)=TRUE</formula>
    </cfRule>
    <cfRule type="expression" dxfId="6073" priority="6072" stopIfTrue="1">
      <formula>INDIRECT("第１の３表②!"&amp;CELL("address",CC53))="×××"</formula>
    </cfRule>
    <cfRule type="expression" dxfId="6072" priority="6073" stopIfTrue="1">
      <formula>INDIRECT("第１の３表②!"&amp;CELL("address",CC53))="××"</formula>
    </cfRule>
    <cfRule type="expression" dxfId="6071" priority="6074" stopIfTrue="1">
      <formula>INDIRECT("第１の３表②!"&amp;CELL("address",CC53))="×"</formula>
    </cfRule>
    <cfRule type="expression" dxfId="6070" priority="6075" stopIfTrue="1">
      <formula>ISBLANK(J53)=FALSE</formula>
    </cfRule>
  </conditionalFormatting>
  <conditionalFormatting sqref="J53:K54">
    <cfRule type="expression" dxfId="6069" priority="6066" stopIfTrue="1">
      <formula>ISBLANK(J53)=TRUE</formula>
    </cfRule>
    <cfRule type="expression" dxfId="6068" priority="6067" stopIfTrue="1">
      <formula>INDIRECT("第１の３表②!"&amp;CELL("address",CC53))="×××"</formula>
    </cfRule>
    <cfRule type="expression" dxfId="6067" priority="6068" stopIfTrue="1">
      <formula>INDIRECT("第１の３表②!"&amp;CELL("address",CC53))="××"</formula>
    </cfRule>
    <cfRule type="expression" dxfId="6066" priority="6069" stopIfTrue="1">
      <formula>INDIRECT("第１の３表②!"&amp;CELL("address",CC53))="×"</formula>
    </cfRule>
    <cfRule type="expression" dxfId="6065" priority="6070" stopIfTrue="1">
      <formula>ISBLANK(J53)=FALSE</formula>
    </cfRule>
  </conditionalFormatting>
  <conditionalFormatting sqref="M53:N54">
    <cfRule type="expression" dxfId="6064" priority="6061" stopIfTrue="1">
      <formula>ISBLANK(M53)=TRUE</formula>
    </cfRule>
    <cfRule type="expression" dxfId="6063" priority="6062" stopIfTrue="1">
      <formula>INDIRECT("第１の３表②!"&amp;CELL("address",CF53))="×××"</formula>
    </cfRule>
    <cfRule type="expression" dxfId="6062" priority="6063" stopIfTrue="1">
      <formula>INDIRECT("第１の３表②!"&amp;CELL("address",CF53))="××"</formula>
    </cfRule>
    <cfRule type="expression" dxfId="6061" priority="6064" stopIfTrue="1">
      <formula>INDIRECT("第１の３表②!"&amp;CELL("address",CF53))="×"</formula>
    </cfRule>
    <cfRule type="expression" dxfId="6060" priority="6065" stopIfTrue="1">
      <formula>ISBLANK(M53)=FALSE</formula>
    </cfRule>
  </conditionalFormatting>
  <conditionalFormatting sqref="M53:N54">
    <cfRule type="expression" dxfId="6059" priority="6056" stopIfTrue="1">
      <formula>ISBLANK(M53)=TRUE</formula>
    </cfRule>
    <cfRule type="expression" dxfId="6058" priority="6057" stopIfTrue="1">
      <formula>INDIRECT("第１の３表②!"&amp;CELL("address",CF53))="×××"</formula>
    </cfRule>
    <cfRule type="expression" dxfId="6057" priority="6058" stopIfTrue="1">
      <formula>INDIRECT("第１の３表②!"&amp;CELL("address",CF53))="××"</formula>
    </cfRule>
    <cfRule type="expression" dxfId="6056" priority="6059" stopIfTrue="1">
      <formula>INDIRECT("第１の３表②!"&amp;CELL("address",CF53))="×"</formula>
    </cfRule>
    <cfRule type="expression" dxfId="6055" priority="6060" stopIfTrue="1">
      <formula>ISBLANK(M53)=FALSE</formula>
    </cfRule>
  </conditionalFormatting>
  <conditionalFormatting sqref="M53:N54">
    <cfRule type="expression" dxfId="6054" priority="6051" stopIfTrue="1">
      <formula>ISBLANK(M53)=TRUE</formula>
    </cfRule>
    <cfRule type="expression" dxfId="6053" priority="6052" stopIfTrue="1">
      <formula>INDIRECT("第１の３表②!"&amp;CELL("address",CF53))="×××"</formula>
    </cfRule>
    <cfRule type="expression" dxfId="6052" priority="6053" stopIfTrue="1">
      <formula>INDIRECT("第１の３表②!"&amp;CELL("address",CF53))="××"</formula>
    </cfRule>
    <cfRule type="expression" dxfId="6051" priority="6054" stopIfTrue="1">
      <formula>INDIRECT("第１の３表②!"&amp;CELL("address",CF53))="×"</formula>
    </cfRule>
    <cfRule type="expression" dxfId="6050" priority="6055" stopIfTrue="1">
      <formula>ISBLANK(M53)=FALSE</formula>
    </cfRule>
  </conditionalFormatting>
  <conditionalFormatting sqref="P53:Q54">
    <cfRule type="expression" dxfId="6049" priority="6046" stopIfTrue="1">
      <formula>ISBLANK(P53)=TRUE</formula>
    </cfRule>
    <cfRule type="expression" dxfId="6048" priority="6047" stopIfTrue="1">
      <formula>INDIRECT("第１の３表②!"&amp;CELL("address",CI53))="×××"</formula>
    </cfRule>
    <cfRule type="expression" dxfId="6047" priority="6048" stopIfTrue="1">
      <formula>INDIRECT("第１の３表②!"&amp;CELL("address",CI53))="××"</formula>
    </cfRule>
    <cfRule type="expression" dxfId="6046" priority="6049" stopIfTrue="1">
      <formula>INDIRECT("第１の３表②!"&amp;CELL("address",CI53))="×"</formula>
    </cfRule>
    <cfRule type="expression" dxfId="6045" priority="6050" stopIfTrue="1">
      <formula>ISBLANK(P53)=FALSE</formula>
    </cfRule>
  </conditionalFormatting>
  <conditionalFormatting sqref="P53:Q54">
    <cfRule type="expression" dxfId="6044" priority="6041" stopIfTrue="1">
      <formula>ISBLANK(P53)=TRUE</formula>
    </cfRule>
    <cfRule type="expression" dxfId="6043" priority="6042" stopIfTrue="1">
      <formula>INDIRECT("第１の３表②!"&amp;CELL("address",CI53))="×××"</formula>
    </cfRule>
    <cfRule type="expression" dxfId="6042" priority="6043" stopIfTrue="1">
      <formula>INDIRECT("第１の３表②!"&amp;CELL("address",CI53))="××"</formula>
    </cfRule>
    <cfRule type="expression" dxfId="6041" priority="6044" stopIfTrue="1">
      <formula>INDIRECT("第１の３表②!"&amp;CELL("address",CI53))="×"</formula>
    </cfRule>
    <cfRule type="expression" dxfId="6040" priority="6045" stopIfTrue="1">
      <formula>ISBLANK(P53)=FALSE</formula>
    </cfRule>
  </conditionalFormatting>
  <conditionalFormatting sqref="P53:Q54">
    <cfRule type="expression" dxfId="6039" priority="6036" stopIfTrue="1">
      <formula>ISBLANK(P53)=TRUE</formula>
    </cfRule>
    <cfRule type="expression" dxfId="6038" priority="6037" stopIfTrue="1">
      <formula>INDIRECT("第１の３表②!"&amp;CELL("address",CI53))="×××"</formula>
    </cfRule>
    <cfRule type="expression" dxfId="6037" priority="6038" stopIfTrue="1">
      <formula>INDIRECT("第１の３表②!"&amp;CELL("address",CI53))="××"</formula>
    </cfRule>
    <cfRule type="expression" dxfId="6036" priority="6039" stopIfTrue="1">
      <formula>INDIRECT("第１の３表②!"&amp;CELL("address",CI53))="×"</formula>
    </cfRule>
    <cfRule type="expression" dxfId="6035" priority="6040" stopIfTrue="1">
      <formula>ISBLANK(P53)=FALSE</formula>
    </cfRule>
  </conditionalFormatting>
  <conditionalFormatting sqref="S53:T54">
    <cfRule type="expression" dxfId="6034" priority="6031" stopIfTrue="1">
      <formula>ISBLANK(S53)=TRUE</formula>
    </cfRule>
    <cfRule type="expression" dxfId="6033" priority="6032" stopIfTrue="1">
      <formula>INDIRECT("第１の３表②!"&amp;CELL("address",CL53))="×××"</formula>
    </cfRule>
    <cfRule type="expression" dxfId="6032" priority="6033" stopIfTrue="1">
      <formula>INDIRECT("第１の３表②!"&amp;CELL("address",CL53))="××"</formula>
    </cfRule>
    <cfRule type="expression" dxfId="6031" priority="6034" stopIfTrue="1">
      <formula>INDIRECT("第１の３表②!"&amp;CELL("address",CL53))="×"</formula>
    </cfRule>
    <cfRule type="expression" dxfId="6030" priority="6035" stopIfTrue="1">
      <formula>ISBLANK(S53)=FALSE</formula>
    </cfRule>
  </conditionalFormatting>
  <conditionalFormatting sqref="S53:T54">
    <cfRule type="expression" dxfId="6029" priority="6026" stopIfTrue="1">
      <formula>ISBLANK(S53)=TRUE</formula>
    </cfRule>
    <cfRule type="expression" dxfId="6028" priority="6027" stopIfTrue="1">
      <formula>INDIRECT("第１の３表②!"&amp;CELL("address",CL53))="×××"</formula>
    </cfRule>
    <cfRule type="expression" dxfId="6027" priority="6028" stopIfTrue="1">
      <formula>INDIRECT("第１の３表②!"&amp;CELL("address",CL53))="××"</formula>
    </cfRule>
    <cfRule type="expression" dxfId="6026" priority="6029" stopIfTrue="1">
      <formula>INDIRECT("第１の３表②!"&amp;CELL("address",CL53))="×"</formula>
    </cfRule>
    <cfRule type="expression" dxfId="6025" priority="6030" stopIfTrue="1">
      <formula>ISBLANK(S53)=FALSE</formula>
    </cfRule>
  </conditionalFormatting>
  <conditionalFormatting sqref="S53:T54">
    <cfRule type="expression" dxfId="6024" priority="6021" stopIfTrue="1">
      <formula>ISBLANK(S53)=TRUE</formula>
    </cfRule>
    <cfRule type="expression" dxfId="6023" priority="6022" stopIfTrue="1">
      <formula>INDIRECT("第１の３表②!"&amp;CELL("address",CL53))="×××"</formula>
    </cfRule>
    <cfRule type="expression" dxfId="6022" priority="6023" stopIfTrue="1">
      <formula>INDIRECT("第１の３表②!"&amp;CELL("address",CL53))="××"</formula>
    </cfRule>
    <cfRule type="expression" dxfId="6021" priority="6024" stopIfTrue="1">
      <formula>INDIRECT("第１の３表②!"&amp;CELL("address",CL53))="×"</formula>
    </cfRule>
    <cfRule type="expression" dxfId="6020" priority="6025" stopIfTrue="1">
      <formula>ISBLANK(S53)=FALSE</formula>
    </cfRule>
  </conditionalFormatting>
  <conditionalFormatting sqref="V53:W54">
    <cfRule type="expression" dxfId="6019" priority="6016" stopIfTrue="1">
      <formula>ISBLANK(V53)=TRUE</formula>
    </cfRule>
    <cfRule type="expression" dxfId="6018" priority="6017" stopIfTrue="1">
      <formula>INDIRECT("第１の３表②!"&amp;CELL("address",CO53))="×××"</formula>
    </cfRule>
    <cfRule type="expression" dxfId="6017" priority="6018" stopIfTrue="1">
      <formula>INDIRECT("第１の３表②!"&amp;CELL("address",CO53))="××"</formula>
    </cfRule>
    <cfRule type="expression" dxfId="6016" priority="6019" stopIfTrue="1">
      <formula>INDIRECT("第１の３表②!"&amp;CELL("address",CO53))="×"</formula>
    </cfRule>
    <cfRule type="expression" dxfId="6015" priority="6020" stopIfTrue="1">
      <formula>ISBLANK(V53)=FALSE</formula>
    </cfRule>
  </conditionalFormatting>
  <conditionalFormatting sqref="V53:W54">
    <cfRule type="expression" dxfId="6014" priority="6011" stopIfTrue="1">
      <formula>ISBLANK(V53)=TRUE</formula>
    </cfRule>
    <cfRule type="expression" dxfId="6013" priority="6012" stopIfTrue="1">
      <formula>INDIRECT("第１の３表②!"&amp;CELL("address",CO53))="×××"</formula>
    </cfRule>
    <cfRule type="expression" dxfId="6012" priority="6013" stopIfTrue="1">
      <formula>INDIRECT("第１の３表②!"&amp;CELL("address",CO53))="××"</formula>
    </cfRule>
    <cfRule type="expression" dxfId="6011" priority="6014" stopIfTrue="1">
      <formula>INDIRECT("第１の３表②!"&amp;CELL("address",CO53))="×"</formula>
    </cfRule>
    <cfRule type="expression" dxfId="6010" priority="6015" stopIfTrue="1">
      <formula>ISBLANK(V53)=FALSE</formula>
    </cfRule>
  </conditionalFormatting>
  <conditionalFormatting sqref="V53:W54">
    <cfRule type="expression" dxfId="6009" priority="6006" stopIfTrue="1">
      <formula>ISBLANK(V53)=TRUE</formula>
    </cfRule>
    <cfRule type="expression" dxfId="6008" priority="6007" stopIfTrue="1">
      <formula>INDIRECT("第１の３表②!"&amp;CELL("address",CO53))="×××"</formula>
    </cfRule>
    <cfRule type="expression" dxfId="6007" priority="6008" stopIfTrue="1">
      <formula>INDIRECT("第１の３表②!"&amp;CELL("address",CO53))="××"</formula>
    </cfRule>
    <cfRule type="expression" dxfId="6006" priority="6009" stopIfTrue="1">
      <formula>INDIRECT("第１の３表②!"&amp;CELL("address",CO53))="×"</formula>
    </cfRule>
    <cfRule type="expression" dxfId="6005" priority="6010" stopIfTrue="1">
      <formula>ISBLANK(V53)=FALSE</formula>
    </cfRule>
  </conditionalFormatting>
  <conditionalFormatting sqref="Y53:Z54">
    <cfRule type="expression" dxfId="6004" priority="6001" stopIfTrue="1">
      <formula>ISBLANK(Y53)=TRUE</formula>
    </cfRule>
    <cfRule type="expression" dxfId="6003" priority="6002" stopIfTrue="1">
      <formula>INDIRECT("第１の３表②!"&amp;CELL("address",CR53))="×××"</formula>
    </cfRule>
    <cfRule type="expression" dxfId="6002" priority="6003" stopIfTrue="1">
      <formula>INDIRECT("第１の３表②!"&amp;CELL("address",CR53))="××"</formula>
    </cfRule>
    <cfRule type="expression" dxfId="6001" priority="6004" stopIfTrue="1">
      <formula>INDIRECT("第１の３表②!"&amp;CELL("address",CR53))="×"</formula>
    </cfRule>
    <cfRule type="expression" dxfId="6000" priority="6005" stopIfTrue="1">
      <formula>ISBLANK(Y53)=FALSE</formula>
    </cfRule>
  </conditionalFormatting>
  <conditionalFormatting sqref="Y53:Z54">
    <cfRule type="expression" dxfId="5999" priority="5996" stopIfTrue="1">
      <formula>ISBLANK(Y53)=TRUE</formula>
    </cfRule>
    <cfRule type="expression" dxfId="5998" priority="5997" stopIfTrue="1">
      <formula>INDIRECT("第１の３表②!"&amp;CELL("address",CR53))="×××"</formula>
    </cfRule>
    <cfRule type="expression" dxfId="5997" priority="5998" stopIfTrue="1">
      <formula>INDIRECT("第１の３表②!"&amp;CELL("address",CR53))="××"</formula>
    </cfRule>
    <cfRule type="expression" dxfId="5996" priority="5999" stopIfTrue="1">
      <formula>INDIRECT("第１の３表②!"&amp;CELL("address",CR53))="×"</formula>
    </cfRule>
    <cfRule type="expression" dxfId="5995" priority="6000" stopIfTrue="1">
      <formula>ISBLANK(Y53)=FALSE</formula>
    </cfRule>
  </conditionalFormatting>
  <conditionalFormatting sqref="Y53:Z54">
    <cfRule type="expression" dxfId="5994" priority="5991" stopIfTrue="1">
      <formula>ISBLANK(Y53)=TRUE</formula>
    </cfRule>
    <cfRule type="expression" dxfId="5993" priority="5992" stopIfTrue="1">
      <formula>INDIRECT("第１の３表②!"&amp;CELL("address",CR53))="×××"</formula>
    </cfRule>
    <cfRule type="expression" dxfId="5992" priority="5993" stopIfTrue="1">
      <formula>INDIRECT("第１の３表②!"&amp;CELL("address",CR53))="××"</formula>
    </cfRule>
    <cfRule type="expression" dxfId="5991" priority="5994" stopIfTrue="1">
      <formula>INDIRECT("第１の３表②!"&amp;CELL("address",CR53))="×"</formula>
    </cfRule>
    <cfRule type="expression" dxfId="5990" priority="5995" stopIfTrue="1">
      <formula>ISBLANK(Y53)=FALSE</formula>
    </cfRule>
  </conditionalFormatting>
  <conditionalFormatting sqref="AB53:AC54">
    <cfRule type="expression" dxfId="5989" priority="5986" stopIfTrue="1">
      <formula>ISBLANK(AB53)=TRUE</formula>
    </cfRule>
    <cfRule type="expression" dxfId="5988" priority="5987" stopIfTrue="1">
      <formula>INDIRECT("第１の３表②!"&amp;CELL("address",CU53))="×××"</formula>
    </cfRule>
    <cfRule type="expression" dxfId="5987" priority="5988" stopIfTrue="1">
      <formula>INDIRECT("第１の３表②!"&amp;CELL("address",CU53))="××"</formula>
    </cfRule>
    <cfRule type="expression" dxfId="5986" priority="5989" stopIfTrue="1">
      <formula>INDIRECT("第１の３表②!"&amp;CELL("address",CU53))="×"</formula>
    </cfRule>
    <cfRule type="expression" dxfId="5985" priority="5990" stopIfTrue="1">
      <formula>ISBLANK(AB53)=FALSE</formula>
    </cfRule>
  </conditionalFormatting>
  <conditionalFormatting sqref="AB53:AC54">
    <cfRule type="expression" dxfId="5984" priority="5981" stopIfTrue="1">
      <formula>ISBLANK(AB53)=TRUE</formula>
    </cfRule>
    <cfRule type="expression" dxfId="5983" priority="5982" stopIfTrue="1">
      <formula>INDIRECT("第１の３表②!"&amp;CELL("address",CU53))="×××"</formula>
    </cfRule>
    <cfRule type="expression" dxfId="5982" priority="5983" stopIfTrue="1">
      <formula>INDIRECT("第１の３表②!"&amp;CELL("address",CU53))="××"</formula>
    </cfRule>
    <cfRule type="expression" dxfId="5981" priority="5984" stopIfTrue="1">
      <formula>INDIRECT("第１の３表②!"&amp;CELL("address",CU53))="×"</formula>
    </cfRule>
    <cfRule type="expression" dxfId="5980" priority="5985" stopIfTrue="1">
      <formula>ISBLANK(AB53)=FALSE</formula>
    </cfRule>
  </conditionalFormatting>
  <conditionalFormatting sqref="AB53:AC54">
    <cfRule type="expression" dxfId="5979" priority="5976" stopIfTrue="1">
      <formula>ISBLANK(AB53)=TRUE</formula>
    </cfRule>
    <cfRule type="expression" dxfId="5978" priority="5977" stopIfTrue="1">
      <formula>INDIRECT("第１の３表②!"&amp;CELL("address",CU53))="×××"</formula>
    </cfRule>
    <cfRule type="expression" dxfId="5977" priority="5978" stopIfTrue="1">
      <formula>INDIRECT("第１の３表②!"&amp;CELL("address",CU53))="××"</formula>
    </cfRule>
    <cfRule type="expression" dxfId="5976" priority="5979" stopIfTrue="1">
      <formula>INDIRECT("第１の３表②!"&amp;CELL("address",CU53))="×"</formula>
    </cfRule>
    <cfRule type="expression" dxfId="5975" priority="5980" stopIfTrue="1">
      <formula>ISBLANK(AB53)=FALSE</formula>
    </cfRule>
  </conditionalFormatting>
  <conditionalFormatting sqref="AE53:AF54">
    <cfRule type="expression" dxfId="5974" priority="5971" stopIfTrue="1">
      <formula>ISBLANK(AE53)=TRUE</formula>
    </cfRule>
    <cfRule type="expression" dxfId="5973" priority="5972" stopIfTrue="1">
      <formula>INDIRECT("第１の３表②!"&amp;CELL("address",CX53))="×××"</formula>
    </cfRule>
    <cfRule type="expression" dxfId="5972" priority="5973" stopIfTrue="1">
      <formula>INDIRECT("第１の３表②!"&amp;CELL("address",CX53))="××"</formula>
    </cfRule>
    <cfRule type="expression" dxfId="5971" priority="5974" stopIfTrue="1">
      <formula>INDIRECT("第１の３表②!"&amp;CELL("address",CX53))="×"</formula>
    </cfRule>
    <cfRule type="expression" dxfId="5970" priority="5975" stopIfTrue="1">
      <formula>ISBLANK(AE53)=FALSE</formula>
    </cfRule>
  </conditionalFormatting>
  <conditionalFormatting sqref="AE53:AF54">
    <cfRule type="expression" dxfId="5969" priority="5966" stopIfTrue="1">
      <formula>ISBLANK(AE53)=TRUE</formula>
    </cfRule>
    <cfRule type="expression" dxfId="5968" priority="5967" stopIfTrue="1">
      <formula>INDIRECT("第１の３表②!"&amp;CELL("address",CX53))="×××"</formula>
    </cfRule>
    <cfRule type="expression" dxfId="5967" priority="5968" stopIfTrue="1">
      <formula>INDIRECT("第１の３表②!"&amp;CELL("address",CX53))="××"</formula>
    </cfRule>
    <cfRule type="expression" dxfId="5966" priority="5969" stopIfTrue="1">
      <formula>INDIRECT("第１の３表②!"&amp;CELL("address",CX53))="×"</formula>
    </cfRule>
    <cfRule type="expression" dxfId="5965" priority="5970" stopIfTrue="1">
      <formula>ISBLANK(AE53)=FALSE</formula>
    </cfRule>
  </conditionalFormatting>
  <conditionalFormatting sqref="AE53:AF54">
    <cfRule type="expression" dxfId="5964" priority="5961" stopIfTrue="1">
      <formula>ISBLANK(AE53)=TRUE</formula>
    </cfRule>
    <cfRule type="expression" dxfId="5963" priority="5962" stopIfTrue="1">
      <formula>INDIRECT("第１の３表②!"&amp;CELL("address",CX53))="×××"</formula>
    </cfRule>
    <cfRule type="expression" dxfId="5962" priority="5963" stopIfTrue="1">
      <formula>INDIRECT("第１の３表②!"&amp;CELL("address",CX53))="××"</formula>
    </cfRule>
    <cfRule type="expression" dxfId="5961" priority="5964" stopIfTrue="1">
      <formula>INDIRECT("第１の３表②!"&amp;CELL("address",CX53))="×"</formula>
    </cfRule>
    <cfRule type="expression" dxfId="5960" priority="5965" stopIfTrue="1">
      <formula>ISBLANK(AE53)=FALSE</formula>
    </cfRule>
  </conditionalFormatting>
  <conditionalFormatting sqref="AH53:AI54">
    <cfRule type="expression" dxfId="5959" priority="5956" stopIfTrue="1">
      <formula>ISBLANK(AH53)=TRUE</formula>
    </cfRule>
    <cfRule type="expression" dxfId="5958" priority="5957" stopIfTrue="1">
      <formula>INDIRECT("第１の３表②!"&amp;CELL("address",DA53))="×××"</formula>
    </cfRule>
    <cfRule type="expression" dxfId="5957" priority="5958" stopIfTrue="1">
      <formula>INDIRECT("第１の３表②!"&amp;CELL("address",DA53))="××"</formula>
    </cfRule>
    <cfRule type="expression" dxfId="5956" priority="5959" stopIfTrue="1">
      <formula>INDIRECT("第１の３表②!"&amp;CELL("address",DA53))="×"</formula>
    </cfRule>
    <cfRule type="expression" dxfId="5955" priority="5960" stopIfTrue="1">
      <formula>ISBLANK(AH53)=FALSE</formula>
    </cfRule>
  </conditionalFormatting>
  <conditionalFormatting sqref="AH53:AI54">
    <cfRule type="expression" dxfId="5954" priority="5951" stopIfTrue="1">
      <formula>ISBLANK(AH53)=TRUE</formula>
    </cfRule>
    <cfRule type="expression" dxfId="5953" priority="5952" stopIfTrue="1">
      <formula>INDIRECT("第１の３表②!"&amp;CELL("address",DA53))="×××"</formula>
    </cfRule>
    <cfRule type="expression" dxfId="5952" priority="5953" stopIfTrue="1">
      <formula>INDIRECT("第１の３表②!"&amp;CELL("address",DA53))="××"</formula>
    </cfRule>
    <cfRule type="expression" dxfId="5951" priority="5954" stopIfTrue="1">
      <formula>INDIRECT("第１の３表②!"&amp;CELL("address",DA53))="×"</formula>
    </cfRule>
    <cfRule type="expression" dxfId="5950" priority="5955" stopIfTrue="1">
      <formula>ISBLANK(AH53)=FALSE</formula>
    </cfRule>
  </conditionalFormatting>
  <conditionalFormatting sqref="AH53:AI54">
    <cfRule type="expression" dxfId="5949" priority="5946" stopIfTrue="1">
      <formula>ISBLANK(AH53)=TRUE</formula>
    </cfRule>
    <cfRule type="expression" dxfId="5948" priority="5947" stopIfTrue="1">
      <formula>INDIRECT("第１の３表②!"&amp;CELL("address",DA53))="×××"</formula>
    </cfRule>
    <cfRule type="expression" dxfId="5947" priority="5948" stopIfTrue="1">
      <formula>INDIRECT("第１の３表②!"&amp;CELL("address",DA53))="××"</formula>
    </cfRule>
    <cfRule type="expression" dxfId="5946" priority="5949" stopIfTrue="1">
      <formula>INDIRECT("第１の３表②!"&amp;CELL("address",DA53))="×"</formula>
    </cfRule>
    <cfRule type="expression" dxfId="5945" priority="5950" stopIfTrue="1">
      <formula>ISBLANK(AH53)=FALSE</formula>
    </cfRule>
  </conditionalFormatting>
  <conditionalFormatting sqref="AK53:AL54">
    <cfRule type="expression" dxfId="5944" priority="5941" stopIfTrue="1">
      <formula>ISBLANK(AK53)=TRUE</formula>
    </cfRule>
    <cfRule type="expression" dxfId="5943" priority="5942" stopIfTrue="1">
      <formula>INDIRECT("第１の３表②!"&amp;CELL("address",DD53))="×××"</formula>
    </cfRule>
    <cfRule type="expression" dxfId="5942" priority="5943" stopIfTrue="1">
      <formula>INDIRECT("第１の３表②!"&amp;CELL("address",DD53))="××"</formula>
    </cfRule>
    <cfRule type="expression" dxfId="5941" priority="5944" stopIfTrue="1">
      <formula>INDIRECT("第１の３表②!"&amp;CELL("address",DD53))="×"</formula>
    </cfRule>
    <cfRule type="expression" dxfId="5940" priority="5945" stopIfTrue="1">
      <formula>ISBLANK(AK53)=FALSE</formula>
    </cfRule>
  </conditionalFormatting>
  <conditionalFormatting sqref="AK53:AL54">
    <cfRule type="expression" dxfId="5939" priority="5936" stopIfTrue="1">
      <formula>ISBLANK(AK53)=TRUE</formula>
    </cfRule>
    <cfRule type="expression" dxfId="5938" priority="5937" stopIfTrue="1">
      <formula>INDIRECT("第１の３表②!"&amp;CELL("address",DD53))="×××"</formula>
    </cfRule>
    <cfRule type="expression" dxfId="5937" priority="5938" stopIfTrue="1">
      <formula>INDIRECT("第１の３表②!"&amp;CELL("address",DD53))="××"</formula>
    </cfRule>
    <cfRule type="expression" dxfId="5936" priority="5939" stopIfTrue="1">
      <formula>INDIRECT("第１の３表②!"&amp;CELL("address",DD53))="×"</formula>
    </cfRule>
    <cfRule type="expression" dxfId="5935" priority="5940" stopIfTrue="1">
      <formula>ISBLANK(AK53)=FALSE</formula>
    </cfRule>
  </conditionalFormatting>
  <conditionalFormatting sqref="AK53:AL54">
    <cfRule type="expression" dxfId="5934" priority="5931" stopIfTrue="1">
      <formula>ISBLANK(AK53)=TRUE</formula>
    </cfRule>
    <cfRule type="expression" dxfId="5933" priority="5932" stopIfTrue="1">
      <formula>INDIRECT("第１の３表②!"&amp;CELL("address",DD53))="×××"</formula>
    </cfRule>
    <cfRule type="expression" dxfId="5932" priority="5933" stopIfTrue="1">
      <formula>INDIRECT("第１の３表②!"&amp;CELL("address",DD53))="××"</formula>
    </cfRule>
    <cfRule type="expression" dxfId="5931" priority="5934" stopIfTrue="1">
      <formula>INDIRECT("第１の３表②!"&amp;CELL("address",DD53))="×"</formula>
    </cfRule>
    <cfRule type="expression" dxfId="5930" priority="5935" stopIfTrue="1">
      <formula>ISBLANK(AK53)=FALSE</formula>
    </cfRule>
  </conditionalFormatting>
  <conditionalFormatting sqref="AN53:AO54">
    <cfRule type="expression" dxfId="5929" priority="5926" stopIfTrue="1">
      <formula>ISBLANK(AN53)=TRUE</formula>
    </cfRule>
    <cfRule type="expression" dxfId="5928" priority="5927" stopIfTrue="1">
      <formula>INDIRECT("第１の３表②!"&amp;CELL("address",DG53))="×××"</formula>
    </cfRule>
    <cfRule type="expression" dxfId="5927" priority="5928" stopIfTrue="1">
      <formula>INDIRECT("第１の３表②!"&amp;CELL("address",DG53))="××"</formula>
    </cfRule>
    <cfRule type="expression" dxfId="5926" priority="5929" stopIfTrue="1">
      <formula>INDIRECT("第１の３表②!"&amp;CELL("address",DG53))="×"</formula>
    </cfRule>
    <cfRule type="expression" dxfId="5925" priority="5930" stopIfTrue="1">
      <formula>ISBLANK(AN53)=FALSE</formula>
    </cfRule>
  </conditionalFormatting>
  <conditionalFormatting sqref="AN53:AO54">
    <cfRule type="expression" dxfId="5924" priority="5921" stopIfTrue="1">
      <formula>ISBLANK(AN53)=TRUE</formula>
    </cfRule>
    <cfRule type="expression" dxfId="5923" priority="5922" stopIfTrue="1">
      <formula>INDIRECT("第１の３表②!"&amp;CELL("address",DG53))="×××"</formula>
    </cfRule>
    <cfRule type="expression" dxfId="5922" priority="5923" stopIfTrue="1">
      <formula>INDIRECT("第１の３表②!"&amp;CELL("address",DG53))="××"</formula>
    </cfRule>
    <cfRule type="expression" dxfId="5921" priority="5924" stopIfTrue="1">
      <formula>INDIRECT("第１の３表②!"&amp;CELL("address",DG53))="×"</formula>
    </cfRule>
    <cfRule type="expression" dxfId="5920" priority="5925" stopIfTrue="1">
      <formula>ISBLANK(AN53)=FALSE</formula>
    </cfRule>
  </conditionalFormatting>
  <conditionalFormatting sqref="AN53:AO54">
    <cfRule type="expression" dxfId="5919" priority="5916" stopIfTrue="1">
      <formula>ISBLANK(AN53)=TRUE</formula>
    </cfRule>
    <cfRule type="expression" dxfId="5918" priority="5917" stopIfTrue="1">
      <formula>INDIRECT("第１の３表②!"&amp;CELL("address",DG53))="×××"</formula>
    </cfRule>
    <cfRule type="expression" dxfId="5917" priority="5918" stopIfTrue="1">
      <formula>INDIRECT("第１の３表②!"&amp;CELL("address",DG53))="××"</formula>
    </cfRule>
    <cfRule type="expression" dxfId="5916" priority="5919" stopIfTrue="1">
      <formula>INDIRECT("第１の３表②!"&amp;CELL("address",DG53))="×"</formula>
    </cfRule>
    <cfRule type="expression" dxfId="5915" priority="5920" stopIfTrue="1">
      <formula>ISBLANK(AN53)=FALSE</formula>
    </cfRule>
  </conditionalFormatting>
  <conditionalFormatting sqref="AQ53:AR54">
    <cfRule type="expression" dxfId="5914" priority="5911" stopIfTrue="1">
      <formula>ISBLANK(AQ53)=TRUE</formula>
    </cfRule>
    <cfRule type="expression" dxfId="5913" priority="5912" stopIfTrue="1">
      <formula>INDIRECT("第１の３表②!"&amp;CELL("address",DJ53))="×××"</formula>
    </cfRule>
    <cfRule type="expression" dxfId="5912" priority="5913" stopIfTrue="1">
      <formula>INDIRECT("第１の３表②!"&amp;CELL("address",DJ53))="××"</formula>
    </cfRule>
    <cfRule type="expression" dxfId="5911" priority="5914" stopIfTrue="1">
      <formula>INDIRECT("第１の３表②!"&amp;CELL("address",DJ53))="×"</formula>
    </cfRule>
    <cfRule type="expression" dxfId="5910" priority="5915" stopIfTrue="1">
      <formula>ISBLANK(AQ53)=FALSE</formula>
    </cfRule>
  </conditionalFormatting>
  <conditionalFormatting sqref="AQ53:AR54">
    <cfRule type="expression" dxfId="5909" priority="5906" stopIfTrue="1">
      <formula>ISBLANK(AQ53)=TRUE</formula>
    </cfRule>
    <cfRule type="expression" dxfId="5908" priority="5907" stopIfTrue="1">
      <formula>INDIRECT("第１の３表②!"&amp;CELL("address",DJ53))="×××"</formula>
    </cfRule>
    <cfRule type="expression" dxfId="5907" priority="5908" stopIfTrue="1">
      <formula>INDIRECT("第１の３表②!"&amp;CELL("address",DJ53))="××"</formula>
    </cfRule>
    <cfRule type="expression" dxfId="5906" priority="5909" stopIfTrue="1">
      <formula>INDIRECT("第１の３表②!"&amp;CELL("address",DJ53))="×"</formula>
    </cfRule>
    <cfRule type="expression" dxfId="5905" priority="5910" stopIfTrue="1">
      <formula>ISBLANK(AQ53)=FALSE</formula>
    </cfRule>
  </conditionalFormatting>
  <conditionalFormatting sqref="AQ53:AR54">
    <cfRule type="expression" dxfId="5904" priority="5901" stopIfTrue="1">
      <formula>ISBLANK(AQ53)=TRUE</formula>
    </cfRule>
    <cfRule type="expression" dxfId="5903" priority="5902" stopIfTrue="1">
      <formula>INDIRECT("第１の３表②!"&amp;CELL("address",DJ53))="×××"</formula>
    </cfRule>
    <cfRule type="expression" dxfId="5902" priority="5903" stopIfTrue="1">
      <formula>INDIRECT("第１の３表②!"&amp;CELL("address",DJ53))="××"</formula>
    </cfRule>
    <cfRule type="expression" dxfId="5901" priority="5904" stopIfTrue="1">
      <formula>INDIRECT("第１の３表②!"&amp;CELL("address",DJ53))="×"</formula>
    </cfRule>
    <cfRule type="expression" dxfId="5900" priority="5905" stopIfTrue="1">
      <formula>ISBLANK(AQ53)=FALSE</formula>
    </cfRule>
  </conditionalFormatting>
  <conditionalFormatting sqref="AT53:AU54">
    <cfRule type="expression" dxfId="5899" priority="5896" stopIfTrue="1">
      <formula>ISBLANK(AT53)=TRUE</formula>
    </cfRule>
    <cfRule type="expression" dxfId="5898" priority="5897" stopIfTrue="1">
      <formula>INDIRECT("第１の３表②!"&amp;CELL("address",DM53))="×××"</formula>
    </cfRule>
    <cfRule type="expression" dxfId="5897" priority="5898" stopIfTrue="1">
      <formula>INDIRECT("第１の３表②!"&amp;CELL("address",DM53))="××"</formula>
    </cfRule>
    <cfRule type="expression" dxfId="5896" priority="5899" stopIfTrue="1">
      <formula>INDIRECT("第１の３表②!"&amp;CELL("address",DM53))="×"</formula>
    </cfRule>
    <cfRule type="expression" dxfId="5895" priority="5900" stopIfTrue="1">
      <formula>ISBLANK(AT53)=FALSE</formula>
    </cfRule>
  </conditionalFormatting>
  <conditionalFormatting sqref="AT53:AU54">
    <cfRule type="expression" dxfId="5894" priority="5891" stopIfTrue="1">
      <formula>ISBLANK(AT53)=TRUE</formula>
    </cfRule>
    <cfRule type="expression" dxfId="5893" priority="5892" stopIfTrue="1">
      <formula>INDIRECT("第１の３表②!"&amp;CELL("address",DM53))="×××"</formula>
    </cfRule>
    <cfRule type="expression" dxfId="5892" priority="5893" stopIfTrue="1">
      <formula>INDIRECT("第１の３表②!"&amp;CELL("address",DM53))="××"</formula>
    </cfRule>
    <cfRule type="expression" dxfId="5891" priority="5894" stopIfTrue="1">
      <formula>INDIRECT("第１の３表②!"&amp;CELL("address",DM53))="×"</formula>
    </cfRule>
    <cfRule type="expression" dxfId="5890" priority="5895" stopIfTrue="1">
      <formula>ISBLANK(AT53)=FALSE</formula>
    </cfRule>
  </conditionalFormatting>
  <conditionalFormatting sqref="AT53:AU54">
    <cfRule type="expression" dxfId="5889" priority="5886" stopIfTrue="1">
      <formula>ISBLANK(AT53)=TRUE</formula>
    </cfRule>
    <cfRule type="expression" dxfId="5888" priority="5887" stopIfTrue="1">
      <formula>INDIRECT("第１の３表②!"&amp;CELL("address",DM53))="×××"</formula>
    </cfRule>
    <cfRule type="expression" dxfId="5887" priority="5888" stopIfTrue="1">
      <formula>INDIRECT("第１の３表②!"&amp;CELL("address",DM53))="××"</formula>
    </cfRule>
    <cfRule type="expression" dxfId="5886" priority="5889" stopIfTrue="1">
      <formula>INDIRECT("第１の３表②!"&amp;CELL("address",DM53))="×"</formula>
    </cfRule>
    <cfRule type="expression" dxfId="5885" priority="5890" stopIfTrue="1">
      <formula>ISBLANK(AT53)=FALSE</formula>
    </cfRule>
  </conditionalFormatting>
  <conditionalFormatting sqref="AW53:AX54">
    <cfRule type="expression" dxfId="5884" priority="5881" stopIfTrue="1">
      <formula>ISBLANK(AW53)=TRUE</formula>
    </cfRule>
    <cfRule type="expression" dxfId="5883" priority="5882" stopIfTrue="1">
      <formula>INDIRECT("第１の３表②!"&amp;CELL("address",DP53))="×××"</formula>
    </cfRule>
    <cfRule type="expression" dxfId="5882" priority="5883" stopIfTrue="1">
      <formula>INDIRECT("第１の３表②!"&amp;CELL("address",DP53))="××"</formula>
    </cfRule>
    <cfRule type="expression" dxfId="5881" priority="5884" stopIfTrue="1">
      <formula>INDIRECT("第１の３表②!"&amp;CELL("address",DP53))="×"</formula>
    </cfRule>
    <cfRule type="expression" dxfId="5880" priority="5885" stopIfTrue="1">
      <formula>ISBLANK(AW53)=FALSE</formula>
    </cfRule>
  </conditionalFormatting>
  <conditionalFormatting sqref="AW53:AX54">
    <cfRule type="expression" dxfId="5879" priority="5876" stopIfTrue="1">
      <formula>ISBLANK(AW53)=TRUE</formula>
    </cfRule>
    <cfRule type="expression" dxfId="5878" priority="5877" stopIfTrue="1">
      <formula>INDIRECT("第１の３表②!"&amp;CELL("address",DP53))="×××"</formula>
    </cfRule>
    <cfRule type="expression" dxfId="5877" priority="5878" stopIfTrue="1">
      <formula>INDIRECT("第１の３表②!"&amp;CELL("address",DP53))="××"</formula>
    </cfRule>
    <cfRule type="expression" dxfId="5876" priority="5879" stopIfTrue="1">
      <formula>INDIRECT("第１の３表②!"&amp;CELL("address",DP53))="×"</formula>
    </cfRule>
    <cfRule type="expression" dxfId="5875" priority="5880" stopIfTrue="1">
      <formula>ISBLANK(AW53)=FALSE</formula>
    </cfRule>
  </conditionalFormatting>
  <conditionalFormatting sqref="AW53:AX54">
    <cfRule type="expression" dxfId="5874" priority="5871" stopIfTrue="1">
      <formula>ISBLANK(AW53)=TRUE</formula>
    </cfRule>
    <cfRule type="expression" dxfId="5873" priority="5872" stopIfTrue="1">
      <formula>INDIRECT("第１の３表②!"&amp;CELL("address",DP53))="×××"</formula>
    </cfRule>
    <cfRule type="expression" dxfId="5872" priority="5873" stopIfTrue="1">
      <formula>INDIRECT("第１の３表②!"&amp;CELL("address",DP53))="××"</formula>
    </cfRule>
    <cfRule type="expression" dxfId="5871" priority="5874" stopIfTrue="1">
      <formula>INDIRECT("第１の３表②!"&amp;CELL("address",DP53))="×"</formula>
    </cfRule>
    <cfRule type="expression" dxfId="5870" priority="5875" stopIfTrue="1">
      <formula>ISBLANK(AW53)=FALSE</formula>
    </cfRule>
  </conditionalFormatting>
  <conditionalFormatting sqref="AZ53:BA54">
    <cfRule type="expression" dxfId="5869" priority="5866" stopIfTrue="1">
      <formula>ISBLANK(AZ53)=TRUE</formula>
    </cfRule>
    <cfRule type="expression" dxfId="5868" priority="5867" stopIfTrue="1">
      <formula>INDIRECT("第１の３表②!"&amp;CELL("address",DS53))="×××"</formula>
    </cfRule>
    <cfRule type="expression" dxfId="5867" priority="5868" stopIfTrue="1">
      <formula>INDIRECT("第１の３表②!"&amp;CELL("address",DS53))="××"</formula>
    </cfRule>
    <cfRule type="expression" dxfId="5866" priority="5869" stopIfTrue="1">
      <formula>INDIRECT("第１の３表②!"&amp;CELL("address",DS53))="×"</formula>
    </cfRule>
    <cfRule type="expression" dxfId="5865" priority="5870" stopIfTrue="1">
      <formula>ISBLANK(AZ53)=FALSE</formula>
    </cfRule>
  </conditionalFormatting>
  <conditionalFormatting sqref="AZ53:BA54">
    <cfRule type="expression" dxfId="5864" priority="5861" stopIfTrue="1">
      <formula>ISBLANK(AZ53)=TRUE</formula>
    </cfRule>
    <cfRule type="expression" dxfId="5863" priority="5862" stopIfTrue="1">
      <formula>INDIRECT("第１の３表②!"&amp;CELL("address",DS53))="×××"</formula>
    </cfRule>
    <cfRule type="expression" dxfId="5862" priority="5863" stopIfTrue="1">
      <formula>INDIRECT("第１の３表②!"&amp;CELL("address",DS53))="××"</formula>
    </cfRule>
    <cfRule type="expression" dxfId="5861" priority="5864" stopIfTrue="1">
      <formula>INDIRECT("第１の３表②!"&amp;CELL("address",DS53))="×"</formula>
    </cfRule>
    <cfRule type="expression" dxfId="5860" priority="5865" stopIfTrue="1">
      <formula>ISBLANK(AZ53)=FALSE</formula>
    </cfRule>
  </conditionalFormatting>
  <conditionalFormatting sqref="AZ53:BA54">
    <cfRule type="expression" dxfId="5859" priority="5856" stopIfTrue="1">
      <formula>ISBLANK(AZ53)=TRUE</formula>
    </cfRule>
    <cfRule type="expression" dxfId="5858" priority="5857" stopIfTrue="1">
      <formula>INDIRECT("第１の３表②!"&amp;CELL("address",DS53))="×××"</formula>
    </cfRule>
    <cfRule type="expression" dxfId="5857" priority="5858" stopIfTrue="1">
      <formula>INDIRECT("第１の３表②!"&amp;CELL("address",DS53))="××"</formula>
    </cfRule>
    <cfRule type="expression" dxfId="5856" priority="5859" stopIfTrue="1">
      <formula>INDIRECT("第１の３表②!"&amp;CELL("address",DS53))="×"</formula>
    </cfRule>
    <cfRule type="expression" dxfId="5855" priority="5860" stopIfTrue="1">
      <formula>ISBLANK(AZ53)=FALSE</formula>
    </cfRule>
  </conditionalFormatting>
  <conditionalFormatting sqref="BC53:BD54">
    <cfRule type="expression" dxfId="5854" priority="5851" stopIfTrue="1">
      <formula>ISBLANK(BC53)=TRUE</formula>
    </cfRule>
    <cfRule type="expression" dxfId="5853" priority="5852" stopIfTrue="1">
      <formula>INDIRECT("第１の３表②!"&amp;CELL("address",DV53))="×××"</formula>
    </cfRule>
    <cfRule type="expression" dxfId="5852" priority="5853" stopIfTrue="1">
      <formula>INDIRECT("第１の３表②!"&amp;CELL("address",DV53))="××"</formula>
    </cfRule>
    <cfRule type="expression" dxfId="5851" priority="5854" stopIfTrue="1">
      <formula>INDIRECT("第１の３表②!"&amp;CELL("address",DV53))="×"</formula>
    </cfRule>
    <cfRule type="expression" dxfId="5850" priority="5855" stopIfTrue="1">
      <formula>ISBLANK(BC53)=FALSE</formula>
    </cfRule>
  </conditionalFormatting>
  <conditionalFormatting sqref="BC53:BD54">
    <cfRule type="expression" dxfId="5849" priority="5846" stopIfTrue="1">
      <formula>ISBLANK(BC53)=TRUE</formula>
    </cfRule>
    <cfRule type="expression" dxfId="5848" priority="5847" stopIfTrue="1">
      <formula>INDIRECT("第１の３表②!"&amp;CELL("address",DV53))="×××"</formula>
    </cfRule>
    <cfRule type="expression" dxfId="5847" priority="5848" stopIfTrue="1">
      <formula>INDIRECT("第１の３表②!"&amp;CELL("address",DV53))="××"</formula>
    </cfRule>
    <cfRule type="expression" dxfId="5846" priority="5849" stopIfTrue="1">
      <formula>INDIRECT("第１の３表②!"&amp;CELL("address",DV53))="×"</formula>
    </cfRule>
    <cfRule type="expression" dxfId="5845" priority="5850" stopIfTrue="1">
      <formula>ISBLANK(BC53)=FALSE</formula>
    </cfRule>
  </conditionalFormatting>
  <conditionalFormatting sqref="BC53:BD54">
    <cfRule type="expression" dxfId="5844" priority="5841" stopIfTrue="1">
      <formula>ISBLANK(BC53)=TRUE</formula>
    </cfRule>
    <cfRule type="expression" dxfId="5843" priority="5842" stopIfTrue="1">
      <formula>INDIRECT("第１の３表②!"&amp;CELL("address",DV53))="×××"</formula>
    </cfRule>
    <cfRule type="expression" dxfId="5842" priority="5843" stopIfTrue="1">
      <formula>INDIRECT("第１の３表②!"&amp;CELL("address",DV53))="××"</formula>
    </cfRule>
    <cfRule type="expression" dxfId="5841" priority="5844" stopIfTrue="1">
      <formula>INDIRECT("第１の３表②!"&amp;CELL("address",DV53))="×"</formula>
    </cfRule>
    <cfRule type="expression" dxfId="5840" priority="5845" stopIfTrue="1">
      <formula>ISBLANK(BC53)=FALSE</formula>
    </cfRule>
  </conditionalFormatting>
  <conditionalFormatting sqref="BF53:BG54">
    <cfRule type="expression" dxfId="5839" priority="5836" stopIfTrue="1">
      <formula>ISBLANK(BF53)=TRUE</formula>
    </cfRule>
    <cfRule type="expression" dxfId="5838" priority="5837" stopIfTrue="1">
      <formula>INDIRECT("第１の３表②!"&amp;CELL("address",DY53))="×××"</formula>
    </cfRule>
    <cfRule type="expression" dxfId="5837" priority="5838" stopIfTrue="1">
      <formula>INDIRECT("第１の３表②!"&amp;CELL("address",DY53))="××"</formula>
    </cfRule>
    <cfRule type="expression" dxfId="5836" priority="5839" stopIfTrue="1">
      <formula>INDIRECT("第１の３表②!"&amp;CELL("address",DY53))="×"</formula>
    </cfRule>
    <cfRule type="expression" dxfId="5835" priority="5840" stopIfTrue="1">
      <formula>ISBLANK(BF53)=FALSE</formula>
    </cfRule>
  </conditionalFormatting>
  <conditionalFormatting sqref="BF53:BG54">
    <cfRule type="expression" dxfId="5834" priority="5831" stopIfTrue="1">
      <formula>ISBLANK(BF53)=TRUE</formula>
    </cfRule>
    <cfRule type="expression" dxfId="5833" priority="5832" stopIfTrue="1">
      <formula>INDIRECT("第１の３表②!"&amp;CELL("address",DY53))="×××"</formula>
    </cfRule>
    <cfRule type="expression" dxfId="5832" priority="5833" stopIfTrue="1">
      <formula>INDIRECT("第１の３表②!"&amp;CELL("address",DY53))="××"</formula>
    </cfRule>
    <cfRule type="expression" dxfId="5831" priority="5834" stopIfTrue="1">
      <formula>INDIRECT("第１の３表②!"&amp;CELL("address",DY53))="×"</formula>
    </cfRule>
    <cfRule type="expression" dxfId="5830" priority="5835" stopIfTrue="1">
      <formula>ISBLANK(BF53)=FALSE</formula>
    </cfRule>
  </conditionalFormatting>
  <conditionalFormatting sqref="BF53:BG54">
    <cfRule type="expression" dxfId="5829" priority="5826" stopIfTrue="1">
      <formula>ISBLANK(BF53)=TRUE</formula>
    </cfRule>
    <cfRule type="expression" dxfId="5828" priority="5827" stopIfTrue="1">
      <formula>INDIRECT("第１の３表②!"&amp;CELL("address",DY53))="×××"</formula>
    </cfRule>
    <cfRule type="expression" dxfId="5827" priority="5828" stopIfTrue="1">
      <formula>INDIRECT("第１の３表②!"&amp;CELL("address",DY53))="××"</formula>
    </cfRule>
    <cfRule type="expression" dxfId="5826" priority="5829" stopIfTrue="1">
      <formula>INDIRECT("第１の３表②!"&amp;CELL("address",DY53))="×"</formula>
    </cfRule>
    <cfRule type="expression" dxfId="5825" priority="5830" stopIfTrue="1">
      <formula>ISBLANK(BF53)=FALSE</formula>
    </cfRule>
  </conditionalFormatting>
  <conditionalFormatting sqref="BI53:BJ54">
    <cfRule type="expression" dxfId="5824" priority="5821" stopIfTrue="1">
      <formula>ISBLANK(BI53)=TRUE</formula>
    </cfRule>
    <cfRule type="expression" dxfId="5823" priority="5822" stopIfTrue="1">
      <formula>INDIRECT("第１の３表②!"&amp;CELL("address",EB53))="×××"</formula>
    </cfRule>
    <cfRule type="expression" dxfId="5822" priority="5823" stopIfTrue="1">
      <formula>INDIRECT("第１の３表②!"&amp;CELL("address",EB53))="××"</formula>
    </cfRule>
    <cfRule type="expression" dxfId="5821" priority="5824" stopIfTrue="1">
      <formula>INDIRECT("第１の３表②!"&amp;CELL("address",EB53))="×"</formula>
    </cfRule>
    <cfRule type="expression" dxfId="5820" priority="5825" stopIfTrue="1">
      <formula>ISBLANK(BI53)=FALSE</formula>
    </cfRule>
  </conditionalFormatting>
  <conditionalFormatting sqref="BI53:BJ54">
    <cfRule type="expression" dxfId="5819" priority="5816" stopIfTrue="1">
      <formula>ISBLANK(BI53)=TRUE</formula>
    </cfRule>
    <cfRule type="expression" dxfId="5818" priority="5817" stopIfTrue="1">
      <formula>INDIRECT("第１の３表②!"&amp;CELL("address",EB53))="×××"</formula>
    </cfRule>
    <cfRule type="expression" dxfId="5817" priority="5818" stopIfTrue="1">
      <formula>INDIRECT("第１の３表②!"&amp;CELL("address",EB53))="××"</formula>
    </cfRule>
    <cfRule type="expression" dxfId="5816" priority="5819" stopIfTrue="1">
      <formula>INDIRECT("第１の３表②!"&amp;CELL("address",EB53))="×"</formula>
    </cfRule>
    <cfRule type="expression" dxfId="5815" priority="5820" stopIfTrue="1">
      <formula>ISBLANK(BI53)=FALSE</formula>
    </cfRule>
  </conditionalFormatting>
  <conditionalFormatting sqref="BI53:BJ54">
    <cfRule type="expression" dxfId="5814" priority="5811" stopIfTrue="1">
      <formula>ISBLANK(BI53)=TRUE</formula>
    </cfRule>
    <cfRule type="expression" dxfId="5813" priority="5812" stopIfTrue="1">
      <formula>INDIRECT("第１の３表②!"&amp;CELL("address",EB53))="×××"</formula>
    </cfRule>
    <cfRule type="expression" dxfId="5812" priority="5813" stopIfTrue="1">
      <formula>INDIRECT("第１の３表②!"&amp;CELL("address",EB53))="××"</formula>
    </cfRule>
    <cfRule type="expression" dxfId="5811" priority="5814" stopIfTrue="1">
      <formula>INDIRECT("第１の３表②!"&amp;CELL("address",EB53))="×"</formula>
    </cfRule>
    <cfRule type="expression" dxfId="5810" priority="5815" stopIfTrue="1">
      <formula>ISBLANK(BI53)=FALSE</formula>
    </cfRule>
  </conditionalFormatting>
  <conditionalFormatting sqref="BL53:BM54">
    <cfRule type="expression" dxfId="5809" priority="5806" stopIfTrue="1">
      <formula>ISBLANK(BL53)=TRUE</formula>
    </cfRule>
    <cfRule type="expression" dxfId="5808" priority="5807" stopIfTrue="1">
      <formula>INDIRECT("第１の３表②!"&amp;CELL("address",EE53))="×××"</formula>
    </cfRule>
    <cfRule type="expression" dxfId="5807" priority="5808" stopIfTrue="1">
      <formula>INDIRECT("第１の３表②!"&amp;CELL("address",EE53))="××"</formula>
    </cfRule>
    <cfRule type="expression" dxfId="5806" priority="5809" stopIfTrue="1">
      <formula>INDIRECT("第１の３表②!"&amp;CELL("address",EE53))="×"</formula>
    </cfRule>
    <cfRule type="expression" dxfId="5805" priority="5810" stopIfTrue="1">
      <formula>ISBLANK(BL53)=FALSE</formula>
    </cfRule>
  </conditionalFormatting>
  <conditionalFormatting sqref="BL53:BM54">
    <cfRule type="expression" dxfId="5804" priority="5801" stopIfTrue="1">
      <formula>ISBLANK(BL53)=TRUE</formula>
    </cfRule>
    <cfRule type="expression" dxfId="5803" priority="5802" stopIfTrue="1">
      <formula>INDIRECT("第１の３表②!"&amp;CELL("address",EE53))="×××"</formula>
    </cfRule>
    <cfRule type="expression" dxfId="5802" priority="5803" stopIfTrue="1">
      <formula>INDIRECT("第１の３表②!"&amp;CELL("address",EE53))="××"</formula>
    </cfRule>
    <cfRule type="expression" dxfId="5801" priority="5804" stopIfTrue="1">
      <formula>INDIRECT("第１の３表②!"&amp;CELL("address",EE53))="×"</formula>
    </cfRule>
    <cfRule type="expression" dxfId="5800" priority="5805" stopIfTrue="1">
      <formula>ISBLANK(BL53)=FALSE</formula>
    </cfRule>
  </conditionalFormatting>
  <conditionalFormatting sqref="BL53:BM54">
    <cfRule type="expression" dxfId="5799" priority="5796" stopIfTrue="1">
      <formula>ISBLANK(BL53)=TRUE</formula>
    </cfRule>
    <cfRule type="expression" dxfId="5798" priority="5797" stopIfTrue="1">
      <formula>INDIRECT("第１の３表②!"&amp;CELL("address",EE53))="×××"</formula>
    </cfRule>
    <cfRule type="expression" dxfId="5797" priority="5798" stopIfTrue="1">
      <formula>INDIRECT("第１の３表②!"&amp;CELL("address",EE53))="××"</formula>
    </cfRule>
    <cfRule type="expression" dxfId="5796" priority="5799" stopIfTrue="1">
      <formula>INDIRECT("第１の３表②!"&amp;CELL("address",EE53))="×"</formula>
    </cfRule>
    <cfRule type="expression" dxfId="5795" priority="5800" stopIfTrue="1">
      <formula>ISBLANK(BL53)=FALSE</formula>
    </cfRule>
  </conditionalFormatting>
  <conditionalFormatting sqref="BO53:BP54">
    <cfRule type="expression" dxfId="5794" priority="5791" stopIfTrue="1">
      <formula>ISBLANK(BO53)=TRUE</formula>
    </cfRule>
    <cfRule type="expression" dxfId="5793" priority="5792" stopIfTrue="1">
      <formula>INDIRECT("第１の３表②!"&amp;CELL("address",EH53))="×××"</formula>
    </cfRule>
    <cfRule type="expression" dxfId="5792" priority="5793" stopIfTrue="1">
      <formula>INDIRECT("第１の３表②!"&amp;CELL("address",EH53))="××"</formula>
    </cfRule>
    <cfRule type="expression" dxfId="5791" priority="5794" stopIfTrue="1">
      <formula>INDIRECT("第１の３表②!"&amp;CELL("address",EH53))="×"</formula>
    </cfRule>
    <cfRule type="expression" dxfId="5790" priority="5795" stopIfTrue="1">
      <formula>ISBLANK(BO53)=FALSE</formula>
    </cfRule>
  </conditionalFormatting>
  <conditionalFormatting sqref="BO53:BP54">
    <cfRule type="expression" dxfId="5789" priority="5786" stopIfTrue="1">
      <formula>ISBLANK(BO53)=TRUE</formula>
    </cfRule>
    <cfRule type="expression" dxfId="5788" priority="5787" stopIfTrue="1">
      <formula>INDIRECT("第１の３表②!"&amp;CELL("address",EH53))="×××"</formula>
    </cfRule>
    <cfRule type="expression" dxfId="5787" priority="5788" stopIfTrue="1">
      <formula>INDIRECT("第１の３表②!"&amp;CELL("address",EH53))="××"</formula>
    </cfRule>
    <cfRule type="expression" dxfId="5786" priority="5789" stopIfTrue="1">
      <formula>INDIRECT("第１の３表②!"&amp;CELL("address",EH53))="×"</formula>
    </cfRule>
    <cfRule type="expression" dxfId="5785" priority="5790" stopIfTrue="1">
      <formula>ISBLANK(BO53)=FALSE</formula>
    </cfRule>
  </conditionalFormatting>
  <conditionalFormatting sqref="BO53:BP54">
    <cfRule type="expression" dxfId="5784" priority="5781" stopIfTrue="1">
      <formula>ISBLANK(BO53)=TRUE</formula>
    </cfRule>
    <cfRule type="expression" dxfId="5783" priority="5782" stopIfTrue="1">
      <formula>INDIRECT("第１の３表②!"&amp;CELL("address",EH53))="×××"</formula>
    </cfRule>
    <cfRule type="expression" dxfId="5782" priority="5783" stopIfTrue="1">
      <formula>INDIRECT("第１の３表②!"&amp;CELL("address",EH53))="××"</formula>
    </cfRule>
    <cfRule type="expression" dxfId="5781" priority="5784" stopIfTrue="1">
      <formula>INDIRECT("第１の３表②!"&amp;CELL("address",EH53))="×"</formula>
    </cfRule>
    <cfRule type="expression" dxfId="5780" priority="5785" stopIfTrue="1">
      <formula>ISBLANK(BO53)=FALSE</formula>
    </cfRule>
  </conditionalFormatting>
  <conditionalFormatting sqref="G56:H57">
    <cfRule type="expression" dxfId="5779" priority="5776" stopIfTrue="1">
      <formula>ISBLANK(G56)=TRUE</formula>
    </cfRule>
    <cfRule type="expression" dxfId="5778" priority="5777" stopIfTrue="1">
      <formula>INDIRECT("第１の３表②!"&amp;CELL("address",BZ56))="×××"</formula>
    </cfRule>
    <cfRule type="expression" dxfId="5777" priority="5778" stopIfTrue="1">
      <formula>INDIRECT("第１の３表②!"&amp;CELL("address",BZ56))="××"</formula>
    </cfRule>
    <cfRule type="expression" dxfId="5776" priority="5779" stopIfTrue="1">
      <formula>INDIRECT("第１の３表②!"&amp;CELL("address",BZ56))="×"</formula>
    </cfRule>
    <cfRule type="expression" dxfId="5775" priority="5780" stopIfTrue="1">
      <formula>ISBLANK(G56)=FALSE</formula>
    </cfRule>
  </conditionalFormatting>
  <conditionalFormatting sqref="G56:H57">
    <cfRule type="expression" dxfId="5774" priority="5771" stopIfTrue="1">
      <formula>ISBLANK(G56)=TRUE</formula>
    </cfRule>
    <cfRule type="expression" dxfId="5773" priority="5772" stopIfTrue="1">
      <formula>INDIRECT("第１の３表②!"&amp;CELL("address",BZ56))="×××"</formula>
    </cfRule>
    <cfRule type="expression" dxfId="5772" priority="5773" stopIfTrue="1">
      <formula>INDIRECT("第１の３表②!"&amp;CELL("address",BZ56))="××"</formula>
    </cfRule>
    <cfRule type="expression" dxfId="5771" priority="5774" stopIfTrue="1">
      <formula>INDIRECT("第１の３表②!"&amp;CELL("address",BZ56))="×"</formula>
    </cfRule>
    <cfRule type="expression" dxfId="5770" priority="5775" stopIfTrue="1">
      <formula>ISBLANK(G56)=FALSE</formula>
    </cfRule>
  </conditionalFormatting>
  <conditionalFormatting sqref="G56:H57">
    <cfRule type="expression" dxfId="5769" priority="5766" stopIfTrue="1">
      <formula>ISBLANK(G56)=TRUE</formula>
    </cfRule>
    <cfRule type="expression" dxfId="5768" priority="5767" stopIfTrue="1">
      <formula>INDIRECT("第１の３表②!"&amp;CELL("address",BZ56))="×××"</formula>
    </cfRule>
    <cfRule type="expression" dxfId="5767" priority="5768" stopIfTrue="1">
      <formula>INDIRECT("第１の３表②!"&amp;CELL("address",BZ56))="××"</formula>
    </cfRule>
    <cfRule type="expression" dxfId="5766" priority="5769" stopIfTrue="1">
      <formula>INDIRECT("第１の３表②!"&amp;CELL("address",BZ56))="×"</formula>
    </cfRule>
    <cfRule type="expression" dxfId="5765" priority="5770" stopIfTrue="1">
      <formula>ISBLANK(G56)=FALSE</formula>
    </cfRule>
  </conditionalFormatting>
  <conditionalFormatting sqref="G59:H60">
    <cfRule type="expression" dxfId="5764" priority="5761" stopIfTrue="1">
      <formula>ISBLANK(G59)=TRUE</formula>
    </cfRule>
    <cfRule type="expression" dxfId="5763" priority="5762" stopIfTrue="1">
      <formula>INDIRECT("第１の３表②!"&amp;CELL("address",BZ59))="×××"</formula>
    </cfRule>
    <cfRule type="expression" dxfId="5762" priority="5763" stopIfTrue="1">
      <formula>INDIRECT("第１の３表②!"&amp;CELL("address",BZ59))="××"</formula>
    </cfRule>
    <cfRule type="expression" dxfId="5761" priority="5764" stopIfTrue="1">
      <formula>INDIRECT("第１の３表②!"&amp;CELL("address",BZ59))="×"</formula>
    </cfRule>
    <cfRule type="expression" dxfId="5760" priority="5765" stopIfTrue="1">
      <formula>ISBLANK(G59)=FALSE</formula>
    </cfRule>
  </conditionalFormatting>
  <conditionalFormatting sqref="G59:H60">
    <cfRule type="expression" dxfId="5759" priority="5756" stopIfTrue="1">
      <formula>ISBLANK(G59)=TRUE</formula>
    </cfRule>
    <cfRule type="expression" dxfId="5758" priority="5757" stopIfTrue="1">
      <formula>INDIRECT("第１の３表②!"&amp;CELL("address",BZ59))="×××"</formula>
    </cfRule>
    <cfRule type="expression" dxfId="5757" priority="5758" stopIfTrue="1">
      <formula>INDIRECT("第１の３表②!"&amp;CELL("address",BZ59))="××"</formula>
    </cfRule>
    <cfRule type="expression" dxfId="5756" priority="5759" stopIfTrue="1">
      <formula>INDIRECT("第１の３表②!"&amp;CELL("address",BZ59))="×"</formula>
    </cfRule>
    <cfRule type="expression" dxfId="5755" priority="5760" stopIfTrue="1">
      <formula>ISBLANK(G59)=FALSE</formula>
    </cfRule>
  </conditionalFormatting>
  <conditionalFormatting sqref="G59:H60">
    <cfRule type="expression" dxfId="5754" priority="5751" stopIfTrue="1">
      <formula>ISBLANK(G59)=TRUE</formula>
    </cfRule>
    <cfRule type="expression" dxfId="5753" priority="5752" stopIfTrue="1">
      <formula>INDIRECT("第１の３表②!"&amp;CELL("address",BZ59))="×××"</formula>
    </cfRule>
    <cfRule type="expression" dxfId="5752" priority="5753" stopIfTrue="1">
      <formula>INDIRECT("第１の３表②!"&amp;CELL("address",BZ59))="××"</formula>
    </cfRule>
    <cfRule type="expression" dxfId="5751" priority="5754" stopIfTrue="1">
      <formula>INDIRECT("第１の３表②!"&amp;CELL("address",BZ59))="×"</formula>
    </cfRule>
    <cfRule type="expression" dxfId="5750" priority="5755" stopIfTrue="1">
      <formula>ISBLANK(G59)=FALSE</formula>
    </cfRule>
  </conditionalFormatting>
  <conditionalFormatting sqref="G62:H63">
    <cfRule type="expression" dxfId="5749" priority="5746" stopIfTrue="1">
      <formula>ISBLANK(G62)=TRUE</formula>
    </cfRule>
    <cfRule type="expression" dxfId="5748" priority="5747" stopIfTrue="1">
      <formula>INDIRECT("第１の３表②!"&amp;CELL("address",BZ62))="×××"</formula>
    </cfRule>
    <cfRule type="expression" dxfId="5747" priority="5748" stopIfTrue="1">
      <formula>INDIRECT("第１の３表②!"&amp;CELL("address",BZ62))="××"</formula>
    </cfRule>
    <cfRule type="expression" dxfId="5746" priority="5749" stopIfTrue="1">
      <formula>INDIRECT("第１の３表②!"&amp;CELL("address",BZ62))="×"</formula>
    </cfRule>
    <cfRule type="expression" dxfId="5745" priority="5750" stopIfTrue="1">
      <formula>ISBLANK(G62)=FALSE</formula>
    </cfRule>
  </conditionalFormatting>
  <conditionalFormatting sqref="G62:H63">
    <cfRule type="expression" dxfId="5744" priority="5741" stopIfTrue="1">
      <formula>ISBLANK(G62)=TRUE</formula>
    </cfRule>
    <cfRule type="expression" dxfId="5743" priority="5742" stopIfTrue="1">
      <formula>INDIRECT("第１の３表②!"&amp;CELL("address",BZ62))="×××"</formula>
    </cfRule>
    <cfRule type="expression" dxfId="5742" priority="5743" stopIfTrue="1">
      <formula>INDIRECT("第１の３表②!"&amp;CELL("address",BZ62))="××"</formula>
    </cfRule>
    <cfRule type="expression" dxfId="5741" priority="5744" stopIfTrue="1">
      <formula>INDIRECT("第１の３表②!"&amp;CELL("address",BZ62))="×"</formula>
    </cfRule>
    <cfRule type="expression" dxfId="5740" priority="5745" stopIfTrue="1">
      <formula>ISBLANK(G62)=FALSE</formula>
    </cfRule>
  </conditionalFormatting>
  <conditionalFormatting sqref="G62:H63">
    <cfRule type="expression" dxfId="5739" priority="5736" stopIfTrue="1">
      <formula>ISBLANK(G62)=TRUE</formula>
    </cfRule>
    <cfRule type="expression" dxfId="5738" priority="5737" stopIfTrue="1">
      <formula>INDIRECT("第１の３表②!"&amp;CELL("address",BZ62))="×××"</formula>
    </cfRule>
    <cfRule type="expression" dxfId="5737" priority="5738" stopIfTrue="1">
      <formula>INDIRECT("第１の３表②!"&amp;CELL("address",BZ62))="××"</formula>
    </cfRule>
    <cfRule type="expression" dxfId="5736" priority="5739" stopIfTrue="1">
      <formula>INDIRECT("第１の３表②!"&amp;CELL("address",BZ62))="×"</formula>
    </cfRule>
    <cfRule type="expression" dxfId="5735" priority="5740" stopIfTrue="1">
      <formula>ISBLANK(G62)=FALSE</formula>
    </cfRule>
  </conditionalFormatting>
  <conditionalFormatting sqref="J56:K57">
    <cfRule type="expression" dxfId="5734" priority="5731" stopIfTrue="1">
      <formula>ISBLANK(J56)=TRUE</formula>
    </cfRule>
    <cfRule type="expression" dxfId="5733" priority="5732" stopIfTrue="1">
      <formula>INDIRECT("第１の３表②!"&amp;CELL("address",CC56))="×××"</formula>
    </cfRule>
    <cfRule type="expression" dxfId="5732" priority="5733" stopIfTrue="1">
      <formula>INDIRECT("第１の３表②!"&amp;CELL("address",CC56))="××"</formula>
    </cfRule>
    <cfRule type="expression" dxfId="5731" priority="5734" stopIfTrue="1">
      <formula>INDIRECT("第１の３表②!"&amp;CELL("address",CC56))="×"</formula>
    </cfRule>
    <cfRule type="expression" dxfId="5730" priority="5735" stopIfTrue="1">
      <formula>ISBLANK(J56)=FALSE</formula>
    </cfRule>
  </conditionalFormatting>
  <conditionalFormatting sqref="J56:K57">
    <cfRule type="expression" dxfId="5729" priority="5726" stopIfTrue="1">
      <formula>ISBLANK(J56)=TRUE</formula>
    </cfRule>
    <cfRule type="expression" dxfId="5728" priority="5727" stopIfTrue="1">
      <formula>INDIRECT("第１の３表②!"&amp;CELL("address",CC56))="×××"</formula>
    </cfRule>
    <cfRule type="expression" dxfId="5727" priority="5728" stopIfTrue="1">
      <formula>INDIRECT("第１の３表②!"&amp;CELL("address",CC56))="××"</formula>
    </cfRule>
    <cfRule type="expression" dxfId="5726" priority="5729" stopIfTrue="1">
      <formula>INDIRECT("第１の３表②!"&amp;CELL("address",CC56))="×"</formula>
    </cfRule>
    <cfRule type="expression" dxfId="5725" priority="5730" stopIfTrue="1">
      <formula>ISBLANK(J56)=FALSE</formula>
    </cfRule>
  </conditionalFormatting>
  <conditionalFormatting sqref="J56:K57">
    <cfRule type="expression" dxfId="5724" priority="5721" stopIfTrue="1">
      <formula>ISBLANK(J56)=TRUE</formula>
    </cfRule>
    <cfRule type="expression" dxfId="5723" priority="5722" stopIfTrue="1">
      <formula>INDIRECT("第１の３表②!"&amp;CELL("address",CC56))="×××"</formula>
    </cfRule>
    <cfRule type="expression" dxfId="5722" priority="5723" stopIfTrue="1">
      <formula>INDIRECT("第１の３表②!"&amp;CELL("address",CC56))="××"</formula>
    </cfRule>
    <cfRule type="expression" dxfId="5721" priority="5724" stopIfTrue="1">
      <formula>INDIRECT("第１の３表②!"&amp;CELL("address",CC56))="×"</formula>
    </cfRule>
    <cfRule type="expression" dxfId="5720" priority="5725" stopIfTrue="1">
      <formula>ISBLANK(J56)=FALSE</formula>
    </cfRule>
  </conditionalFormatting>
  <conditionalFormatting sqref="J59:K60">
    <cfRule type="expression" dxfId="5719" priority="5716" stopIfTrue="1">
      <formula>ISBLANK(J59)=TRUE</formula>
    </cfRule>
    <cfRule type="expression" dxfId="5718" priority="5717" stopIfTrue="1">
      <formula>INDIRECT("第１の３表②!"&amp;CELL("address",CC59))="×××"</formula>
    </cfRule>
    <cfRule type="expression" dxfId="5717" priority="5718" stopIfTrue="1">
      <formula>INDIRECT("第１の３表②!"&amp;CELL("address",CC59))="××"</formula>
    </cfRule>
    <cfRule type="expression" dxfId="5716" priority="5719" stopIfTrue="1">
      <formula>INDIRECT("第１の３表②!"&amp;CELL("address",CC59))="×"</formula>
    </cfRule>
    <cfRule type="expression" dxfId="5715" priority="5720" stopIfTrue="1">
      <formula>ISBLANK(J59)=FALSE</formula>
    </cfRule>
  </conditionalFormatting>
  <conditionalFormatting sqref="J59:K60">
    <cfRule type="expression" dxfId="5714" priority="5711" stopIfTrue="1">
      <formula>ISBLANK(J59)=TRUE</formula>
    </cfRule>
    <cfRule type="expression" dxfId="5713" priority="5712" stopIfTrue="1">
      <formula>INDIRECT("第１の３表②!"&amp;CELL("address",CC59))="×××"</formula>
    </cfRule>
    <cfRule type="expression" dxfId="5712" priority="5713" stopIfTrue="1">
      <formula>INDIRECT("第１の３表②!"&amp;CELL("address",CC59))="××"</formula>
    </cfRule>
    <cfRule type="expression" dxfId="5711" priority="5714" stopIfTrue="1">
      <formula>INDIRECT("第１の３表②!"&amp;CELL("address",CC59))="×"</formula>
    </cfRule>
    <cfRule type="expression" dxfId="5710" priority="5715" stopIfTrue="1">
      <formula>ISBLANK(J59)=FALSE</formula>
    </cfRule>
  </conditionalFormatting>
  <conditionalFormatting sqref="J59:K60">
    <cfRule type="expression" dxfId="5709" priority="5706" stopIfTrue="1">
      <formula>ISBLANK(J59)=TRUE</formula>
    </cfRule>
    <cfRule type="expression" dxfId="5708" priority="5707" stopIfTrue="1">
      <formula>INDIRECT("第１の３表②!"&amp;CELL("address",CC59))="×××"</formula>
    </cfRule>
    <cfRule type="expression" dxfId="5707" priority="5708" stopIfTrue="1">
      <formula>INDIRECT("第１の３表②!"&amp;CELL("address",CC59))="××"</formula>
    </cfRule>
    <cfRule type="expression" dxfId="5706" priority="5709" stopIfTrue="1">
      <formula>INDIRECT("第１の３表②!"&amp;CELL("address",CC59))="×"</formula>
    </cfRule>
    <cfRule type="expression" dxfId="5705" priority="5710" stopIfTrue="1">
      <formula>ISBLANK(J59)=FALSE</formula>
    </cfRule>
  </conditionalFormatting>
  <conditionalFormatting sqref="J62:K63">
    <cfRule type="expression" dxfId="5704" priority="5701" stopIfTrue="1">
      <formula>ISBLANK(J62)=TRUE</formula>
    </cfRule>
    <cfRule type="expression" dxfId="5703" priority="5702" stopIfTrue="1">
      <formula>INDIRECT("第１の３表②!"&amp;CELL("address",CC62))="×××"</formula>
    </cfRule>
    <cfRule type="expression" dxfId="5702" priority="5703" stopIfTrue="1">
      <formula>INDIRECT("第１の３表②!"&amp;CELL("address",CC62))="××"</formula>
    </cfRule>
    <cfRule type="expression" dxfId="5701" priority="5704" stopIfTrue="1">
      <formula>INDIRECT("第１の３表②!"&amp;CELL("address",CC62))="×"</formula>
    </cfRule>
    <cfRule type="expression" dxfId="5700" priority="5705" stopIfTrue="1">
      <formula>ISBLANK(J62)=FALSE</formula>
    </cfRule>
  </conditionalFormatting>
  <conditionalFormatting sqref="J62:K63">
    <cfRule type="expression" dxfId="5699" priority="5696" stopIfTrue="1">
      <formula>ISBLANK(J62)=TRUE</formula>
    </cfRule>
    <cfRule type="expression" dxfId="5698" priority="5697" stopIfTrue="1">
      <formula>INDIRECT("第１の３表②!"&amp;CELL("address",CC62))="×××"</formula>
    </cfRule>
    <cfRule type="expression" dxfId="5697" priority="5698" stopIfTrue="1">
      <formula>INDIRECT("第１の３表②!"&amp;CELL("address",CC62))="××"</formula>
    </cfRule>
    <cfRule type="expression" dxfId="5696" priority="5699" stopIfTrue="1">
      <formula>INDIRECT("第１の３表②!"&amp;CELL("address",CC62))="×"</formula>
    </cfRule>
    <cfRule type="expression" dxfId="5695" priority="5700" stopIfTrue="1">
      <formula>ISBLANK(J62)=FALSE</formula>
    </cfRule>
  </conditionalFormatting>
  <conditionalFormatting sqref="J62:K63">
    <cfRule type="expression" dxfId="5694" priority="5691" stopIfTrue="1">
      <formula>ISBLANK(J62)=TRUE</formula>
    </cfRule>
    <cfRule type="expression" dxfId="5693" priority="5692" stopIfTrue="1">
      <formula>INDIRECT("第１の３表②!"&amp;CELL("address",CC62))="×××"</formula>
    </cfRule>
    <cfRule type="expression" dxfId="5692" priority="5693" stopIfTrue="1">
      <formula>INDIRECT("第１の３表②!"&amp;CELL("address",CC62))="××"</formula>
    </cfRule>
    <cfRule type="expression" dxfId="5691" priority="5694" stopIfTrue="1">
      <formula>INDIRECT("第１の３表②!"&amp;CELL("address",CC62))="×"</formula>
    </cfRule>
    <cfRule type="expression" dxfId="5690" priority="5695" stopIfTrue="1">
      <formula>ISBLANK(J62)=FALSE</formula>
    </cfRule>
  </conditionalFormatting>
  <conditionalFormatting sqref="M56:N57">
    <cfRule type="expression" dxfId="5689" priority="5686" stopIfTrue="1">
      <formula>ISBLANK(M56)=TRUE</formula>
    </cfRule>
    <cfRule type="expression" dxfId="5688" priority="5687" stopIfTrue="1">
      <formula>INDIRECT("第１の３表②!"&amp;CELL("address",CF56))="×××"</formula>
    </cfRule>
    <cfRule type="expression" dxfId="5687" priority="5688" stopIfTrue="1">
      <formula>INDIRECT("第１の３表②!"&amp;CELL("address",CF56))="××"</formula>
    </cfRule>
    <cfRule type="expression" dxfId="5686" priority="5689" stopIfTrue="1">
      <formula>INDIRECT("第１の３表②!"&amp;CELL("address",CF56))="×"</formula>
    </cfRule>
    <cfRule type="expression" dxfId="5685" priority="5690" stopIfTrue="1">
      <formula>ISBLANK(M56)=FALSE</formula>
    </cfRule>
  </conditionalFormatting>
  <conditionalFormatting sqref="M56:N57">
    <cfRule type="expression" dxfId="5684" priority="5681" stopIfTrue="1">
      <formula>ISBLANK(M56)=TRUE</formula>
    </cfRule>
    <cfRule type="expression" dxfId="5683" priority="5682" stopIfTrue="1">
      <formula>INDIRECT("第１の３表②!"&amp;CELL("address",CF56))="×××"</formula>
    </cfRule>
    <cfRule type="expression" dxfId="5682" priority="5683" stopIfTrue="1">
      <formula>INDIRECT("第１の３表②!"&amp;CELL("address",CF56))="××"</formula>
    </cfRule>
    <cfRule type="expression" dxfId="5681" priority="5684" stopIfTrue="1">
      <formula>INDIRECT("第１の３表②!"&amp;CELL("address",CF56))="×"</formula>
    </cfRule>
    <cfRule type="expression" dxfId="5680" priority="5685" stopIfTrue="1">
      <formula>ISBLANK(M56)=FALSE</formula>
    </cfRule>
  </conditionalFormatting>
  <conditionalFormatting sqref="M56:N57">
    <cfRule type="expression" dxfId="5679" priority="5676" stopIfTrue="1">
      <formula>ISBLANK(M56)=TRUE</formula>
    </cfRule>
    <cfRule type="expression" dxfId="5678" priority="5677" stopIfTrue="1">
      <formula>INDIRECT("第１の３表②!"&amp;CELL("address",CF56))="×××"</formula>
    </cfRule>
    <cfRule type="expression" dxfId="5677" priority="5678" stopIfTrue="1">
      <formula>INDIRECT("第１の３表②!"&amp;CELL("address",CF56))="××"</formula>
    </cfRule>
    <cfRule type="expression" dxfId="5676" priority="5679" stopIfTrue="1">
      <formula>INDIRECT("第１の３表②!"&amp;CELL("address",CF56))="×"</formula>
    </cfRule>
    <cfRule type="expression" dxfId="5675" priority="5680" stopIfTrue="1">
      <formula>ISBLANK(M56)=FALSE</formula>
    </cfRule>
  </conditionalFormatting>
  <conditionalFormatting sqref="M59:N60">
    <cfRule type="expression" dxfId="5674" priority="5671" stopIfTrue="1">
      <formula>ISBLANK(M59)=TRUE</formula>
    </cfRule>
    <cfRule type="expression" dxfId="5673" priority="5672" stopIfTrue="1">
      <formula>INDIRECT("第１の３表②!"&amp;CELL("address",CF59))="×××"</formula>
    </cfRule>
    <cfRule type="expression" dxfId="5672" priority="5673" stopIfTrue="1">
      <formula>INDIRECT("第１の３表②!"&amp;CELL("address",CF59))="××"</formula>
    </cfRule>
    <cfRule type="expression" dxfId="5671" priority="5674" stopIfTrue="1">
      <formula>INDIRECT("第１の３表②!"&amp;CELL("address",CF59))="×"</formula>
    </cfRule>
    <cfRule type="expression" dxfId="5670" priority="5675" stopIfTrue="1">
      <formula>ISBLANK(M59)=FALSE</formula>
    </cfRule>
  </conditionalFormatting>
  <conditionalFormatting sqref="M59:N60">
    <cfRule type="expression" dxfId="5669" priority="5666" stopIfTrue="1">
      <formula>ISBLANK(M59)=TRUE</formula>
    </cfRule>
    <cfRule type="expression" dxfId="5668" priority="5667" stopIfTrue="1">
      <formula>INDIRECT("第１の３表②!"&amp;CELL("address",CF59))="×××"</formula>
    </cfRule>
    <cfRule type="expression" dxfId="5667" priority="5668" stopIfTrue="1">
      <formula>INDIRECT("第１の３表②!"&amp;CELL("address",CF59))="××"</formula>
    </cfRule>
    <cfRule type="expression" dxfId="5666" priority="5669" stopIfTrue="1">
      <formula>INDIRECT("第１の３表②!"&amp;CELL("address",CF59))="×"</formula>
    </cfRule>
    <cfRule type="expression" dxfId="5665" priority="5670" stopIfTrue="1">
      <formula>ISBLANK(M59)=FALSE</formula>
    </cfRule>
  </conditionalFormatting>
  <conditionalFormatting sqref="M59:N60">
    <cfRule type="expression" dxfId="5664" priority="5661" stopIfTrue="1">
      <formula>ISBLANK(M59)=TRUE</formula>
    </cfRule>
    <cfRule type="expression" dxfId="5663" priority="5662" stopIfTrue="1">
      <formula>INDIRECT("第１の３表②!"&amp;CELL("address",CF59))="×××"</formula>
    </cfRule>
    <cfRule type="expression" dxfId="5662" priority="5663" stopIfTrue="1">
      <formula>INDIRECT("第１の３表②!"&amp;CELL("address",CF59))="××"</formula>
    </cfRule>
    <cfRule type="expression" dxfId="5661" priority="5664" stopIfTrue="1">
      <formula>INDIRECT("第１の３表②!"&amp;CELL("address",CF59))="×"</formula>
    </cfRule>
    <cfRule type="expression" dxfId="5660" priority="5665" stopIfTrue="1">
      <formula>ISBLANK(M59)=FALSE</formula>
    </cfRule>
  </conditionalFormatting>
  <conditionalFormatting sqref="M62:N63">
    <cfRule type="expression" dxfId="5659" priority="5656" stopIfTrue="1">
      <formula>ISBLANK(M62)=TRUE</formula>
    </cfRule>
    <cfRule type="expression" dxfId="5658" priority="5657" stopIfTrue="1">
      <formula>INDIRECT("第１の３表②!"&amp;CELL("address",CF62))="×××"</formula>
    </cfRule>
    <cfRule type="expression" dxfId="5657" priority="5658" stopIfTrue="1">
      <formula>INDIRECT("第１の３表②!"&amp;CELL("address",CF62))="××"</formula>
    </cfRule>
    <cfRule type="expression" dxfId="5656" priority="5659" stopIfTrue="1">
      <formula>INDIRECT("第１の３表②!"&amp;CELL("address",CF62))="×"</formula>
    </cfRule>
    <cfRule type="expression" dxfId="5655" priority="5660" stopIfTrue="1">
      <formula>ISBLANK(M62)=FALSE</formula>
    </cfRule>
  </conditionalFormatting>
  <conditionalFormatting sqref="M62:N63">
    <cfRule type="expression" dxfId="5654" priority="5651" stopIfTrue="1">
      <formula>ISBLANK(M62)=TRUE</formula>
    </cfRule>
    <cfRule type="expression" dxfId="5653" priority="5652" stopIfTrue="1">
      <formula>INDIRECT("第１の３表②!"&amp;CELL("address",CF62))="×××"</formula>
    </cfRule>
    <cfRule type="expression" dxfId="5652" priority="5653" stopIfTrue="1">
      <formula>INDIRECT("第１の３表②!"&amp;CELL("address",CF62))="××"</formula>
    </cfRule>
    <cfRule type="expression" dxfId="5651" priority="5654" stopIfTrue="1">
      <formula>INDIRECT("第１の３表②!"&amp;CELL("address",CF62))="×"</formula>
    </cfRule>
    <cfRule type="expression" dxfId="5650" priority="5655" stopIfTrue="1">
      <formula>ISBLANK(M62)=FALSE</formula>
    </cfRule>
  </conditionalFormatting>
  <conditionalFormatting sqref="M62:N63">
    <cfRule type="expression" dxfId="5649" priority="5646" stopIfTrue="1">
      <formula>ISBLANK(M62)=TRUE</formula>
    </cfRule>
    <cfRule type="expression" dxfId="5648" priority="5647" stopIfTrue="1">
      <formula>INDIRECT("第１の３表②!"&amp;CELL("address",CF62))="×××"</formula>
    </cfRule>
    <cfRule type="expression" dxfId="5647" priority="5648" stopIfTrue="1">
      <formula>INDIRECT("第１の３表②!"&amp;CELL("address",CF62))="××"</formula>
    </cfRule>
    <cfRule type="expression" dxfId="5646" priority="5649" stopIfTrue="1">
      <formula>INDIRECT("第１の３表②!"&amp;CELL("address",CF62))="×"</formula>
    </cfRule>
    <cfRule type="expression" dxfId="5645" priority="5650" stopIfTrue="1">
      <formula>ISBLANK(M62)=FALSE</formula>
    </cfRule>
  </conditionalFormatting>
  <conditionalFormatting sqref="P56:Q57">
    <cfRule type="expression" dxfId="5644" priority="5641" stopIfTrue="1">
      <formula>ISBLANK(P56)=TRUE</formula>
    </cfRule>
    <cfRule type="expression" dxfId="5643" priority="5642" stopIfTrue="1">
      <formula>INDIRECT("第１の３表②!"&amp;CELL("address",CI56))="×××"</formula>
    </cfRule>
    <cfRule type="expression" dxfId="5642" priority="5643" stopIfTrue="1">
      <formula>INDIRECT("第１の３表②!"&amp;CELL("address",CI56))="××"</formula>
    </cfRule>
    <cfRule type="expression" dxfId="5641" priority="5644" stopIfTrue="1">
      <formula>INDIRECT("第１の３表②!"&amp;CELL("address",CI56))="×"</formula>
    </cfRule>
    <cfRule type="expression" dxfId="5640" priority="5645" stopIfTrue="1">
      <formula>ISBLANK(P56)=FALSE</formula>
    </cfRule>
  </conditionalFormatting>
  <conditionalFormatting sqref="P56:Q57">
    <cfRule type="expression" dxfId="5639" priority="5636" stopIfTrue="1">
      <formula>ISBLANK(P56)=TRUE</formula>
    </cfRule>
    <cfRule type="expression" dxfId="5638" priority="5637" stopIfTrue="1">
      <formula>INDIRECT("第１の３表②!"&amp;CELL("address",CI56))="×××"</formula>
    </cfRule>
    <cfRule type="expression" dxfId="5637" priority="5638" stopIfTrue="1">
      <formula>INDIRECT("第１の３表②!"&amp;CELL("address",CI56))="××"</formula>
    </cfRule>
    <cfRule type="expression" dxfId="5636" priority="5639" stopIfTrue="1">
      <formula>INDIRECT("第１の３表②!"&amp;CELL("address",CI56))="×"</formula>
    </cfRule>
    <cfRule type="expression" dxfId="5635" priority="5640" stopIfTrue="1">
      <formula>ISBLANK(P56)=FALSE</formula>
    </cfRule>
  </conditionalFormatting>
  <conditionalFormatting sqref="P56:Q57">
    <cfRule type="expression" dxfId="5634" priority="5631" stopIfTrue="1">
      <formula>ISBLANK(P56)=TRUE</formula>
    </cfRule>
    <cfRule type="expression" dxfId="5633" priority="5632" stopIfTrue="1">
      <formula>INDIRECT("第１の３表②!"&amp;CELL("address",CI56))="×××"</formula>
    </cfRule>
    <cfRule type="expression" dxfId="5632" priority="5633" stopIfTrue="1">
      <formula>INDIRECT("第１の３表②!"&amp;CELL("address",CI56))="××"</formula>
    </cfRule>
    <cfRule type="expression" dxfId="5631" priority="5634" stopIfTrue="1">
      <formula>INDIRECT("第１の３表②!"&amp;CELL("address",CI56))="×"</formula>
    </cfRule>
    <cfRule type="expression" dxfId="5630" priority="5635" stopIfTrue="1">
      <formula>ISBLANK(P56)=FALSE</formula>
    </cfRule>
  </conditionalFormatting>
  <conditionalFormatting sqref="P59:Q60">
    <cfRule type="expression" dxfId="5629" priority="5626" stopIfTrue="1">
      <formula>ISBLANK(P59)=TRUE</formula>
    </cfRule>
    <cfRule type="expression" dxfId="5628" priority="5627" stopIfTrue="1">
      <formula>INDIRECT("第１の３表②!"&amp;CELL("address",CI59))="×××"</formula>
    </cfRule>
    <cfRule type="expression" dxfId="5627" priority="5628" stopIfTrue="1">
      <formula>INDIRECT("第１の３表②!"&amp;CELL("address",CI59))="××"</formula>
    </cfRule>
    <cfRule type="expression" dxfId="5626" priority="5629" stopIfTrue="1">
      <formula>INDIRECT("第１の３表②!"&amp;CELL("address",CI59))="×"</formula>
    </cfRule>
    <cfRule type="expression" dxfId="5625" priority="5630" stopIfTrue="1">
      <formula>ISBLANK(P59)=FALSE</formula>
    </cfRule>
  </conditionalFormatting>
  <conditionalFormatting sqref="P59:Q60">
    <cfRule type="expression" dxfId="5624" priority="5621" stopIfTrue="1">
      <formula>ISBLANK(P59)=TRUE</formula>
    </cfRule>
    <cfRule type="expression" dxfId="5623" priority="5622" stopIfTrue="1">
      <formula>INDIRECT("第１の３表②!"&amp;CELL("address",CI59))="×××"</formula>
    </cfRule>
    <cfRule type="expression" dxfId="5622" priority="5623" stopIfTrue="1">
      <formula>INDIRECT("第１の３表②!"&amp;CELL("address",CI59))="××"</formula>
    </cfRule>
    <cfRule type="expression" dxfId="5621" priority="5624" stopIfTrue="1">
      <formula>INDIRECT("第１の３表②!"&amp;CELL("address",CI59))="×"</formula>
    </cfRule>
    <cfRule type="expression" dxfId="5620" priority="5625" stopIfTrue="1">
      <formula>ISBLANK(P59)=FALSE</formula>
    </cfRule>
  </conditionalFormatting>
  <conditionalFormatting sqref="P59:Q60">
    <cfRule type="expression" dxfId="5619" priority="5616" stopIfTrue="1">
      <formula>ISBLANK(P59)=TRUE</formula>
    </cfRule>
    <cfRule type="expression" dxfId="5618" priority="5617" stopIfTrue="1">
      <formula>INDIRECT("第１の３表②!"&amp;CELL("address",CI59))="×××"</formula>
    </cfRule>
    <cfRule type="expression" dxfId="5617" priority="5618" stopIfTrue="1">
      <formula>INDIRECT("第１の３表②!"&amp;CELL("address",CI59))="××"</formula>
    </cfRule>
    <cfRule type="expression" dxfId="5616" priority="5619" stopIfTrue="1">
      <formula>INDIRECT("第１の３表②!"&amp;CELL("address",CI59))="×"</formula>
    </cfRule>
    <cfRule type="expression" dxfId="5615" priority="5620" stopIfTrue="1">
      <formula>ISBLANK(P59)=FALSE</formula>
    </cfRule>
  </conditionalFormatting>
  <conditionalFormatting sqref="P62:Q63">
    <cfRule type="expression" dxfId="5614" priority="5611" stopIfTrue="1">
      <formula>ISBLANK(P62)=TRUE</formula>
    </cfRule>
    <cfRule type="expression" dxfId="5613" priority="5612" stopIfTrue="1">
      <formula>INDIRECT("第１の３表②!"&amp;CELL("address",CI62))="×××"</formula>
    </cfRule>
    <cfRule type="expression" dxfId="5612" priority="5613" stopIfTrue="1">
      <formula>INDIRECT("第１の３表②!"&amp;CELL("address",CI62))="××"</formula>
    </cfRule>
    <cfRule type="expression" dxfId="5611" priority="5614" stopIfTrue="1">
      <formula>INDIRECT("第１の３表②!"&amp;CELL("address",CI62))="×"</formula>
    </cfRule>
    <cfRule type="expression" dxfId="5610" priority="5615" stopIfTrue="1">
      <formula>ISBLANK(P62)=FALSE</formula>
    </cfRule>
  </conditionalFormatting>
  <conditionalFormatting sqref="P62:Q63">
    <cfRule type="expression" dxfId="5609" priority="5606" stopIfTrue="1">
      <formula>ISBLANK(P62)=TRUE</formula>
    </cfRule>
    <cfRule type="expression" dxfId="5608" priority="5607" stopIfTrue="1">
      <formula>INDIRECT("第１の３表②!"&amp;CELL("address",CI62))="×××"</formula>
    </cfRule>
    <cfRule type="expression" dxfId="5607" priority="5608" stopIfTrue="1">
      <formula>INDIRECT("第１の３表②!"&amp;CELL("address",CI62))="××"</formula>
    </cfRule>
    <cfRule type="expression" dxfId="5606" priority="5609" stopIfTrue="1">
      <formula>INDIRECT("第１の３表②!"&amp;CELL("address",CI62))="×"</formula>
    </cfRule>
    <cfRule type="expression" dxfId="5605" priority="5610" stopIfTrue="1">
      <formula>ISBLANK(P62)=FALSE</formula>
    </cfRule>
  </conditionalFormatting>
  <conditionalFormatting sqref="P62:Q63">
    <cfRule type="expression" dxfId="5604" priority="5601" stopIfTrue="1">
      <formula>ISBLANK(P62)=TRUE</formula>
    </cfRule>
    <cfRule type="expression" dxfId="5603" priority="5602" stopIfTrue="1">
      <formula>INDIRECT("第１の３表②!"&amp;CELL("address",CI62))="×××"</formula>
    </cfRule>
    <cfRule type="expression" dxfId="5602" priority="5603" stopIfTrue="1">
      <formula>INDIRECT("第１の３表②!"&amp;CELL("address",CI62))="××"</formula>
    </cfRule>
    <cfRule type="expression" dxfId="5601" priority="5604" stopIfTrue="1">
      <formula>INDIRECT("第１の３表②!"&amp;CELL("address",CI62))="×"</formula>
    </cfRule>
    <cfRule type="expression" dxfId="5600" priority="5605" stopIfTrue="1">
      <formula>ISBLANK(P62)=FALSE</formula>
    </cfRule>
  </conditionalFormatting>
  <conditionalFormatting sqref="S56:T57">
    <cfRule type="expression" dxfId="5599" priority="5596" stopIfTrue="1">
      <formula>ISBLANK(S56)=TRUE</formula>
    </cfRule>
    <cfRule type="expression" dxfId="5598" priority="5597" stopIfTrue="1">
      <formula>INDIRECT("第１の３表②!"&amp;CELL("address",CL56))="×××"</formula>
    </cfRule>
    <cfRule type="expression" dxfId="5597" priority="5598" stopIfTrue="1">
      <formula>INDIRECT("第１の３表②!"&amp;CELL("address",CL56))="××"</formula>
    </cfRule>
    <cfRule type="expression" dxfId="5596" priority="5599" stopIfTrue="1">
      <formula>INDIRECT("第１の３表②!"&amp;CELL("address",CL56))="×"</formula>
    </cfRule>
    <cfRule type="expression" dxfId="5595" priority="5600" stopIfTrue="1">
      <formula>ISBLANK(S56)=FALSE</formula>
    </cfRule>
  </conditionalFormatting>
  <conditionalFormatting sqref="S56:T57">
    <cfRule type="expression" dxfId="5594" priority="5591" stopIfTrue="1">
      <formula>ISBLANK(S56)=TRUE</formula>
    </cfRule>
    <cfRule type="expression" dxfId="5593" priority="5592" stopIfTrue="1">
      <formula>INDIRECT("第１の３表②!"&amp;CELL("address",CL56))="×××"</formula>
    </cfRule>
    <cfRule type="expression" dxfId="5592" priority="5593" stopIfTrue="1">
      <formula>INDIRECT("第１の３表②!"&amp;CELL("address",CL56))="××"</formula>
    </cfRule>
    <cfRule type="expression" dxfId="5591" priority="5594" stopIfTrue="1">
      <formula>INDIRECT("第１の３表②!"&amp;CELL("address",CL56))="×"</formula>
    </cfRule>
    <cfRule type="expression" dxfId="5590" priority="5595" stopIfTrue="1">
      <formula>ISBLANK(S56)=FALSE</formula>
    </cfRule>
  </conditionalFormatting>
  <conditionalFormatting sqref="S56:T57">
    <cfRule type="expression" dxfId="5589" priority="5586" stopIfTrue="1">
      <formula>ISBLANK(S56)=TRUE</formula>
    </cfRule>
    <cfRule type="expression" dxfId="5588" priority="5587" stopIfTrue="1">
      <formula>INDIRECT("第１の３表②!"&amp;CELL("address",CL56))="×××"</formula>
    </cfRule>
    <cfRule type="expression" dxfId="5587" priority="5588" stopIfTrue="1">
      <formula>INDIRECT("第１の３表②!"&amp;CELL("address",CL56))="××"</formula>
    </cfRule>
    <cfRule type="expression" dxfId="5586" priority="5589" stopIfTrue="1">
      <formula>INDIRECT("第１の３表②!"&amp;CELL("address",CL56))="×"</formula>
    </cfRule>
    <cfRule type="expression" dxfId="5585" priority="5590" stopIfTrue="1">
      <formula>ISBLANK(S56)=FALSE</formula>
    </cfRule>
  </conditionalFormatting>
  <conditionalFormatting sqref="S59:T60">
    <cfRule type="expression" dxfId="5584" priority="5581" stopIfTrue="1">
      <formula>ISBLANK(S59)=TRUE</formula>
    </cfRule>
    <cfRule type="expression" dxfId="5583" priority="5582" stopIfTrue="1">
      <formula>INDIRECT("第１の３表②!"&amp;CELL("address",CL59))="×××"</formula>
    </cfRule>
    <cfRule type="expression" dxfId="5582" priority="5583" stopIfTrue="1">
      <formula>INDIRECT("第１の３表②!"&amp;CELL("address",CL59))="××"</formula>
    </cfRule>
    <cfRule type="expression" dxfId="5581" priority="5584" stopIfTrue="1">
      <formula>INDIRECT("第１の３表②!"&amp;CELL("address",CL59))="×"</formula>
    </cfRule>
    <cfRule type="expression" dxfId="5580" priority="5585" stopIfTrue="1">
      <formula>ISBLANK(S59)=FALSE</formula>
    </cfRule>
  </conditionalFormatting>
  <conditionalFormatting sqref="S59:T60">
    <cfRule type="expression" dxfId="5579" priority="5576" stopIfTrue="1">
      <formula>ISBLANK(S59)=TRUE</formula>
    </cfRule>
    <cfRule type="expression" dxfId="5578" priority="5577" stopIfTrue="1">
      <formula>INDIRECT("第１の３表②!"&amp;CELL("address",CL59))="×××"</formula>
    </cfRule>
    <cfRule type="expression" dxfId="5577" priority="5578" stopIfTrue="1">
      <formula>INDIRECT("第１の３表②!"&amp;CELL("address",CL59))="××"</formula>
    </cfRule>
    <cfRule type="expression" dxfId="5576" priority="5579" stopIfTrue="1">
      <formula>INDIRECT("第１の３表②!"&amp;CELL("address",CL59))="×"</formula>
    </cfRule>
    <cfRule type="expression" dxfId="5575" priority="5580" stopIfTrue="1">
      <formula>ISBLANK(S59)=FALSE</formula>
    </cfRule>
  </conditionalFormatting>
  <conditionalFormatting sqref="S59:T60">
    <cfRule type="expression" dxfId="5574" priority="5571" stopIfTrue="1">
      <formula>ISBLANK(S59)=TRUE</formula>
    </cfRule>
    <cfRule type="expression" dxfId="5573" priority="5572" stopIfTrue="1">
      <formula>INDIRECT("第１の３表②!"&amp;CELL("address",CL59))="×××"</formula>
    </cfRule>
    <cfRule type="expression" dxfId="5572" priority="5573" stopIfTrue="1">
      <formula>INDIRECT("第１の３表②!"&amp;CELL("address",CL59))="××"</formula>
    </cfRule>
    <cfRule type="expression" dxfId="5571" priority="5574" stopIfTrue="1">
      <formula>INDIRECT("第１の３表②!"&amp;CELL("address",CL59))="×"</formula>
    </cfRule>
    <cfRule type="expression" dxfId="5570" priority="5575" stopIfTrue="1">
      <formula>ISBLANK(S59)=FALSE</formula>
    </cfRule>
  </conditionalFormatting>
  <conditionalFormatting sqref="S62:T63">
    <cfRule type="expression" dxfId="5569" priority="5566" stopIfTrue="1">
      <formula>ISBLANK(S62)=TRUE</formula>
    </cfRule>
    <cfRule type="expression" dxfId="5568" priority="5567" stopIfTrue="1">
      <formula>INDIRECT("第１の３表②!"&amp;CELL("address",CL62))="×××"</formula>
    </cfRule>
    <cfRule type="expression" dxfId="5567" priority="5568" stopIfTrue="1">
      <formula>INDIRECT("第１の３表②!"&amp;CELL("address",CL62))="××"</formula>
    </cfRule>
    <cfRule type="expression" dxfId="5566" priority="5569" stopIfTrue="1">
      <formula>INDIRECT("第１の３表②!"&amp;CELL("address",CL62))="×"</formula>
    </cfRule>
    <cfRule type="expression" dxfId="5565" priority="5570" stopIfTrue="1">
      <formula>ISBLANK(S62)=FALSE</formula>
    </cfRule>
  </conditionalFormatting>
  <conditionalFormatting sqref="S62:T63">
    <cfRule type="expression" dxfId="5564" priority="5561" stopIfTrue="1">
      <formula>ISBLANK(S62)=TRUE</formula>
    </cfRule>
    <cfRule type="expression" dxfId="5563" priority="5562" stopIfTrue="1">
      <formula>INDIRECT("第１の３表②!"&amp;CELL("address",CL62))="×××"</formula>
    </cfRule>
    <cfRule type="expression" dxfId="5562" priority="5563" stopIfTrue="1">
      <formula>INDIRECT("第１の３表②!"&amp;CELL("address",CL62))="××"</formula>
    </cfRule>
    <cfRule type="expression" dxfId="5561" priority="5564" stopIfTrue="1">
      <formula>INDIRECT("第１の３表②!"&amp;CELL("address",CL62))="×"</formula>
    </cfRule>
    <cfRule type="expression" dxfId="5560" priority="5565" stopIfTrue="1">
      <formula>ISBLANK(S62)=FALSE</formula>
    </cfRule>
  </conditionalFormatting>
  <conditionalFormatting sqref="S62:T63">
    <cfRule type="expression" dxfId="5559" priority="5556" stopIfTrue="1">
      <formula>ISBLANK(S62)=TRUE</formula>
    </cfRule>
    <cfRule type="expression" dxfId="5558" priority="5557" stopIfTrue="1">
      <formula>INDIRECT("第１の３表②!"&amp;CELL("address",CL62))="×××"</formula>
    </cfRule>
    <cfRule type="expression" dxfId="5557" priority="5558" stopIfTrue="1">
      <formula>INDIRECT("第１の３表②!"&amp;CELL("address",CL62))="××"</formula>
    </cfRule>
    <cfRule type="expression" dxfId="5556" priority="5559" stopIfTrue="1">
      <formula>INDIRECT("第１の３表②!"&amp;CELL("address",CL62))="×"</formula>
    </cfRule>
    <cfRule type="expression" dxfId="5555" priority="5560" stopIfTrue="1">
      <formula>ISBLANK(S62)=FALSE</formula>
    </cfRule>
  </conditionalFormatting>
  <conditionalFormatting sqref="V56:W57">
    <cfRule type="expression" dxfId="5554" priority="5551" stopIfTrue="1">
      <formula>ISBLANK(V56)=TRUE</formula>
    </cfRule>
    <cfRule type="expression" dxfId="5553" priority="5552" stopIfTrue="1">
      <formula>INDIRECT("第１の３表②!"&amp;CELL("address",CO56))="×××"</formula>
    </cfRule>
    <cfRule type="expression" dxfId="5552" priority="5553" stopIfTrue="1">
      <formula>INDIRECT("第１の３表②!"&amp;CELL("address",CO56))="××"</formula>
    </cfRule>
    <cfRule type="expression" dxfId="5551" priority="5554" stopIfTrue="1">
      <formula>INDIRECT("第１の３表②!"&amp;CELL("address",CO56))="×"</formula>
    </cfRule>
    <cfRule type="expression" dxfId="5550" priority="5555" stopIfTrue="1">
      <formula>ISBLANK(V56)=FALSE</formula>
    </cfRule>
  </conditionalFormatting>
  <conditionalFormatting sqref="V56:W57">
    <cfRule type="expression" dxfId="5549" priority="5546" stopIfTrue="1">
      <formula>ISBLANK(V56)=TRUE</formula>
    </cfRule>
    <cfRule type="expression" dxfId="5548" priority="5547" stopIfTrue="1">
      <formula>INDIRECT("第１の３表②!"&amp;CELL("address",CO56))="×××"</formula>
    </cfRule>
    <cfRule type="expression" dxfId="5547" priority="5548" stopIfTrue="1">
      <formula>INDIRECT("第１の３表②!"&amp;CELL("address",CO56))="××"</formula>
    </cfRule>
    <cfRule type="expression" dxfId="5546" priority="5549" stopIfTrue="1">
      <formula>INDIRECT("第１の３表②!"&amp;CELL("address",CO56))="×"</formula>
    </cfRule>
    <cfRule type="expression" dxfId="5545" priority="5550" stopIfTrue="1">
      <formula>ISBLANK(V56)=FALSE</formula>
    </cfRule>
  </conditionalFormatting>
  <conditionalFormatting sqref="V56:W57">
    <cfRule type="expression" dxfId="5544" priority="5541" stopIfTrue="1">
      <formula>ISBLANK(V56)=TRUE</formula>
    </cfRule>
    <cfRule type="expression" dxfId="5543" priority="5542" stopIfTrue="1">
      <formula>INDIRECT("第１の３表②!"&amp;CELL("address",CO56))="×××"</formula>
    </cfRule>
    <cfRule type="expression" dxfId="5542" priority="5543" stopIfTrue="1">
      <formula>INDIRECT("第１の３表②!"&amp;CELL("address",CO56))="××"</formula>
    </cfRule>
    <cfRule type="expression" dxfId="5541" priority="5544" stopIfTrue="1">
      <formula>INDIRECT("第１の３表②!"&amp;CELL("address",CO56))="×"</formula>
    </cfRule>
    <cfRule type="expression" dxfId="5540" priority="5545" stopIfTrue="1">
      <formula>ISBLANK(V56)=FALSE</formula>
    </cfRule>
  </conditionalFormatting>
  <conditionalFormatting sqref="V59:W60">
    <cfRule type="expression" dxfId="5539" priority="5536" stopIfTrue="1">
      <formula>ISBLANK(V59)=TRUE</formula>
    </cfRule>
    <cfRule type="expression" dxfId="5538" priority="5537" stopIfTrue="1">
      <formula>INDIRECT("第１の３表②!"&amp;CELL("address",CO59))="×××"</formula>
    </cfRule>
    <cfRule type="expression" dxfId="5537" priority="5538" stopIfTrue="1">
      <formula>INDIRECT("第１の３表②!"&amp;CELL("address",CO59))="××"</formula>
    </cfRule>
    <cfRule type="expression" dxfId="5536" priority="5539" stopIfTrue="1">
      <formula>INDIRECT("第１の３表②!"&amp;CELL("address",CO59))="×"</formula>
    </cfRule>
    <cfRule type="expression" dxfId="5535" priority="5540" stopIfTrue="1">
      <formula>ISBLANK(V59)=FALSE</formula>
    </cfRule>
  </conditionalFormatting>
  <conditionalFormatting sqref="V59:W60">
    <cfRule type="expression" dxfId="5534" priority="5531" stopIfTrue="1">
      <formula>ISBLANK(V59)=TRUE</formula>
    </cfRule>
    <cfRule type="expression" dxfId="5533" priority="5532" stopIfTrue="1">
      <formula>INDIRECT("第１の３表②!"&amp;CELL("address",CO59))="×××"</formula>
    </cfRule>
    <cfRule type="expression" dxfId="5532" priority="5533" stopIfTrue="1">
      <formula>INDIRECT("第１の３表②!"&amp;CELL("address",CO59))="××"</formula>
    </cfRule>
    <cfRule type="expression" dxfId="5531" priority="5534" stopIfTrue="1">
      <formula>INDIRECT("第１の３表②!"&amp;CELL("address",CO59))="×"</formula>
    </cfRule>
    <cfRule type="expression" dxfId="5530" priority="5535" stopIfTrue="1">
      <formula>ISBLANK(V59)=FALSE</formula>
    </cfRule>
  </conditionalFormatting>
  <conditionalFormatting sqref="V59:W60">
    <cfRule type="expression" dxfId="5529" priority="5526" stopIfTrue="1">
      <formula>ISBLANK(V59)=TRUE</formula>
    </cfRule>
    <cfRule type="expression" dxfId="5528" priority="5527" stopIfTrue="1">
      <formula>INDIRECT("第１の３表②!"&amp;CELL("address",CO59))="×××"</formula>
    </cfRule>
    <cfRule type="expression" dxfId="5527" priority="5528" stopIfTrue="1">
      <formula>INDIRECT("第１の３表②!"&amp;CELL("address",CO59))="××"</formula>
    </cfRule>
    <cfRule type="expression" dxfId="5526" priority="5529" stopIfTrue="1">
      <formula>INDIRECT("第１の３表②!"&amp;CELL("address",CO59))="×"</formula>
    </cfRule>
    <cfRule type="expression" dxfId="5525" priority="5530" stopIfTrue="1">
      <formula>ISBLANK(V59)=FALSE</formula>
    </cfRule>
  </conditionalFormatting>
  <conditionalFormatting sqref="V62:W63">
    <cfRule type="expression" dxfId="5524" priority="5521" stopIfTrue="1">
      <formula>ISBLANK(V62)=TRUE</formula>
    </cfRule>
    <cfRule type="expression" dxfId="5523" priority="5522" stopIfTrue="1">
      <formula>INDIRECT("第１の３表②!"&amp;CELL("address",CO62))="×××"</formula>
    </cfRule>
    <cfRule type="expression" dxfId="5522" priority="5523" stopIfTrue="1">
      <formula>INDIRECT("第１の３表②!"&amp;CELL("address",CO62))="××"</formula>
    </cfRule>
    <cfRule type="expression" dxfId="5521" priority="5524" stopIfTrue="1">
      <formula>INDIRECT("第１の３表②!"&amp;CELL("address",CO62))="×"</formula>
    </cfRule>
    <cfRule type="expression" dxfId="5520" priority="5525" stopIfTrue="1">
      <formula>ISBLANK(V62)=FALSE</formula>
    </cfRule>
  </conditionalFormatting>
  <conditionalFormatting sqref="V62:W63">
    <cfRule type="expression" dxfId="5519" priority="5516" stopIfTrue="1">
      <formula>ISBLANK(V62)=TRUE</formula>
    </cfRule>
    <cfRule type="expression" dxfId="5518" priority="5517" stopIfTrue="1">
      <formula>INDIRECT("第１の３表②!"&amp;CELL("address",CO62))="×××"</formula>
    </cfRule>
    <cfRule type="expression" dxfId="5517" priority="5518" stopIfTrue="1">
      <formula>INDIRECT("第１の３表②!"&amp;CELL("address",CO62))="××"</formula>
    </cfRule>
    <cfRule type="expression" dxfId="5516" priority="5519" stopIfTrue="1">
      <formula>INDIRECT("第１の３表②!"&amp;CELL("address",CO62))="×"</formula>
    </cfRule>
    <cfRule type="expression" dxfId="5515" priority="5520" stopIfTrue="1">
      <formula>ISBLANK(V62)=FALSE</formula>
    </cfRule>
  </conditionalFormatting>
  <conditionalFormatting sqref="V62:W63">
    <cfRule type="expression" dxfId="5514" priority="5511" stopIfTrue="1">
      <formula>ISBLANK(V62)=TRUE</formula>
    </cfRule>
    <cfRule type="expression" dxfId="5513" priority="5512" stopIfTrue="1">
      <formula>INDIRECT("第１の３表②!"&amp;CELL("address",CO62))="×××"</formula>
    </cfRule>
    <cfRule type="expression" dxfId="5512" priority="5513" stopIfTrue="1">
      <formula>INDIRECT("第１の３表②!"&amp;CELL("address",CO62))="××"</formula>
    </cfRule>
    <cfRule type="expression" dxfId="5511" priority="5514" stopIfTrue="1">
      <formula>INDIRECT("第１の３表②!"&amp;CELL("address",CO62))="×"</formula>
    </cfRule>
    <cfRule type="expression" dxfId="5510" priority="5515" stopIfTrue="1">
      <formula>ISBLANK(V62)=FALSE</formula>
    </cfRule>
  </conditionalFormatting>
  <conditionalFormatting sqref="Y56:Z57">
    <cfRule type="expression" dxfId="5509" priority="5506" stopIfTrue="1">
      <formula>ISBLANK(Y56)=TRUE</formula>
    </cfRule>
    <cfRule type="expression" dxfId="5508" priority="5507" stopIfTrue="1">
      <formula>INDIRECT("第１の３表②!"&amp;CELL("address",CR56))="×××"</formula>
    </cfRule>
    <cfRule type="expression" dxfId="5507" priority="5508" stopIfTrue="1">
      <formula>INDIRECT("第１の３表②!"&amp;CELL("address",CR56))="××"</formula>
    </cfRule>
    <cfRule type="expression" dxfId="5506" priority="5509" stopIfTrue="1">
      <formula>INDIRECT("第１の３表②!"&amp;CELL("address",CR56))="×"</formula>
    </cfRule>
    <cfRule type="expression" dxfId="5505" priority="5510" stopIfTrue="1">
      <formula>ISBLANK(Y56)=FALSE</formula>
    </cfRule>
  </conditionalFormatting>
  <conditionalFormatting sqref="Y56:Z57">
    <cfRule type="expression" dxfId="5504" priority="5501" stopIfTrue="1">
      <formula>ISBLANK(Y56)=TRUE</formula>
    </cfRule>
    <cfRule type="expression" dxfId="5503" priority="5502" stopIfTrue="1">
      <formula>INDIRECT("第１の３表②!"&amp;CELL("address",CR56))="×××"</formula>
    </cfRule>
    <cfRule type="expression" dxfId="5502" priority="5503" stopIfTrue="1">
      <formula>INDIRECT("第１の３表②!"&amp;CELL("address",CR56))="××"</formula>
    </cfRule>
    <cfRule type="expression" dxfId="5501" priority="5504" stopIfTrue="1">
      <formula>INDIRECT("第１の３表②!"&amp;CELL("address",CR56))="×"</formula>
    </cfRule>
    <cfRule type="expression" dxfId="5500" priority="5505" stopIfTrue="1">
      <formula>ISBLANK(Y56)=FALSE</formula>
    </cfRule>
  </conditionalFormatting>
  <conditionalFormatting sqref="Y56:Z57">
    <cfRule type="expression" dxfId="5499" priority="5496" stopIfTrue="1">
      <formula>ISBLANK(Y56)=TRUE</formula>
    </cfRule>
    <cfRule type="expression" dxfId="5498" priority="5497" stopIfTrue="1">
      <formula>INDIRECT("第１の３表②!"&amp;CELL("address",CR56))="×××"</formula>
    </cfRule>
    <cfRule type="expression" dxfId="5497" priority="5498" stopIfTrue="1">
      <formula>INDIRECT("第１の３表②!"&amp;CELL("address",CR56))="××"</formula>
    </cfRule>
    <cfRule type="expression" dxfId="5496" priority="5499" stopIfTrue="1">
      <formula>INDIRECT("第１の３表②!"&amp;CELL("address",CR56))="×"</formula>
    </cfRule>
    <cfRule type="expression" dxfId="5495" priority="5500" stopIfTrue="1">
      <formula>ISBLANK(Y56)=FALSE</formula>
    </cfRule>
  </conditionalFormatting>
  <conditionalFormatting sqref="Y59:Z60">
    <cfRule type="expression" dxfId="5494" priority="5491" stopIfTrue="1">
      <formula>ISBLANK(Y59)=TRUE</formula>
    </cfRule>
    <cfRule type="expression" dxfId="5493" priority="5492" stopIfTrue="1">
      <formula>INDIRECT("第１の３表②!"&amp;CELL("address",CR59))="×××"</formula>
    </cfRule>
    <cfRule type="expression" dxfId="5492" priority="5493" stopIfTrue="1">
      <formula>INDIRECT("第１の３表②!"&amp;CELL("address",CR59))="××"</formula>
    </cfRule>
    <cfRule type="expression" dxfId="5491" priority="5494" stopIfTrue="1">
      <formula>INDIRECT("第１の３表②!"&amp;CELL("address",CR59))="×"</formula>
    </cfRule>
    <cfRule type="expression" dxfId="5490" priority="5495" stopIfTrue="1">
      <formula>ISBLANK(Y59)=FALSE</formula>
    </cfRule>
  </conditionalFormatting>
  <conditionalFormatting sqref="Y59:Z60">
    <cfRule type="expression" dxfId="5489" priority="5486" stopIfTrue="1">
      <formula>ISBLANK(Y59)=TRUE</formula>
    </cfRule>
    <cfRule type="expression" dxfId="5488" priority="5487" stopIfTrue="1">
      <formula>INDIRECT("第１の３表②!"&amp;CELL("address",CR59))="×××"</formula>
    </cfRule>
    <cfRule type="expression" dxfId="5487" priority="5488" stopIfTrue="1">
      <formula>INDIRECT("第１の３表②!"&amp;CELL("address",CR59))="××"</formula>
    </cfRule>
    <cfRule type="expression" dxfId="5486" priority="5489" stopIfTrue="1">
      <formula>INDIRECT("第１の３表②!"&amp;CELL("address",CR59))="×"</formula>
    </cfRule>
    <cfRule type="expression" dxfId="5485" priority="5490" stopIfTrue="1">
      <formula>ISBLANK(Y59)=FALSE</formula>
    </cfRule>
  </conditionalFormatting>
  <conditionalFormatting sqref="Y59:Z60">
    <cfRule type="expression" dxfId="5484" priority="5481" stopIfTrue="1">
      <formula>ISBLANK(Y59)=TRUE</formula>
    </cfRule>
    <cfRule type="expression" dxfId="5483" priority="5482" stopIfTrue="1">
      <formula>INDIRECT("第１の３表②!"&amp;CELL("address",CR59))="×××"</formula>
    </cfRule>
    <cfRule type="expression" dxfId="5482" priority="5483" stopIfTrue="1">
      <formula>INDIRECT("第１の３表②!"&amp;CELL("address",CR59))="××"</formula>
    </cfRule>
    <cfRule type="expression" dxfId="5481" priority="5484" stopIfTrue="1">
      <formula>INDIRECT("第１の３表②!"&amp;CELL("address",CR59))="×"</formula>
    </cfRule>
    <cfRule type="expression" dxfId="5480" priority="5485" stopIfTrue="1">
      <formula>ISBLANK(Y59)=FALSE</formula>
    </cfRule>
  </conditionalFormatting>
  <conditionalFormatting sqref="Y62:Z63">
    <cfRule type="expression" dxfId="5479" priority="5476" stopIfTrue="1">
      <formula>ISBLANK(Y62)=TRUE</formula>
    </cfRule>
    <cfRule type="expression" dxfId="5478" priority="5477" stopIfTrue="1">
      <formula>INDIRECT("第１の３表②!"&amp;CELL("address",CR62))="×××"</formula>
    </cfRule>
    <cfRule type="expression" dxfId="5477" priority="5478" stopIfTrue="1">
      <formula>INDIRECT("第１の３表②!"&amp;CELL("address",CR62))="××"</formula>
    </cfRule>
    <cfRule type="expression" dxfId="5476" priority="5479" stopIfTrue="1">
      <formula>INDIRECT("第１の３表②!"&amp;CELL("address",CR62))="×"</formula>
    </cfRule>
    <cfRule type="expression" dxfId="5475" priority="5480" stopIfTrue="1">
      <formula>ISBLANK(Y62)=FALSE</formula>
    </cfRule>
  </conditionalFormatting>
  <conditionalFormatting sqref="Y62:Z63">
    <cfRule type="expression" dxfId="5474" priority="5471" stopIfTrue="1">
      <formula>ISBLANK(Y62)=TRUE</formula>
    </cfRule>
    <cfRule type="expression" dxfId="5473" priority="5472" stopIfTrue="1">
      <formula>INDIRECT("第１の３表②!"&amp;CELL("address",CR62))="×××"</formula>
    </cfRule>
    <cfRule type="expression" dxfId="5472" priority="5473" stopIfTrue="1">
      <formula>INDIRECT("第１の３表②!"&amp;CELL("address",CR62))="××"</formula>
    </cfRule>
    <cfRule type="expression" dxfId="5471" priority="5474" stopIfTrue="1">
      <formula>INDIRECT("第１の３表②!"&amp;CELL("address",CR62))="×"</formula>
    </cfRule>
    <cfRule type="expression" dxfId="5470" priority="5475" stopIfTrue="1">
      <formula>ISBLANK(Y62)=FALSE</formula>
    </cfRule>
  </conditionalFormatting>
  <conditionalFormatting sqref="Y62:Z63">
    <cfRule type="expression" dxfId="5469" priority="5466" stopIfTrue="1">
      <formula>ISBLANK(Y62)=TRUE</formula>
    </cfRule>
    <cfRule type="expression" dxfId="5468" priority="5467" stopIfTrue="1">
      <formula>INDIRECT("第１の３表②!"&amp;CELL("address",CR62))="×××"</formula>
    </cfRule>
    <cfRule type="expression" dxfId="5467" priority="5468" stopIfTrue="1">
      <formula>INDIRECT("第１の３表②!"&amp;CELL("address",CR62))="××"</formula>
    </cfRule>
    <cfRule type="expression" dxfId="5466" priority="5469" stopIfTrue="1">
      <formula>INDIRECT("第１の３表②!"&amp;CELL("address",CR62))="×"</formula>
    </cfRule>
    <cfRule type="expression" dxfId="5465" priority="5470" stopIfTrue="1">
      <formula>ISBLANK(Y62)=FALSE</formula>
    </cfRule>
  </conditionalFormatting>
  <conditionalFormatting sqref="AB56:AC57">
    <cfRule type="expression" dxfId="5464" priority="5461" stopIfTrue="1">
      <formula>ISBLANK(AB56)=TRUE</formula>
    </cfRule>
    <cfRule type="expression" dxfId="5463" priority="5462" stopIfTrue="1">
      <formula>INDIRECT("第１の３表②!"&amp;CELL("address",CU56))="×××"</formula>
    </cfRule>
    <cfRule type="expression" dxfId="5462" priority="5463" stopIfTrue="1">
      <formula>INDIRECT("第１の３表②!"&amp;CELL("address",CU56))="××"</formula>
    </cfRule>
    <cfRule type="expression" dxfId="5461" priority="5464" stopIfTrue="1">
      <formula>INDIRECT("第１の３表②!"&amp;CELL("address",CU56))="×"</formula>
    </cfRule>
    <cfRule type="expression" dxfId="5460" priority="5465" stopIfTrue="1">
      <formula>ISBLANK(AB56)=FALSE</formula>
    </cfRule>
  </conditionalFormatting>
  <conditionalFormatting sqref="AB56:AC57">
    <cfRule type="expression" dxfId="5459" priority="5456" stopIfTrue="1">
      <formula>ISBLANK(AB56)=TRUE</formula>
    </cfRule>
    <cfRule type="expression" dxfId="5458" priority="5457" stopIfTrue="1">
      <formula>INDIRECT("第１の３表②!"&amp;CELL("address",CU56))="×××"</formula>
    </cfRule>
    <cfRule type="expression" dxfId="5457" priority="5458" stopIfTrue="1">
      <formula>INDIRECT("第１の３表②!"&amp;CELL("address",CU56))="××"</formula>
    </cfRule>
    <cfRule type="expression" dxfId="5456" priority="5459" stopIfTrue="1">
      <formula>INDIRECT("第１の３表②!"&amp;CELL("address",CU56))="×"</formula>
    </cfRule>
    <cfRule type="expression" dxfId="5455" priority="5460" stopIfTrue="1">
      <formula>ISBLANK(AB56)=FALSE</formula>
    </cfRule>
  </conditionalFormatting>
  <conditionalFormatting sqref="AB56:AC57">
    <cfRule type="expression" dxfId="5454" priority="5451" stopIfTrue="1">
      <formula>ISBLANK(AB56)=TRUE</formula>
    </cfRule>
    <cfRule type="expression" dxfId="5453" priority="5452" stopIfTrue="1">
      <formula>INDIRECT("第１の３表②!"&amp;CELL("address",CU56))="×××"</formula>
    </cfRule>
    <cfRule type="expression" dxfId="5452" priority="5453" stopIfTrue="1">
      <formula>INDIRECT("第１の３表②!"&amp;CELL("address",CU56))="××"</formula>
    </cfRule>
    <cfRule type="expression" dxfId="5451" priority="5454" stopIfTrue="1">
      <formula>INDIRECT("第１の３表②!"&amp;CELL("address",CU56))="×"</formula>
    </cfRule>
    <cfRule type="expression" dxfId="5450" priority="5455" stopIfTrue="1">
      <formula>ISBLANK(AB56)=FALSE</formula>
    </cfRule>
  </conditionalFormatting>
  <conditionalFormatting sqref="AB59:AC60">
    <cfRule type="expression" dxfId="5449" priority="5446" stopIfTrue="1">
      <formula>ISBLANK(AB59)=TRUE</formula>
    </cfRule>
    <cfRule type="expression" dxfId="5448" priority="5447" stopIfTrue="1">
      <formula>INDIRECT("第１の３表②!"&amp;CELL("address",CU59))="×××"</formula>
    </cfRule>
    <cfRule type="expression" dxfId="5447" priority="5448" stopIfTrue="1">
      <formula>INDIRECT("第１の３表②!"&amp;CELL("address",CU59))="××"</formula>
    </cfRule>
    <cfRule type="expression" dxfId="5446" priority="5449" stopIfTrue="1">
      <formula>INDIRECT("第１の３表②!"&amp;CELL("address",CU59))="×"</formula>
    </cfRule>
    <cfRule type="expression" dxfId="5445" priority="5450" stopIfTrue="1">
      <formula>ISBLANK(AB59)=FALSE</formula>
    </cfRule>
  </conditionalFormatting>
  <conditionalFormatting sqref="AB59:AC60">
    <cfRule type="expression" dxfId="5444" priority="5441" stopIfTrue="1">
      <formula>ISBLANK(AB59)=TRUE</formula>
    </cfRule>
    <cfRule type="expression" dxfId="5443" priority="5442" stopIfTrue="1">
      <formula>INDIRECT("第１の３表②!"&amp;CELL("address",CU59))="×××"</formula>
    </cfRule>
    <cfRule type="expression" dxfId="5442" priority="5443" stopIfTrue="1">
      <formula>INDIRECT("第１の３表②!"&amp;CELL("address",CU59))="××"</formula>
    </cfRule>
    <cfRule type="expression" dxfId="5441" priority="5444" stopIfTrue="1">
      <formula>INDIRECT("第１の３表②!"&amp;CELL("address",CU59))="×"</formula>
    </cfRule>
    <cfRule type="expression" dxfId="5440" priority="5445" stopIfTrue="1">
      <formula>ISBLANK(AB59)=FALSE</formula>
    </cfRule>
  </conditionalFormatting>
  <conditionalFormatting sqref="AB59:AC60">
    <cfRule type="expression" dxfId="5439" priority="5436" stopIfTrue="1">
      <formula>ISBLANK(AB59)=TRUE</formula>
    </cfRule>
    <cfRule type="expression" dxfId="5438" priority="5437" stopIfTrue="1">
      <formula>INDIRECT("第１の３表②!"&amp;CELL("address",CU59))="×××"</formula>
    </cfRule>
    <cfRule type="expression" dxfId="5437" priority="5438" stopIfTrue="1">
      <formula>INDIRECT("第１の３表②!"&amp;CELL("address",CU59))="××"</formula>
    </cfRule>
    <cfRule type="expression" dxfId="5436" priority="5439" stopIfTrue="1">
      <formula>INDIRECT("第１の３表②!"&amp;CELL("address",CU59))="×"</formula>
    </cfRule>
    <cfRule type="expression" dxfId="5435" priority="5440" stopIfTrue="1">
      <formula>ISBLANK(AB59)=FALSE</formula>
    </cfRule>
  </conditionalFormatting>
  <conditionalFormatting sqref="AB62:AC63">
    <cfRule type="expression" dxfId="5434" priority="5431" stopIfTrue="1">
      <formula>ISBLANK(AB62)=TRUE</formula>
    </cfRule>
    <cfRule type="expression" dxfId="5433" priority="5432" stopIfTrue="1">
      <formula>INDIRECT("第１の３表②!"&amp;CELL("address",CU62))="×××"</formula>
    </cfRule>
    <cfRule type="expression" dxfId="5432" priority="5433" stopIfTrue="1">
      <formula>INDIRECT("第１の３表②!"&amp;CELL("address",CU62))="××"</formula>
    </cfRule>
    <cfRule type="expression" dxfId="5431" priority="5434" stopIfTrue="1">
      <formula>INDIRECT("第１の３表②!"&amp;CELL("address",CU62))="×"</formula>
    </cfRule>
    <cfRule type="expression" dxfId="5430" priority="5435" stopIfTrue="1">
      <formula>ISBLANK(AB62)=FALSE</formula>
    </cfRule>
  </conditionalFormatting>
  <conditionalFormatting sqref="AB62:AC63">
    <cfRule type="expression" dxfId="5429" priority="5426" stopIfTrue="1">
      <formula>ISBLANK(AB62)=TRUE</formula>
    </cfRule>
    <cfRule type="expression" dxfId="5428" priority="5427" stopIfTrue="1">
      <formula>INDIRECT("第１の３表②!"&amp;CELL("address",CU62))="×××"</formula>
    </cfRule>
    <cfRule type="expression" dxfId="5427" priority="5428" stopIfTrue="1">
      <formula>INDIRECT("第１の３表②!"&amp;CELL("address",CU62))="××"</formula>
    </cfRule>
    <cfRule type="expression" dxfId="5426" priority="5429" stopIfTrue="1">
      <formula>INDIRECT("第１の３表②!"&amp;CELL("address",CU62))="×"</formula>
    </cfRule>
    <cfRule type="expression" dxfId="5425" priority="5430" stopIfTrue="1">
      <formula>ISBLANK(AB62)=FALSE</formula>
    </cfRule>
  </conditionalFormatting>
  <conditionalFormatting sqref="AB62:AC63">
    <cfRule type="expression" dxfId="5424" priority="5421" stopIfTrue="1">
      <formula>ISBLANK(AB62)=TRUE</formula>
    </cfRule>
    <cfRule type="expression" dxfId="5423" priority="5422" stopIfTrue="1">
      <formula>INDIRECT("第１の３表②!"&amp;CELL("address",CU62))="×××"</formula>
    </cfRule>
    <cfRule type="expression" dxfId="5422" priority="5423" stopIfTrue="1">
      <formula>INDIRECT("第１の３表②!"&amp;CELL("address",CU62))="××"</formula>
    </cfRule>
    <cfRule type="expression" dxfId="5421" priority="5424" stopIfTrue="1">
      <formula>INDIRECT("第１の３表②!"&amp;CELL("address",CU62))="×"</formula>
    </cfRule>
    <cfRule type="expression" dxfId="5420" priority="5425" stopIfTrue="1">
      <formula>ISBLANK(AB62)=FALSE</formula>
    </cfRule>
  </conditionalFormatting>
  <conditionalFormatting sqref="AE56:AF57">
    <cfRule type="expression" dxfId="5419" priority="5416" stopIfTrue="1">
      <formula>ISBLANK(AE56)=TRUE</formula>
    </cfRule>
    <cfRule type="expression" dxfId="5418" priority="5417" stopIfTrue="1">
      <formula>INDIRECT("第１の３表②!"&amp;CELL("address",CX56))="×××"</formula>
    </cfRule>
    <cfRule type="expression" dxfId="5417" priority="5418" stopIfTrue="1">
      <formula>INDIRECT("第１の３表②!"&amp;CELL("address",CX56))="××"</formula>
    </cfRule>
    <cfRule type="expression" dxfId="5416" priority="5419" stopIfTrue="1">
      <formula>INDIRECT("第１の３表②!"&amp;CELL("address",CX56))="×"</formula>
    </cfRule>
    <cfRule type="expression" dxfId="5415" priority="5420" stopIfTrue="1">
      <formula>ISBLANK(AE56)=FALSE</formula>
    </cfRule>
  </conditionalFormatting>
  <conditionalFormatting sqref="AE56:AF57">
    <cfRule type="expression" dxfId="5414" priority="5411" stopIfTrue="1">
      <formula>ISBLANK(AE56)=TRUE</formula>
    </cfRule>
    <cfRule type="expression" dxfId="5413" priority="5412" stopIfTrue="1">
      <formula>INDIRECT("第１の３表②!"&amp;CELL("address",CX56))="×××"</formula>
    </cfRule>
    <cfRule type="expression" dxfId="5412" priority="5413" stopIfTrue="1">
      <formula>INDIRECT("第１の３表②!"&amp;CELL("address",CX56))="××"</formula>
    </cfRule>
    <cfRule type="expression" dxfId="5411" priority="5414" stopIfTrue="1">
      <formula>INDIRECT("第１の３表②!"&amp;CELL("address",CX56))="×"</formula>
    </cfRule>
    <cfRule type="expression" dxfId="5410" priority="5415" stopIfTrue="1">
      <formula>ISBLANK(AE56)=FALSE</formula>
    </cfRule>
  </conditionalFormatting>
  <conditionalFormatting sqref="AE56:AF57">
    <cfRule type="expression" dxfId="5409" priority="5406" stopIfTrue="1">
      <formula>ISBLANK(AE56)=TRUE</formula>
    </cfRule>
    <cfRule type="expression" dxfId="5408" priority="5407" stopIfTrue="1">
      <formula>INDIRECT("第１の３表②!"&amp;CELL("address",CX56))="×××"</formula>
    </cfRule>
    <cfRule type="expression" dxfId="5407" priority="5408" stopIfTrue="1">
      <formula>INDIRECT("第１の３表②!"&amp;CELL("address",CX56))="××"</formula>
    </cfRule>
    <cfRule type="expression" dxfId="5406" priority="5409" stopIfTrue="1">
      <formula>INDIRECT("第１の３表②!"&amp;CELL("address",CX56))="×"</formula>
    </cfRule>
    <cfRule type="expression" dxfId="5405" priority="5410" stopIfTrue="1">
      <formula>ISBLANK(AE56)=FALSE</formula>
    </cfRule>
  </conditionalFormatting>
  <conditionalFormatting sqref="AE59:AF60">
    <cfRule type="expression" dxfId="5404" priority="5401" stopIfTrue="1">
      <formula>ISBLANK(AE59)=TRUE</formula>
    </cfRule>
    <cfRule type="expression" dxfId="5403" priority="5402" stopIfTrue="1">
      <formula>INDIRECT("第１の３表②!"&amp;CELL("address",CX59))="×××"</formula>
    </cfRule>
    <cfRule type="expression" dxfId="5402" priority="5403" stopIfTrue="1">
      <formula>INDIRECT("第１の３表②!"&amp;CELL("address",CX59))="××"</formula>
    </cfRule>
    <cfRule type="expression" dxfId="5401" priority="5404" stopIfTrue="1">
      <formula>INDIRECT("第１の３表②!"&amp;CELL("address",CX59))="×"</formula>
    </cfRule>
    <cfRule type="expression" dxfId="5400" priority="5405" stopIfTrue="1">
      <formula>ISBLANK(AE59)=FALSE</formula>
    </cfRule>
  </conditionalFormatting>
  <conditionalFormatting sqref="AE59:AF60">
    <cfRule type="expression" dxfId="5399" priority="5396" stopIfTrue="1">
      <formula>ISBLANK(AE59)=TRUE</formula>
    </cfRule>
    <cfRule type="expression" dxfId="5398" priority="5397" stopIfTrue="1">
      <formula>INDIRECT("第１の３表②!"&amp;CELL("address",CX59))="×××"</formula>
    </cfRule>
    <cfRule type="expression" dxfId="5397" priority="5398" stopIfTrue="1">
      <formula>INDIRECT("第１の３表②!"&amp;CELL("address",CX59))="××"</formula>
    </cfRule>
    <cfRule type="expression" dxfId="5396" priority="5399" stopIfTrue="1">
      <formula>INDIRECT("第１の３表②!"&amp;CELL("address",CX59))="×"</formula>
    </cfRule>
    <cfRule type="expression" dxfId="5395" priority="5400" stopIfTrue="1">
      <formula>ISBLANK(AE59)=FALSE</formula>
    </cfRule>
  </conditionalFormatting>
  <conditionalFormatting sqref="AE59:AF60">
    <cfRule type="expression" dxfId="5394" priority="5391" stopIfTrue="1">
      <formula>ISBLANK(AE59)=TRUE</formula>
    </cfRule>
    <cfRule type="expression" dxfId="5393" priority="5392" stopIfTrue="1">
      <formula>INDIRECT("第１の３表②!"&amp;CELL("address",CX59))="×××"</formula>
    </cfRule>
    <cfRule type="expression" dxfId="5392" priority="5393" stopIfTrue="1">
      <formula>INDIRECT("第１の３表②!"&amp;CELL("address",CX59))="××"</formula>
    </cfRule>
    <cfRule type="expression" dxfId="5391" priority="5394" stopIfTrue="1">
      <formula>INDIRECT("第１の３表②!"&amp;CELL("address",CX59))="×"</formula>
    </cfRule>
    <cfRule type="expression" dxfId="5390" priority="5395" stopIfTrue="1">
      <formula>ISBLANK(AE59)=FALSE</formula>
    </cfRule>
  </conditionalFormatting>
  <conditionalFormatting sqref="AE62:AF63">
    <cfRule type="expression" dxfId="5389" priority="5386" stopIfTrue="1">
      <formula>ISBLANK(AE62)=TRUE</formula>
    </cfRule>
    <cfRule type="expression" dxfId="5388" priority="5387" stopIfTrue="1">
      <formula>INDIRECT("第１の３表②!"&amp;CELL("address",CX62))="×××"</formula>
    </cfRule>
    <cfRule type="expression" dxfId="5387" priority="5388" stopIfTrue="1">
      <formula>INDIRECT("第１の３表②!"&amp;CELL("address",CX62))="××"</formula>
    </cfRule>
    <cfRule type="expression" dxfId="5386" priority="5389" stopIfTrue="1">
      <formula>INDIRECT("第１の３表②!"&amp;CELL("address",CX62))="×"</formula>
    </cfRule>
    <cfRule type="expression" dxfId="5385" priority="5390" stopIfTrue="1">
      <formula>ISBLANK(AE62)=FALSE</formula>
    </cfRule>
  </conditionalFormatting>
  <conditionalFormatting sqref="AE62:AF63">
    <cfRule type="expression" dxfId="5384" priority="5381" stopIfTrue="1">
      <formula>ISBLANK(AE62)=TRUE</formula>
    </cfRule>
    <cfRule type="expression" dxfId="5383" priority="5382" stopIfTrue="1">
      <formula>INDIRECT("第１の３表②!"&amp;CELL("address",CX62))="×××"</formula>
    </cfRule>
    <cfRule type="expression" dxfId="5382" priority="5383" stopIfTrue="1">
      <formula>INDIRECT("第１の３表②!"&amp;CELL("address",CX62))="××"</formula>
    </cfRule>
    <cfRule type="expression" dxfId="5381" priority="5384" stopIfTrue="1">
      <formula>INDIRECT("第１の３表②!"&amp;CELL("address",CX62))="×"</formula>
    </cfRule>
    <cfRule type="expression" dxfId="5380" priority="5385" stopIfTrue="1">
      <formula>ISBLANK(AE62)=FALSE</formula>
    </cfRule>
  </conditionalFormatting>
  <conditionalFormatting sqref="AE62:AF63">
    <cfRule type="expression" dxfId="5379" priority="5376" stopIfTrue="1">
      <formula>ISBLANK(AE62)=TRUE</formula>
    </cfRule>
    <cfRule type="expression" dxfId="5378" priority="5377" stopIfTrue="1">
      <formula>INDIRECT("第１の３表②!"&amp;CELL("address",CX62))="×××"</formula>
    </cfRule>
    <cfRule type="expression" dxfId="5377" priority="5378" stopIfTrue="1">
      <formula>INDIRECT("第１の３表②!"&amp;CELL("address",CX62))="××"</formula>
    </cfRule>
    <cfRule type="expression" dxfId="5376" priority="5379" stopIfTrue="1">
      <formula>INDIRECT("第１の３表②!"&amp;CELL("address",CX62))="×"</formula>
    </cfRule>
    <cfRule type="expression" dxfId="5375" priority="5380" stopIfTrue="1">
      <formula>ISBLANK(AE62)=FALSE</formula>
    </cfRule>
  </conditionalFormatting>
  <conditionalFormatting sqref="AH56:AI57">
    <cfRule type="expression" dxfId="5374" priority="5371" stopIfTrue="1">
      <formula>ISBLANK(AH56)=TRUE</formula>
    </cfRule>
    <cfRule type="expression" dxfId="5373" priority="5372" stopIfTrue="1">
      <formula>INDIRECT("第１の３表②!"&amp;CELL("address",DA56))="×××"</formula>
    </cfRule>
    <cfRule type="expression" dxfId="5372" priority="5373" stopIfTrue="1">
      <formula>INDIRECT("第１の３表②!"&amp;CELL("address",DA56))="××"</formula>
    </cfRule>
    <cfRule type="expression" dxfId="5371" priority="5374" stopIfTrue="1">
      <formula>INDIRECT("第１の３表②!"&amp;CELL("address",DA56))="×"</formula>
    </cfRule>
    <cfRule type="expression" dxfId="5370" priority="5375" stopIfTrue="1">
      <formula>ISBLANK(AH56)=FALSE</formula>
    </cfRule>
  </conditionalFormatting>
  <conditionalFormatting sqref="AH56:AI57">
    <cfRule type="expression" dxfId="5369" priority="5366" stopIfTrue="1">
      <formula>ISBLANK(AH56)=TRUE</formula>
    </cfRule>
    <cfRule type="expression" dxfId="5368" priority="5367" stopIfTrue="1">
      <formula>INDIRECT("第１の３表②!"&amp;CELL("address",DA56))="×××"</formula>
    </cfRule>
    <cfRule type="expression" dxfId="5367" priority="5368" stopIfTrue="1">
      <formula>INDIRECT("第１の３表②!"&amp;CELL("address",DA56))="××"</formula>
    </cfRule>
    <cfRule type="expression" dxfId="5366" priority="5369" stopIfTrue="1">
      <formula>INDIRECT("第１の３表②!"&amp;CELL("address",DA56))="×"</formula>
    </cfRule>
    <cfRule type="expression" dxfId="5365" priority="5370" stopIfTrue="1">
      <formula>ISBLANK(AH56)=FALSE</formula>
    </cfRule>
  </conditionalFormatting>
  <conditionalFormatting sqref="AH56:AI57">
    <cfRule type="expression" dxfId="5364" priority="5361" stopIfTrue="1">
      <formula>ISBLANK(AH56)=TRUE</formula>
    </cfRule>
    <cfRule type="expression" dxfId="5363" priority="5362" stopIfTrue="1">
      <formula>INDIRECT("第１の３表②!"&amp;CELL("address",DA56))="×××"</formula>
    </cfRule>
    <cfRule type="expression" dxfId="5362" priority="5363" stopIfTrue="1">
      <formula>INDIRECT("第１の３表②!"&amp;CELL("address",DA56))="××"</formula>
    </cfRule>
    <cfRule type="expression" dxfId="5361" priority="5364" stopIfTrue="1">
      <formula>INDIRECT("第１の３表②!"&amp;CELL("address",DA56))="×"</formula>
    </cfRule>
    <cfRule type="expression" dxfId="5360" priority="5365" stopIfTrue="1">
      <formula>ISBLANK(AH56)=FALSE</formula>
    </cfRule>
  </conditionalFormatting>
  <conditionalFormatting sqref="AH59:AI60">
    <cfRule type="expression" dxfId="5359" priority="5356" stopIfTrue="1">
      <formula>ISBLANK(AH59)=TRUE</formula>
    </cfRule>
    <cfRule type="expression" dxfId="5358" priority="5357" stopIfTrue="1">
      <formula>INDIRECT("第１の３表②!"&amp;CELL("address",DA59))="×××"</formula>
    </cfRule>
    <cfRule type="expression" dxfId="5357" priority="5358" stopIfTrue="1">
      <formula>INDIRECT("第１の３表②!"&amp;CELL("address",DA59))="××"</formula>
    </cfRule>
    <cfRule type="expression" dxfId="5356" priority="5359" stopIfTrue="1">
      <formula>INDIRECT("第１の３表②!"&amp;CELL("address",DA59))="×"</formula>
    </cfRule>
    <cfRule type="expression" dxfId="5355" priority="5360" stopIfTrue="1">
      <formula>ISBLANK(AH59)=FALSE</formula>
    </cfRule>
  </conditionalFormatting>
  <conditionalFormatting sqref="AH59:AI60">
    <cfRule type="expression" dxfId="5354" priority="5351" stopIfTrue="1">
      <formula>ISBLANK(AH59)=TRUE</formula>
    </cfRule>
    <cfRule type="expression" dxfId="5353" priority="5352" stopIfTrue="1">
      <formula>INDIRECT("第１の３表②!"&amp;CELL("address",DA59))="×××"</formula>
    </cfRule>
    <cfRule type="expression" dxfId="5352" priority="5353" stopIfTrue="1">
      <formula>INDIRECT("第１の３表②!"&amp;CELL("address",DA59))="××"</formula>
    </cfRule>
    <cfRule type="expression" dxfId="5351" priority="5354" stopIfTrue="1">
      <formula>INDIRECT("第１の３表②!"&amp;CELL("address",DA59))="×"</formula>
    </cfRule>
    <cfRule type="expression" dxfId="5350" priority="5355" stopIfTrue="1">
      <formula>ISBLANK(AH59)=FALSE</formula>
    </cfRule>
  </conditionalFormatting>
  <conditionalFormatting sqref="AH59:AI60">
    <cfRule type="expression" dxfId="5349" priority="5346" stopIfTrue="1">
      <formula>ISBLANK(AH59)=TRUE</formula>
    </cfRule>
    <cfRule type="expression" dxfId="5348" priority="5347" stopIfTrue="1">
      <formula>INDIRECT("第１の３表②!"&amp;CELL("address",DA59))="×××"</formula>
    </cfRule>
    <cfRule type="expression" dxfId="5347" priority="5348" stopIfTrue="1">
      <formula>INDIRECT("第１の３表②!"&amp;CELL("address",DA59))="××"</formula>
    </cfRule>
    <cfRule type="expression" dxfId="5346" priority="5349" stopIfTrue="1">
      <formula>INDIRECT("第１の３表②!"&amp;CELL("address",DA59))="×"</formula>
    </cfRule>
    <cfRule type="expression" dxfId="5345" priority="5350" stopIfTrue="1">
      <formula>ISBLANK(AH59)=FALSE</formula>
    </cfRule>
  </conditionalFormatting>
  <conditionalFormatting sqref="AH62:AI63">
    <cfRule type="expression" dxfId="5344" priority="5341" stopIfTrue="1">
      <formula>ISBLANK(AH62)=TRUE</formula>
    </cfRule>
    <cfRule type="expression" dxfId="5343" priority="5342" stopIfTrue="1">
      <formula>INDIRECT("第１の３表②!"&amp;CELL("address",DA62))="×××"</formula>
    </cfRule>
    <cfRule type="expression" dxfId="5342" priority="5343" stopIfTrue="1">
      <formula>INDIRECT("第１の３表②!"&amp;CELL("address",DA62))="××"</formula>
    </cfRule>
    <cfRule type="expression" dxfId="5341" priority="5344" stopIfTrue="1">
      <formula>INDIRECT("第１の３表②!"&amp;CELL("address",DA62))="×"</formula>
    </cfRule>
    <cfRule type="expression" dxfId="5340" priority="5345" stopIfTrue="1">
      <formula>ISBLANK(AH62)=FALSE</formula>
    </cfRule>
  </conditionalFormatting>
  <conditionalFormatting sqref="AH62:AI63">
    <cfRule type="expression" dxfId="5339" priority="5336" stopIfTrue="1">
      <formula>ISBLANK(AH62)=TRUE</formula>
    </cfRule>
    <cfRule type="expression" dxfId="5338" priority="5337" stopIfTrue="1">
      <formula>INDIRECT("第１の３表②!"&amp;CELL("address",DA62))="×××"</formula>
    </cfRule>
    <cfRule type="expression" dxfId="5337" priority="5338" stopIfTrue="1">
      <formula>INDIRECT("第１の３表②!"&amp;CELL("address",DA62))="××"</formula>
    </cfRule>
    <cfRule type="expression" dxfId="5336" priority="5339" stopIfTrue="1">
      <formula>INDIRECT("第１の３表②!"&amp;CELL("address",DA62))="×"</formula>
    </cfRule>
    <cfRule type="expression" dxfId="5335" priority="5340" stopIfTrue="1">
      <formula>ISBLANK(AH62)=FALSE</formula>
    </cfRule>
  </conditionalFormatting>
  <conditionalFormatting sqref="AH62:AI63">
    <cfRule type="expression" dxfId="5334" priority="5331" stopIfTrue="1">
      <formula>ISBLANK(AH62)=TRUE</formula>
    </cfRule>
    <cfRule type="expression" dxfId="5333" priority="5332" stopIfTrue="1">
      <formula>INDIRECT("第１の３表②!"&amp;CELL("address",DA62))="×××"</formula>
    </cfRule>
    <cfRule type="expression" dxfId="5332" priority="5333" stopIfTrue="1">
      <formula>INDIRECT("第１の３表②!"&amp;CELL("address",DA62))="××"</formula>
    </cfRule>
    <cfRule type="expression" dxfId="5331" priority="5334" stopIfTrue="1">
      <formula>INDIRECT("第１の３表②!"&amp;CELL("address",DA62))="×"</formula>
    </cfRule>
    <cfRule type="expression" dxfId="5330" priority="5335" stopIfTrue="1">
      <formula>ISBLANK(AH62)=FALSE</formula>
    </cfRule>
  </conditionalFormatting>
  <conditionalFormatting sqref="AK56:AL57">
    <cfRule type="expression" dxfId="5329" priority="5326" stopIfTrue="1">
      <formula>ISBLANK(AK56)=TRUE</formula>
    </cfRule>
    <cfRule type="expression" dxfId="5328" priority="5327" stopIfTrue="1">
      <formula>INDIRECT("第１の３表②!"&amp;CELL("address",DD56))="×××"</formula>
    </cfRule>
    <cfRule type="expression" dxfId="5327" priority="5328" stopIfTrue="1">
      <formula>INDIRECT("第１の３表②!"&amp;CELL("address",DD56))="××"</formula>
    </cfRule>
    <cfRule type="expression" dxfId="5326" priority="5329" stopIfTrue="1">
      <formula>INDIRECT("第１の３表②!"&amp;CELL("address",DD56))="×"</formula>
    </cfRule>
    <cfRule type="expression" dxfId="5325" priority="5330" stopIfTrue="1">
      <formula>ISBLANK(AK56)=FALSE</formula>
    </cfRule>
  </conditionalFormatting>
  <conditionalFormatting sqref="AK56:AL57">
    <cfRule type="expression" dxfId="5324" priority="5321" stopIfTrue="1">
      <formula>ISBLANK(AK56)=TRUE</formula>
    </cfRule>
    <cfRule type="expression" dxfId="5323" priority="5322" stopIfTrue="1">
      <formula>INDIRECT("第１の３表②!"&amp;CELL("address",DD56))="×××"</formula>
    </cfRule>
    <cfRule type="expression" dxfId="5322" priority="5323" stopIfTrue="1">
      <formula>INDIRECT("第１の３表②!"&amp;CELL("address",DD56))="××"</formula>
    </cfRule>
    <cfRule type="expression" dxfId="5321" priority="5324" stopIfTrue="1">
      <formula>INDIRECT("第１の３表②!"&amp;CELL("address",DD56))="×"</formula>
    </cfRule>
    <cfRule type="expression" dxfId="5320" priority="5325" stopIfTrue="1">
      <formula>ISBLANK(AK56)=FALSE</formula>
    </cfRule>
  </conditionalFormatting>
  <conditionalFormatting sqref="AK56:AL57">
    <cfRule type="expression" dxfId="5319" priority="5316" stopIfTrue="1">
      <formula>ISBLANK(AK56)=TRUE</formula>
    </cfRule>
    <cfRule type="expression" dxfId="5318" priority="5317" stopIfTrue="1">
      <formula>INDIRECT("第１の３表②!"&amp;CELL("address",DD56))="×××"</formula>
    </cfRule>
    <cfRule type="expression" dxfId="5317" priority="5318" stopIfTrue="1">
      <formula>INDIRECT("第１の３表②!"&amp;CELL("address",DD56))="××"</formula>
    </cfRule>
    <cfRule type="expression" dxfId="5316" priority="5319" stopIfTrue="1">
      <formula>INDIRECT("第１の３表②!"&amp;CELL("address",DD56))="×"</formula>
    </cfRule>
    <cfRule type="expression" dxfId="5315" priority="5320" stopIfTrue="1">
      <formula>ISBLANK(AK56)=FALSE</formula>
    </cfRule>
  </conditionalFormatting>
  <conditionalFormatting sqref="AK59:AL60">
    <cfRule type="expression" dxfId="5314" priority="5311" stopIfTrue="1">
      <formula>ISBLANK(AK59)=TRUE</formula>
    </cfRule>
    <cfRule type="expression" dxfId="5313" priority="5312" stopIfTrue="1">
      <formula>INDIRECT("第１の３表②!"&amp;CELL("address",DD59))="×××"</formula>
    </cfRule>
    <cfRule type="expression" dxfId="5312" priority="5313" stopIfTrue="1">
      <formula>INDIRECT("第１の３表②!"&amp;CELL("address",DD59))="××"</formula>
    </cfRule>
    <cfRule type="expression" dxfId="5311" priority="5314" stopIfTrue="1">
      <formula>INDIRECT("第１の３表②!"&amp;CELL("address",DD59))="×"</formula>
    </cfRule>
    <cfRule type="expression" dxfId="5310" priority="5315" stopIfTrue="1">
      <formula>ISBLANK(AK59)=FALSE</formula>
    </cfRule>
  </conditionalFormatting>
  <conditionalFormatting sqref="AK59:AL60">
    <cfRule type="expression" dxfId="5309" priority="5306" stopIfTrue="1">
      <formula>ISBLANK(AK59)=TRUE</formula>
    </cfRule>
    <cfRule type="expression" dxfId="5308" priority="5307" stopIfTrue="1">
      <formula>INDIRECT("第１の３表②!"&amp;CELL("address",DD59))="×××"</formula>
    </cfRule>
    <cfRule type="expression" dxfId="5307" priority="5308" stopIfTrue="1">
      <formula>INDIRECT("第１の３表②!"&amp;CELL("address",DD59))="××"</formula>
    </cfRule>
    <cfRule type="expression" dxfId="5306" priority="5309" stopIfTrue="1">
      <formula>INDIRECT("第１の３表②!"&amp;CELL("address",DD59))="×"</formula>
    </cfRule>
    <cfRule type="expression" dxfId="5305" priority="5310" stopIfTrue="1">
      <formula>ISBLANK(AK59)=FALSE</formula>
    </cfRule>
  </conditionalFormatting>
  <conditionalFormatting sqref="AK59:AL60">
    <cfRule type="expression" dxfId="5304" priority="5301" stopIfTrue="1">
      <formula>ISBLANK(AK59)=TRUE</formula>
    </cfRule>
    <cfRule type="expression" dxfId="5303" priority="5302" stopIfTrue="1">
      <formula>INDIRECT("第１の３表②!"&amp;CELL("address",DD59))="×××"</formula>
    </cfRule>
    <cfRule type="expression" dxfId="5302" priority="5303" stopIfTrue="1">
      <formula>INDIRECT("第１の３表②!"&amp;CELL("address",DD59))="××"</formula>
    </cfRule>
    <cfRule type="expression" dxfId="5301" priority="5304" stopIfTrue="1">
      <formula>INDIRECT("第１の３表②!"&amp;CELL("address",DD59))="×"</formula>
    </cfRule>
    <cfRule type="expression" dxfId="5300" priority="5305" stopIfTrue="1">
      <formula>ISBLANK(AK59)=FALSE</formula>
    </cfRule>
  </conditionalFormatting>
  <conditionalFormatting sqref="AK62:AL63">
    <cfRule type="expression" dxfId="5299" priority="5296" stopIfTrue="1">
      <formula>ISBLANK(AK62)=TRUE</formula>
    </cfRule>
    <cfRule type="expression" dxfId="5298" priority="5297" stopIfTrue="1">
      <formula>INDIRECT("第１の３表②!"&amp;CELL("address",DD62))="×××"</formula>
    </cfRule>
    <cfRule type="expression" dxfId="5297" priority="5298" stopIfTrue="1">
      <formula>INDIRECT("第１の３表②!"&amp;CELL("address",DD62))="××"</formula>
    </cfRule>
    <cfRule type="expression" dxfId="5296" priority="5299" stopIfTrue="1">
      <formula>INDIRECT("第１の３表②!"&amp;CELL("address",DD62))="×"</formula>
    </cfRule>
    <cfRule type="expression" dxfId="5295" priority="5300" stopIfTrue="1">
      <formula>ISBLANK(AK62)=FALSE</formula>
    </cfRule>
  </conditionalFormatting>
  <conditionalFormatting sqref="AK62:AL63">
    <cfRule type="expression" dxfId="5294" priority="5291" stopIfTrue="1">
      <formula>ISBLANK(AK62)=TRUE</formula>
    </cfRule>
    <cfRule type="expression" dxfId="5293" priority="5292" stopIfTrue="1">
      <formula>INDIRECT("第１の３表②!"&amp;CELL("address",DD62))="×××"</formula>
    </cfRule>
    <cfRule type="expression" dxfId="5292" priority="5293" stopIfTrue="1">
      <formula>INDIRECT("第１の３表②!"&amp;CELL("address",DD62))="××"</formula>
    </cfRule>
    <cfRule type="expression" dxfId="5291" priority="5294" stopIfTrue="1">
      <formula>INDIRECT("第１の３表②!"&amp;CELL("address",DD62))="×"</formula>
    </cfRule>
    <cfRule type="expression" dxfId="5290" priority="5295" stopIfTrue="1">
      <formula>ISBLANK(AK62)=FALSE</formula>
    </cfRule>
  </conditionalFormatting>
  <conditionalFormatting sqref="AK62:AL63">
    <cfRule type="expression" dxfId="5289" priority="5286" stopIfTrue="1">
      <formula>ISBLANK(AK62)=TRUE</formula>
    </cfRule>
    <cfRule type="expression" dxfId="5288" priority="5287" stopIfTrue="1">
      <formula>INDIRECT("第１の３表②!"&amp;CELL("address",DD62))="×××"</formula>
    </cfRule>
    <cfRule type="expression" dxfId="5287" priority="5288" stopIfTrue="1">
      <formula>INDIRECT("第１の３表②!"&amp;CELL("address",DD62))="××"</formula>
    </cfRule>
    <cfRule type="expression" dxfId="5286" priority="5289" stopIfTrue="1">
      <formula>INDIRECT("第１の３表②!"&amp;CELL("address",DD62))="×"</formula>
    </cfRule>
    <cfRule type="expression" dxfId="5285" priority="5290" stopIfTrue="1">
      <formula>ISBLANK(AK62)=FALSE</formula>
    </cfRule>
  </conditionalFormatting>
  <conditionalFormatting sqref="AN56:AO57">
    <cfRule type="expression" dxfId="5284" priority="5281" stopIfTrue="1">
      <formula>ISBLANK(AN56)=TRUE</formula>
    </cfRule>
    <cfRule type="expression" dxfId="5283" priority="5282" stopIfTrue="1">
      <formula>INDIRECT("第１の３表②!"&amp;CELL("address",DG56))="×××"</formula>
    </cfRule>
    <cfRule type="expression" dxfId="5282" priority="5283" stopIfTrue="1">
      <formula>INDIRECT("第１の３表②!"&amp;CELL("address",DG56))="××"</formula>
    </cfRule>
    <cfRule type="expression" dxfId="5281" priority="5284" stopIfTrue="1">
      <formula>INDIRECT("第１の３表②!"&amp;CELL("address",DG56))="×"</formula>
    </cfRule>
    <cfRule type="expression" dxfId="5280" priority="5285" stopIfTrue="1">
      <formula>ISBLANK(AN56)=FALSE</formula>
    </cfRule>
  </conditionalFormatting>
  <conditionalFormatting sqref="AN56:AO57">
    <cfRule type="expression" dxfId="5279" priority="5276" stopIfTrue="1">
      <formula>ISBLANK(AN56)=TRUE</formula>
    </cfRule>
    <cfRule type="expression" dxfId="5278" priority="5277" stopIfTrue="1">
      <formula>INDIRECT("第１の３表②!"&amp;CELL("address",DG56))="×××"</formula>
    </cfRule>
    <cfRule type="expression" dxfId="5277" priority="5278" stopIfTrue="1">
      <formula>INDIRECT("第１の３表②!"&amp;CELL("address",DG56))="××"</formula>
    </cfRule>
    <cfRule type="expression" dxfId="5276" priority="5279" stopIfTrue="1">
      <formula>INDIRECT("第１の３表②!"&amp;CELL("address",DG56))="×"</formula>
    </cfRule>
    <cfRule type="expression" dxfId="5275" priority="5280" stopIfTrue="1">
      <formula>ISBLANK(AN56)=FALSE</formula>
    </cfRule>
  </conditionalFormatting>
  <conditionalFormatting sqref="AN56:AO57">
    <cfRule type="expression" dxfId="5274" priority="5271" stopIfTrue="1">
      <formula>ISBLANK(AN56)=TRUE</formula>
    </cfRule>
    <cfRule type="expression" dxfId="5273" priority="5272" stopIfTrue="1">
      <formula>INDIRECT("第１の３表②!"&amp;CELL("address",DG56))="×××"</formula>
    </cfRule>
    <cfRule type="expression" dxfId="5272" priority="5273" stopIfTrue="1">
      <formula>INDIRECT("第１の３表②!"&amp;CELL("address",DG56))="××"</formula>
    </cfRule>
    <cfRule type="expression" dxfId="5271" priority="5274" stopIfTrue="1">
      <formula>INDIRECT("第１の３表②!"&amp;CELL("address",DG56))="×"</formula>
    </cfRule>
    <cfRule type="expression" dxfId="5270" priority="5275" stopIfTrue="1">
      <formula>ISBLANK(AN56)=FALSE</formula>
    </cfRule>
  </conditionalFormatting>
  <conditionalFormatting sqref="AN59:AO60">
    <cfRule type="expression" dxfId="5269" priority="5266" stopIfTrue="1">
      <formula>ISBLANK(AN59)=TRUE</formula>
    </cfRule>
    <cfRule type="expression" dxfId="5268" priority="5267" stopIfTrue="1">
      <formula>INDIRECT("第１の３表②!"&amp;CELL("address",DG59))="×××"</formula>
    </cfRule>
    <cfRule type="expression" dxfId="5267" priority="5268" stopIfTrue="1">
      <formula>INDIRECT("第１の３表②!"&amp;CELL("address",DG59))="××"</formula>
    </cfRule>
    <cfRule type="expression" dxfId="5266" priority="5269" stopIfTrue="1">
      <formula>INDIRECT("第１の３表②!"&amp;CELL("address",DG59))="×"</formula>
    </cfRule>
    <cfRule type="expression" dxfId="5265" priority="5270" stopIfTrue="1">
      <formula>ISBLANK(AN59)=FALSE</formula>
    </cfRule>
  </conditionalFormatting>
  <conditionalFormatting sqref="AN59:AO60">
    <cfRule type="expression" dxfId="5264" priority="5261" stopIfTrue="1">
      <formula>ISBLANK(AN59)=TRUE</formula>
    </cfRule>
    <cfRule type="expression" dxfId="5263" priority="5262" stopIfTrue="1">
      <formula>INDIRECT("第１の３表②!"&amp;CELL("address",DG59))="×××"</formula>
    </cfRule>
    <cfRule type="expression" dxfId="5262" priority="5263" stopIfTrue="1">
      <formula>INDIRECT("第１の３表②!"&amp;CELL("address",DG59))="××"</formula>
    </cfRule>
    <cfRule type="expression" dxfId="5261" priority="5264" stopIfTrue="1">
      <formula>INDIRECT("第１の３表②!"&amp;CELL("address",DG59))="×"</formula>
    </cfRule>
    <cfRule type="expression" dxfId="5260" priority="5265" stopIfTrue="1">
      <formula>ISBLANK(AN59)=FALSE</formula>
    </cfRule>
  </conditionalFormatting>
  <conditionalFormatting sqref="AN59:AO60">
    <cfRule type="expression" dxfId="5259" priority="5256" stopIfTrue="1">
      <formula>ISBLANK(AN59)=TRUE</formula>
    </cfRule>
    <cfRule type="expression" dxfId="5258" priority="5257" stopIfTrue="1">
      <formula>INDIRECT("第１の３表②!"&amp;CELL("address",DG59))="×××"</formula>
    </cfRule>
    <cfRule type="expression" dxfId="5257" priority="5258" stopIfTrue="1">
      <formula>INDIRECT("第１の３表②!"&amp;CELL("address",DG59))="××"</formula>
    </cfRule>
    <cfRule type="expression" dxfId="5256" priority="5259" stopIfTrue="1">
      <formula>INDIRECT("第１の３表②!"&amp;CELL("address",DG59))="×"</formula>
    </cfRule>
    <cfRule type="expression" dxfId="5255" priority="5260" stopIfTrue="1">
      <formula>ISBLANK(AN59)=FALSE</formula>
    </cfRule>
  </conditionalFormatting>
  <conditionalFormatting sqref="AN62:AO63">
    <cfRule type="expression" dxfId="5254" priority="5251" stopIfTrue="1">
      <formula>ISBLANK(AN62)=TRUE</formula>
    </cfRule>
    <cfRule type="expression" dxfId="5253" priority="5252" stopIfTrue="1">
      <formula>INDIRECT("第１の３表②!"&amp;CELL("address",DG62))="×××"</formula>
    </cfRule>
    <cfRule type="expression" dxfId="5252" priority="5253" stopIfTrue="1">
      <formula>INDIRECT("第１の３表②!"&amp;CELL("address",DG62))="××"</formula>
    </cfRule>
    <cfRule type="expression" dxfId="5251" priority="5254" stopIfTrue="1">
      <formula>INDIRECT("第１の３表②!"&amp;CELL("address",DG62))="×"</formula>
    </cfRule>
    <cfRule type="expression" dxfId="5250" priority="5255" stopIfTrue="1">
      <formula>ISBLANK(AN62)=FALSE</formula>
    </cfRule>
  </conditionalFormatting>
  <conditionalFormatting sqref="AN62:AO63">
    <cfRule type="expression" dxfId="5249" priority="5246" stopIfTrue="1">
      <formula>ISBLANK(AN62)=TRUE</formula>
    </cfRule>
    <cfRule type="expression" dxfId="5248" priority="5247" stopIfTrue="1">
      <formula>INDIRECT("第１の３表②!"&amp;CELL("address",DG62))="×××"</formula>
    </cfRule>
    <cfRule type="expression" dxfId="5247" priority="5248" stopIfTrue="1">
      <formula>INDIRECT("第１の３表②!"&amp;CELL("address",DG62))="××"</formula>
    </cfRule>
    <cfRule type="expression" dxfId="5246" priority="5249" stopIfTrue="1">
      <formula>INDIRECT("第１の３表②!"&amp;CELL("address",DG62))="×"</formula>
    </cfRule>
    <cfRule type="expression" dxfId="5245" priority="5250" stopIfTrue="1">
      <formula>ISBLANK(AN62)=FALSE</formula>
    </cfRule>
  </conditionalFormatting>
  <conditionalFormatting sqref="AN62:AO63">
    <cfRule type="expression" dxfId="5244" priority="5241" stopIfTrue="1">
      <formula>ISBLANK(AN62)=TRUE</formula>
    </cfRule>
    <cfRule type="expression" dxfId="5243" priority="5242" stopIfTrue="1">
      <formula>INDIRECT("第１の３表②!"&amp;CELL("address",DG62))="×××"</formula>
    </cfRule>
    <cfRule type="expression" dxfId="5242" priority="5243" stopIfTrue="1">
      <formula>INDIRECT("第１の３表②!"&amp;CELL("address",DG62))="××"</formula>
    </cfRule>
    <cfRule type="expression" dxfId="5241" priority="5244" stopIfTrue="1">
      <formula>INDIRECT("第１の３表②!"&amp;CELL("address",DG62))="×"</formula>
    </cfRule>
    <cfRule type="expression" dxfId="5240" priority="5245" stopIfTrue="1">
      <formula>ISBLANK(AN62)=FALSE</formula>
    </cfRule>
  </conditionalFormatting>
  <conditionalFormatting sqref="AQ56:AR57">
    <cfRule type="expression" dxfId="5239" priority="5236" stopIfTrue="1">
      <formula>ISBLANK(AQ56)=TRUE</formula>
    </cfRule>
    <cfRule type="expression" dxfId="5238" priority="5237" stopIfTrue="1">
      <formula>INDIRECT("第１の３表②!"&amp;CELL("address",DJ56))="×××"</formula>
    </cfRule>
    <cfRule type="expression" dxfId="5237" priority="5238" stopIfTrue="1">
      <formula>INDIRECT("第１の３表②!"&amp;CELL("address",DJ56))="××"</formula>
    </cfRule>
    <cfRule type="expression" dxfId="5236" priority="5239" stopIfTrue="1">
      <formula>INDIRECT("第１の３表②!"&amp;CELL("address",DJ56))="×"</formula>
    </cfRule>
    <cfRule type="expression" dxfId="5235" priority="5240" stopIfTrue="1">
      <formula>ISBLANK(AQ56)=FALSE</formula>
    </cfRule>
  </conditionalFormatting>
  <conditionalFormatting sqref="AQ56:AR57">
    <cfRule type="expression" dxfId="5234" priority="5231" stopIfTrue="1">
      <formula>ISBLANK(AQ56)=TRUE</formula>
    </cfRule>
    <cfRule type="expression" dxfId="5233" priority="5232" stopIfTrue="1">
      <formula>INDIRECT("第１の３表②!"&amp;CELL("address",DJ56))="×××"</formula>
    </cfRule>
    <cfRule type="expression" dxfId="5232" priority="5233" stopIfTrue="1">
      <formula>INDIRECT("第１の３表②!"&amp;CELL("address",DJ56))="××"</formula>
    </cfRule>
    <cfRule type="expression" dxfId="5231" priority="5234" stopIfTrue="1">
      <formula>INDIRECT("第１の３表②!"&amp;CELL("address",DJ56))="×"</formula>
    </cfRule>
    <cfRule type="expression" dxfId="5230" priority="5235" stopIfTrue="1">
      <formula>ISBLANK(AQ56)=FALSE</formula>
    </cfRule>
  </conditionalFormatting>
  <conditionalFormatting sqref="AQ56:AR57">
    <cfRule type="expression" dxfId="5229" priority="5226" stopIfTrue="1">
      <formula>ISBLANK(AQ56)=TRUE</formula>
    </cfRule>
    <cfRule type="expression" dxfId="5228" priority="5227" stopIfTrue="1">
      <formula>INDIRECT("第１の３表②!"&amp;CELL("address",DJ56))="×××"</formula>
    </cfRule>
    <cfRule type="expression" dxfId="5227" priority="5228" stopIfTrue="1">
      <formula>INDIRECT("第１の３表②!"&amp;CELL("address",DJ56))="××"</formula>
    </cfRule>
    <cfRule type="expression" dxfId="5226" priority="5229" stopIfTrue="1">
      <formula>INDIRECT("第１の３表②!"&amp;CELL("address",DJ56))="×"</formula>
    </cfRule>
    <cfRule type="expression" dxfId="5225" priority="5230" stopIfTrue="1">
      <formula>ISBLANK(AQ56)=FALSE</formula>
    </cfRule>
  </conditionalFormatting>
  <conditionalFormatting sqref="AQ59:AR60">
    <cfRule type="expression" dxfId="5224" priority="5221" stopIfTrue="1">
      <formula>ISBLANK(AQ59)=TRUE</formula>
    </cfRule>
    <cfRule type="expression" dxfId="5223" priority="5222" stopIfTrue="1">
      <formula>INDIRECT("第１の３表②!"&amp;CELL("address",DJ59))="×××"</formula>
    </cfRule>
    <cfRule type="expression" dxfId="5222" priority="5223" stopIfTrue="1">
      <formula>INDIRECT("第１の３表②!"&amp;CELL("address",DJ59))="××"</formula>
    </cfRule>
    <cfRule type="expression" dxfId="5221" priority="5224" stopIfTrue="1">
      <formula>INDIRECT("第１の３表②!"&amp;CELL("address",DJ59))="×"</formula>
    </cfRule>
    <cfRule type="expression" dxfId="5220" priority="5225" stopIfTrue="1">
      <formula>ISBLANK(AQ59)=FALSE</formula>
    </cfRule>
  </conditionalFormatting>
  <conditionalFormatting sqref="AQ59:AR60">
    <cfRule type="expression" dxfId="5219" priority="5216" stopIfTrue="1">
      <formula>ISBLANK(AQ59)=TRUE</formula>
    </cfRule>
    <cfRule type="expression" dxfId="5218" priority="5217" stopIfTrue="1">
      <formula>INDIRECT("第１の３表②!"&amp;CELL("address",DJ59))="×××"</formula>
    </cfRule>
    <cfRule type="expression" dxfId="5217" priority="5218" stopIfTrue="1">
      <formula>INDIRECT("第１の３表②!"&amp;CELL("address",DJ59))="××"</formula>
    </cfRule>
    <cfRule type="expression" dxfId="5216" priority="5219" stopIfTrue="1">
      <formula>INDIRECT("第１の３表②!"&amp;CELL("address",DJ59))="×"</formula>
    </cfRule>
    <cfRule type="expression" dxfId="5215" priority="5220" stopIfTrue="1">
      <formula>ISBLANK(AQ59)=FALSE</formula>
    </cfRule>
  </conditionalFormatting>
  <conditionalFormatting sqref="AQ59:AR60">
    <cfRule type="expression" dxfId="5214" priority="5211" stopIfTrue="1">
      <formula>ISBLANK(AQ59)=TRUE</formula>
    </cfRule>
    <cfRule type="expression" dxfId="5213" priority="5212" stopIfTrue="1">
      <formula>INDIRECT("第１の３表②!"&amp;CELL("address",DJ59))="×××"</formula>
    </cfRule>
    <cfRule type="expression" dxfId="5212" priority="5213" stopIfTrue="1">
      <formula>INDIRECT("第１の３表②!"&amp;CELL("address",DJ59))="××"</formula>
    </cfRule>
    <cfRule type="expression" dxfId="5211" priority="5214" stopIfTrue="1">
      <formula>INDIRECT("第１の３表②!"&amp;CELL("address",DJ59))="×"</formula>
    </cfRule>
    <cfRule type="expression" dxfId="5210" priority="5215" stopIfTrue="1">
      <formula>ISBLANK(AQ59)=FALSE</formula>
    </cfRule>
  </conditionalFormatting>
  <conditionalFormatting sqref="AQ62:AR63">
    <cfRule type="expression" dxfId="5209" priority="5206" stopIfTrue="1">
      <formula>ISBLANK(AQ62)=TRUE</formula>
    </cfRule>
    <cfRule type="expression" dxfId="5208" priority="5207" stopIfTrue="1">
      <formula>INDIRECT("第１の３表②!"&amp;CELL("address",DJ62))="×××"</formula>
    </cfRule>
    <cfRule type="expression" dxfId="5207" priority="5208" stopIfTrue="1">
      <formula>INDIRECT("第１の３表②!"&amp;CELL("address",DJ62))="××"</formula>
    </cfRule>
    <cfRule type="expression" dxfId="5206" priority="5209" stopIfTrue="1">
      <formula>INDIRECT("第１の３表②!"&amp;CELL("address",DJ62))="×"</formula>
    </cfRule>
    <cfRule type="expression" dxfId="5205" priority="5210" stopIfTrue="1">
      <formula>ISBLANK(AQ62)=FALSE</formula>
    </cfRule>
  </conditionalFormatting>
  <conditionalFormatting sqref="AQ62:AR63">
    <cfRule type="expression" dxfId="5204" priority="5201" stopIfTrue="1">
      <formula>ISBLANK(AQ62)=TRUE</formula>
    </cfRule>
    <cfRule type="expression" dxfId="5203" priority="5202" stopIfTrue="1">
      <formula>INDIRECT("第１の３表②!"&amp;CELL("address",DJ62))="×××"</formula>
    </cfRule>
    <cfRule type="expression" dxfId="5202" priority="5203" stopIfTrue="1">
      <formula>INDIRECT("第１の３表②!"&amp;CELL("address",DJ62))="××"</formula>
    </cfRule>
    <cfRule type="expression" dxfId="5201" priority="5204" stopIfTrue="1">
      <formula>INDIRECT("第１の３表②!"&amp;CELL("address",DJ62))="×"</formula>
    </cfRule>
    <cfRule type="expression" dxfId="5200" priority="5205" stopIfTrue="1">
      <formula>ISBLANK(AQ62)=FALSE</formula>
    </cfRule>
  </conditionalFormatting>
  <conditionalFormatting sqref="AQ62:AR63">
    <cfRule type="expression" dxfId="5199" priority="5196" stopIfTrue="1">
      <formula>ISBLANK(AQ62)=TRUE</formula>
    </cfRule>
    <cfRule type="expression" dxfId="5198" priority="5197" stopIfTrue="1">
      <formula>INDIRECT("第１の３表②!"&amp;CELL("address",DJ62))="×××"</formula>
    </cfRule>
    <cfRule type="expression" dxfId="5197" priority="5198" stopIfTrue="1">
      <formula>INDIRECT("第１の３表②!"&amp;CELL("address",DJ62))="××"</formula>
    </cfRule>
    <cfRule type="expression" dxfId="5196" priority="5199" stopIfTrue="1">
      <formula>INDIRECT("第１の３表②!"&amp;CELL("address",DJ62))="×"</formula>
    </cfRule>
    <cfRule type="expression" dxfId="5195" priority="5200" stopIfTrue="1">
      <formula>ISBLANK(AQ62)=FALSE</formula>
    </cfRule>
  </conditionalFormatting>
  <conditionalFormatting sqref="AT56:AU57">
    <cfRule type="expression" dxfId="5194" priority="5191" stopIfTrue="1">
      <formula>ISBLANK(AT56)=TRUE</formula>
    </cfRule>
    <cfRule type="expression" dxfId="5193" priority="5192" stopIfTrue="1">
      <formula>INDIRECT("第１の３表②!"&amp;CELL("address",DM56))="×××"</formula>
    </cfRule>
    <cfRule type="expression" dxfId="5192" priority="5193" stopIfTrue="1">
      <formula>INDIRECT("第１の３表②!"&amp;CELL("address",DM56))="××"</formula>
    </cfRule>
    <cfRule type="expression" dxfId="5191" priority="5194" stopIfTrue="1">
      <formula>INDIRECT("第１の３表②!"&amp;CELL("address",DM56))="×"</formula>
    </cfRule>
    <cfRule type="expression" dxfId="5190" priority="5195" stopIfTrue="1">
      <formula>ISBLANK(AT56)=FALSE</formula>
    </cfRule>
  </conditionalFormatting>
  <conditionalFormatting sqref="AT56:AU57">
    <cfRule type="expression" dxfId="5189" priority="5186" stopIfTrue="1">
      <formula>ISBLANK(AT56)=TRUE</formula>
    </cfRule>
    <cfRule type="expression" dxfId="5188" priority="5187" stopIfTrue="1">
      <formula>INDIRECT("第１の３表②!"&amp;CELL("address",DM56))="×××"</formula>
    </cfRule>
    <cfRule type="expression" dxfId="5187" priority="5188" stopIfTrue="1">
      <formula>INDIRECT("第１の３表②!"&amp;CELL("address",DM56))="××"</formula>
    </cfRule>
    <cfRule type="expression" dxfId="5186" priority="5189" stopIfTrue="1">
      <formula>INDIRECT("第１の３表②!"&amp;CELL("address",DM56))="×"</formula>
    </cfRule>
    <cfRule type="expression" dxfId="5185" priority="5190" stopIfTrue="1">
      <formula>ISBLANK(AT56)=FALSE</formula>
    </cfRule>
  </conditionalFormatting>
  <conditionalFormatting sqref="AT56:AU57">
    <cfRule type="expression" dxfId="5184" priority="5181" stopIfTrue="1">
      <formula>ISBLANK(AT56)=TRUE</formula>
    </cfRule>
    <cfRule type="expression" dxfId="5183" priority="5182" stopIfTrue="1">
      <formula>INDIRECT("第１の３表②!"&amp;CELL("address",DM56))="×××"</formula>
    </cfRule>
    <cfRule type="expression" dxfId="5182" priority="5183" stopIfTrue="1">
      <formula>INDIRECT("第１の３表②!"&amp;CELL("address",DM56))="××"</formula>
    </cfRule>
    <cfRule type="expression" dxfId="5181" priority="5184" stopIfTrue="1">
      <formula>INDIRECT("第１の３表②!"&amp;CELL("address",DM56))="×"</formula>
    </cfRule>
    <cfRule type="expression" dxfId="5180" priority="5185" stopIfTrue="1">
      <formula>ISBLANK(AT56)=FALSE</formula>
    </cfRule>
  </conditionalFormatting>
  <conditionalFormatting sqref="AT59:AU60">
    <cfRule type="expression" dxfId="5179" priority="5176" stopIfTrue="1">
      <formula>ISBLANK(AT59)=TRUE</formula>
    </cfRule>
    <cfRule type="expression" dxfId="5178" priority="5177" stopIfTrue="1">
      <formula>INDIRECT("第１の３表②!"&amp;CELL("address",DM59))="×××"</formula>
    </cfRule>
    <cfRule type="expression" dxfId="5177" priority="5178" stopIfTrue="1">
      <formula>INDIRECT("第１の３表②!"&amp;CELL("address",DM59))="××"</formula>
    </cfRule>
    <cfRule type="expression" dxfId="5176" priority="5179" stopIfTrue="1">
      <formula>INDIRECT("第１の３表②!"&amp;CELL("address",DM59))="×"</formula>
    </cfRule>
    <cfRule type="expression" dxfId="5175" priority="5180" stopIfTrue="1">
      <formula>ISBLANK(AT59)=FALSE</formula>
    </cfRule>
  </conditionalFormatting>
  <conditionalFormatting sqref="AT59:AU60">
    <cfRule type="expression" dxfId="5174" priority="5171" stopIfTrue="1">
      <formula>ISBLANK(AT59)=TRUE</formula>
    </cfRule>
    <cfRule type="expression" dxfId="5173" priority="5172" stopIfTrue="1">
      <formula>INDIRECT("第１の３表②!"&amp;CELL("address",DM59))="×××"</formula>
    </cfRule>
    <cfRule type="expression" dxfId="5172" priority="5173" stopIfTrue="1">
      <formula>INDIRECT("第１の３表②!"&amp;CELL("address",DM59))="××"</formula>
    </cfRule>
    <cfRule type="expression" dxfId="5171" priority="5174" stopIfTrue="1">
      <formula>INDIRECT("第１の３表②!"&amp;CELL("address",DM59))="×"</formula>
    </cfRule>
    <cfRule type="expression" dxfId="5170" priority="5175" stopIfTrue="1">
      <formula>ISBLANK(AT59)=FALSE</formula>
    </cfRule>
  </conditionalFormatting>
  <conditionalFormatting sqref="AT59:AU60">
    <cfRule type="expression" dxfId="5169" priority="5166" stopIfTrue="1">
      <formula>ISBLANK(AT59)=TRUE</formula>
    </cfRule>
    <cfRule type="expression" dxfId="5168" priority="5167" stopIfTrue="1">
      <formula>INDIRECT("第１の３表②!"&amp;CELL("address",DM59))="×××"</formula>
    </cfRule>
    <cfRule type="expression" dxfId="5167" priority="5168" stopIfTrue="1">
      <formula>INDIRECT("第１の３表②!"&amp;CELL("address",DM59))="××"</formula>
    </cfRule>
    <cfRule type="expression" dxfId="5166" priority="5169" stopIfTrue="1">
      <formula>INDIRECT("第１の３表②!"&amp;CELL("address",DM59))="×"</formula>
    </cfRule>
    <cfRule type="expression" dxfId="5165" priority="5170" stopIfTrue="1">
      <formula>ISBLANK(AT59)=FALSE</formula>
    </cfRule>
  </conditionalFormatting>
  <conditionalFormatting sqref="AT62:AU63">
    <cfRule type="expression" dxfId="5164" priority="5161" stopIfTrue="1">
      <formula>ISBLANK(AT62)=TRUE</formula>
    </cfRule>
    <cfRule type="expression" dxfId="5163" priority="5162" stopIfTrue="1">
      <formula>INDIRECT("第１の３表②!"&amp;CELL("address",DM62))="×××"</formula>
    </cfRule>
    <cfRule type="expression" dxfId="5162" priority="5163" stopIfTrue="1">
      <formula>INDIRECT("第１の３表②!"&amp;CELL("address",DM62))="××"</formula>
    </cfRule>
    <cfRule type="expression" dxfId="5161" priority="5164" stopIfTrue="1">
      <formula>INDIRECT("第１の３表②!"&amp;CELL("address",DM62))="×"</formula>
    </cfRule>
    <cfRule type="expression" dxfId="5160" priority="5165" stopIfTrue="1">
      <formula>ISBLANK(AT62)=FALSE</formula>
    </cfRule>
  </conditionalFormatting>
  <conditionalFormatting sqref="AT62:AU63">
    <cfRule type="expression" dxfId="5159" priority="5156" stopIfTrue="1">
      <formula>ISBLANK(AT62)=TRUE</formula>
    </cfRule>
    <cfRule type="expression" dxfId="5158" priority="5157" stopIfTrue="1">
      <formula>INDIRECT("第１の３表②!"&amp;CELL("address",DM62))="×××"</formula>
    </cfRule>
    <cfRule type="expression" dxfId="5157" priority="5158" stopIfTrue="1">
      <formula>INDIRECT("第１の３表②!"&amp;CELL("address",DM62))="××"</formula>
    </cfRule>
    <cfRule type="expression" dxfId="5156" priority="5159" stopIfTrue="1">
      <formula>INDIRECT("第１の３表②!"&amp;CELL("address",DM62))="×"</formula>
    </cfRule>
    <cfRule type="expression" dxfId="5155" priority="5160" stopIfTrue="1">
      <formula>ISBLANK(AT62)=FALSE</formula>
    </cfRule>
  </conditionalFormatting>
  <conditionalFormatting sqref="AT62:AU63">
    <cfRule type="expression" dxfId="5154" priority="5151" stopIfTrue="1">
      <formula>ISBLANK(AT62)=TRUE</formula>
    </cfRule>
    <cfRule type="expression" dxfId="5153" priority="5152" stopIfTrue="1">
      <formula>INDIRECT("第１の３表②!"&amp;CELL("address",DM62))="×××"</formula>
    </cfRule>
    <cfRule type="expression" dxfId="5152" priority="5153" stopIfTrue="1">
      <formula>INDIRECT("第１の３表②!"&amp;CELL("address",DM62))="××"</formula>
    </cfRule>
    <cfRule type="expression" dxfId="5151" priority="5154" stopIfTrue="1">
      <formula>INDIRECT("第１の３表②!"&amp;CELL("address",DM62))="×"</formula>
    </cfRule>
    <cfRule type="expression" dxfId="5150" priority="5155" stopIfTrue="1">
      <formula>ISBLANK(AT62)=FALSE</formula>
    </cfRule>
  </conditionalFormatting>
  <conditionalFormatting sqref="AW56:AX57">
    <cfRule type="expression" dxfId="5149" priority="5146" stopIfTrue="1">
      <formula>ISBLANK(AW56)=TRUE</formula>
    </cfRule>
    <cfRule type="expression" dxfId="5148" priority="5147" stopIfTrue="1">
      <formula>INDIRECT("第１の３表②!"&amp;CELL("address",DP56))="×××"</formula>
    </cfRule>
    <cfRule type="expression" dxfId="5147" priority="5148" stopIfTrue="1">
      <formula>INDIRECT("第１の３表②!"&amp;CELL("address",DP56))="××"</formula>
    </cfRule>
    <cfRule type="expression" dxfId="5146" priority="5149" stopIfTrue="1">
      <formula>INDIRECT("第１の３表②!"&amp;CELL("address",DP56))="×"</formula>
    </cfRule>
    <cfRule type="expression" dxfId="5145" priority="5150" stopIfTrue="1">
      <formula>ISBLANK(AW56)=FALSE</formula>
    </cfRule>
  </conditionalFormatting>
  <conditionalFormatting sqref="AW56:AX57">
    <cfRule type="expression" dxfId="5144" priority="5141" stopIfTrue="1">
      <formula>ISBLANK(AW56)=TRUE</formula>
    </cfRule>
    <cfRule type="expression" dxfId="5143" priority="5142" stopIfTrue="1">
      <formula>INDIRECT("第１の３表②!"&amp;CELL("address",DP56))="×××"</formula>
    </cfRule>
    <cfRule type="expression" dxfId="5142" priority="5143" stopIfTrue="1">
      <formula>INDIRECT("第１の３表②!"&amp;CELL("address",DP56))="××"</formula>
    </cfRule>
    <cfRule type="expression" dxfId="5141" priority="5144" stopIfTrue="1">
      <formula>INDIRECT("第１の３表②!"&amp;CELL("address",DP56))="×"</formula>
    </cfRule>
    <cfRule type="expression" dxfId="5140" priority="5145" stopIfTrue="1">
      <formula>ISBLANK(AW56)=FALSE</formula>
    </cfRule>
  </conditionalFormatting>
  <conditionalFormatting sqref="AW56:AX57">
    <cfRule type="expression" dxfId="5139" priority="5136" stopIfTrue="1">
      <formula>ISBLANK(AW56)=TRUE</formula>
    </cfRule>
    <cfRule type="expression" dxfId="5138" priority="5137" stopIfTrue="1">
      <formula>INDIRECT("第１の３表②!"&amp;CELL("address",DP56))="×××"</formula>
    </cfRule>
    <cfRule type="expression" dxfId="5137" priority="5138" stopIfTrue="1">
      <formula>INDIRECT("第１の３表②!"&amp;CELL("address",DP56))="××"</formula>
    </cfRule>
    <cfRule type="expression" dxfId="5136" priority="5139" stopIfTrue="1">
      <formula>INDIRECT("第１の３表②!"&amp;CELL("address",DP56))="×"</formula>
    </cfRule>
    <cfRule type="expression" dxfId="5135" priority="5140" stopIfTrue="1">
      <formula>ISBLANK(AW56)=FALSE</formula>
    </cfRule>
  </conditionalFormatting>
  <conditionalFormatting sqref="AW59:AX60">
    <cfRule type="expression" dxfId="5134" priority="5131" stopIfTrue="1">
      <formula>ISBLANK(AW59)=TRUE</formula>
    </cfRule>
    <cfRule type="expression" dxfId="5133" priority="5132" stopIfTrue="1">
      <formula>INDIRECT("第１の３表②!"&amp;CELL("address",DP59))="×××"</formula>
    </cfRule>
    <cfRule type="expression" dxfId="5132" priority="5133" stopIfTrue="1">
      <formula>INDIRECT("第１の３表②!"&amp;CELL("address",DP59))="××"</formula>
    </cfRule>
    <cfRule type="expression" dxfId="5131" priority="5134" stopIfTrue="1">
      <formula>INDIRECT("第１の３表②!"&amp;CELL("address",DP59))="×"</formula>
    </cfRule>
    <cfRule type="expression" dxfId="5130" priority="5135" stopIfTrue="1">
      <formula>ISBLANK(AW59)=FALSE</formula>
    </cfRule>
  </conditionalFormatting>
  <conditionalFormatting sqref="AW59:AX60">
    <cfRule type="expression" dxfId="5129" priority="5126" stopIfTrue="1">
      <formula>ISBLANK(AW59)=TRUE</formula>
    </cfRule>
    <cfRule type="expression" dxfId="5128" priority="5127" stopIfTrue="1">
      <formula>INDIRECT("第１の３表②!"&amp;CELL("address",DP59))="×××"</formula>
    </cfRule>
    <cfRule type="expression" dxfId="5127" priority="5128" stopIfTrue="1">
      <formula>INDIRECT("第１の３表②!"&amp;CELL("address",DP59))="××"</formula>
    </cfRule>
    <cfRule type="expression" dxfId="5126" priority="5129" stopIfTrue="1">
      <formula>INDIRECT("第１の３表②!"&amp;CELL("address",DP59))="×"</formula>
    </cfRule>
    <cfRule type="expression" dxfId="5125" priority="5130" stopIfTrue="1">
      <formula>ISBLANK(AW59)=FALSE</formula>
    </cfRule>
  </conditionalFormatting>
  <conditionalFormatting sqref="AW59:AX60">
    <cfRule type="expression" dxfId="5124" priority="5121" stopIfTrue="1">
      <formula>ISBLANK(AW59)=TRUE</formula>
    </cfRule>
    <cfRule type="expression" dxfId="5123" priority="5122" stopIfTrue="1">
      <formula>INDIRECT("第１の３表②!"&amp;CELL("address",DP59))="×××"</formula>
    </cfRule>
    <cfRule type="expression" dxfId="5122" priority="5123" stopIfTrue="1">
      <formula>INDIRECT("第１の３表②!"&amp;CELL("address",DP59))="××"</formula>
    </cfRule>
    <cfRule type="expression" dxfId="5121" priority="5124" stopIfTrue="1">
      <formula>INDIRECT("第１の３表②!"&amp;CELL("address",DP59))="×"</formula>
    </cfRule>
    <cfRule type="expression" dxfId="5120" priority="5125" stopIfTrue="1">
      <formula>ISBLANK(AW59)=FALSE</formula>
    </cfRule>
  </conditionalFormatting>
  <conditionalFormatting sqref="AW62:AX63">
    <cfRule type="expression" dxfId="5119" priority="5116" stopIfTrue="1">
      <formula>ISBLANK(AW62)=TRUE</formula>
    </cfRule>
    <cfRule type="expression" dxfId="5118" priority="5117" stopIfTrue="1">
      <formula>INDIRECT("第１の３表②!"&amp;CELL("address",DP62))="×××"</formula>
    </cfRule>
    <cfRule type="expression" dxfId="5117" priority="5118" stopIfTrue="1">
      <formula>INDIRECT("第１の３表②!"&amp;CELL("address",DP62))="××"</formula>
    </cfRule>
    <cfRule type="expression" dxfId="5116" priority="5119" stopIfTrue="1">
      <formula>INDIRECT("第１の３表②!"&amp;CELL("address",DP62))="×"</formula>
    </cfRule>
    <cfRule type="expression" dxfId="5115" priority="5120" stopIfTrue="1">
      <formula>ISBLANK(AW62)=FALSE</formula>
    </cfRule>
  </conditionalFormatting>
  <conditionalFormatting sqref="AW62:AX63">
    <cfRule type="expression" dxfId="5114" priority="5111" stopIfTrue="1">
      <formula>ISBLANK(AW62)=TRUE</formula>
    </cfRule>
    <cfRule type="expression" dxfId="5113" priority="5112" stopIfTrue="1">
      <formula>INDIRECT("第１の３表②!"&amp;CELL("address",DP62))="×××"</formula>
    </cfRule>
    <cfRule type="expression" dxfId="5112" priority="5113" stopIfTrue="1">
      <formula>INDIRECT("第１の３表②!"&amp;CELL("address",DP62))="××"</formula>
    </cfRule>
    <cfRule type="expression" dxfId="5111" priority="5114" stopIfTrue="1">
      <formula>INDIRECT("第１の３表②!"&amp;CELL("address",DP62))="×"</formula>
    </cfRule>
    <cfRule type="expression" dxfId="5110" priority="5115" stopIfTrue="1">
      <formula>ISBLANK(AW62)=FALSE</formula>
    </cfRule>
  </conditionalFormatting>
  <conditionalFormatting sqref="AW62:AX63">
    <cfRule type="expression" dxfId="5109" priority="5106" stopIfTrue="1">
      <formula>ISBLANK(AW62)=TRUE</formula>
    </cfRule>
    <cfRule type="expression" dxfId="5108" priority="5107" stopIfTrue="1">
      <formula>INDIRECT("第１の３表②!"&amp;CELL("address",DP62))="×××"</formula>
    </cfRule>
    <cfRule type="expression" dxfId="5107" priority="5108" stopIfTrue="1">
      <formula>INDIRECT("第１の３表②!"&amp;CELL("address",DP62))="××"</formula>
    </cfRule>
    <cfRule type="expression" dxfId="5106" priority="5109" stopIfTrue="1">
      <formula>INDIRECT("第１の３表②!"&amp;CELL("address",DP62))="×"</formula>
    </cfRule>
    <cfRule type="expression" dxfId="5105" priority="5110" stopIfTrue="1">
      <formula>ISBLANK(AW62)=FALSE</formula>
    </cfRule>
  </conditionalFormatting>
  <conditionalFormatting sqref="AZ56:BA57">
    <cfRule type="expression" dxfId="5104" priority="5101" stopIfTrue="1">
      <formula>ISBLANK(AZ56)=TRUE</formula>
    </cfRule>
    <cfRule type="expression" dxfId="5103" priority="5102" stopIfTrue="1">
      <formula>INDIRECT("第１の３表②!"&amp;CELL("address",DS56))="×××"</formula>
    </cfRule>
    <cfRule type="expression" dxfId="5102" priority="5103" stopIfTrue="1">
      <formula>INDIRECT("第１の３表②!"&amp;CELL("address",DS56))="××"</formula>
    </cfRule>
    <cfRule type="expression" dxfId="5101" priority="5104" stopIfTrue="1">
      <formula>INDIRECT("第１の３表②!"&amp;CELL("address",DS56))="×"</formula>
    </cfRule>
    <cfRule type="expression" dxfId="5100" priority="5105" stopIfTrue="1">
      <formula>ISBLANK(AZ56)=FALSE</formula>
    </cfRule>
  </conditionalFormatting>
  <conditionalFormatting sqref="AZ56:BA57">
    <cfRule type="expression" dxfId="5099" priority="5096" stopIfTrue="1">
      <formula>ISBLANK(AZ56)=TRUE</formula>
    </cfRule>
    <cfRule type="expression" dxfId="5098" priority="5097" stopIfTrue="1">
      <formula>INDIRECT("第１の３表②!"&amp;CELL("address",DS56))="×××"</formula>
    </cfRule>
    <cfRule type="expression" dxfId="5097" priority="5098" stopIfTrue="1">
      <formula>INDIRECT("第１の３表②!"&amp;CELL("address",DS56))="××"</formula>
    </cfRule>
    <cfRule type="expression" dxfId="5096" priority="5099" stopIfTrue="1">
      <formula>INDIRECT("第１の３表②!"&amp;CELL("address",DS56))="×"</formula>
    </cfRule>
    <cfRule type="expression" dxfId="5095" priority="5100" stopIfTrue="1">
      <formula>ISBLANK(AZ56)=FALSE</formula>
    </cfRule>
  </conditionalFormatting>
  <conditionalFormatting sqref="AZ56:BA57">
    <cfRule type="expression" dxfId="5094" priority="5091" stopIfTrue="1">
      <formula>ISBLANK(AZ56)=TRUE</formula>
    </cfRule>
    <cfRule type="expression" dxfId="5093" priority="5092" stopIfTrue="1">
      <formula>INDIRECT("第１の３表②!"&amp;CELL("address",DS56))="×××"</formula>
    </cfRule>
    <cfRule type="expression" dxfId="5092" priority="5093" stopIfTrue="1">
      <formula>INDIRECT("第１の３表②!"&amp;CELL("address",DS56))="××"</formula>
    </cfRule>
    <cfRule type="expression" dxfId="5091" priority="5094" stopIfTrue="1">
      <formula>INDIRECT("第１の３表②!"&amp;CELL("address",DS56))="×"</formula>
    </cfRule>
    <cfRule type="expression" dxfId="5090" priority="5095" stopIfTrue="1">
      <formula>ISBLANK(AZ56)=FALSE</formula>
    </cfRule>
  </conditionalFormatting>
  <conditionalFormatting sqref="AZ59:BA60">
    <cfRule type="expression" dxfId="5089" priority="5086" stopIfTrue="1">
      <formula>ISBLANK(AZ59)=TRUE</formula>
    </cfRule>
    <cfRule type="expression" dxfId="5088" priority="5087" stopIfTrue="1">
      <formula>INDIRECT("第１の３表②!"&amp;CELL("address",DS59))="×××"</formula>
    </cfRule>
    <cfRule type="expression" dxfId="5087" priority="5088" stopIfTrue="1">
      <formula>INDIRECT("第１の３表②!"&amp;CELL("address",DS59))="××"</formula>
    </cfRule>
    <cfRule type="expression" dxfId="5086" priority="5089" stopIfTrue="1">
      <formula>INDIRECT("第１の３表②!"&amp;CELL("address",DS59))="×"</formula>
    </cfRule>
    <cfRule type="expression" dxfId="5085" priority="5090" stopIfTrue="1">
      <formula>ISBLANK(AZ59)=FALSE</formula>
    </cfRule>
  </conditionalFormatting>
  <conditionalFormatting sqref="AZ59:BA60">
    <cfRule type="expression" dxfId="5084" priority="5081" stopIfTrue="1">
      <formula>ISBLANK(AZ59)=TRUE</formula>
    </cfRule>
    <cfRule type="expression" dxfId="5083" priority="5082" stopIfTrue="1">
      <formula>INDIRECT("第１の３表②!"&amp;CELL("address",DS59))="×××"</formula>
    </cfRule>
    <cfRule type="expression" dxfId="5082" priority="5083" stopIfTrue="1">
      <formula>INDIRECT("第１の３表②!"&amp;CELL("address",DS59))="××"</formula>
    </cfRule>
    <cfRule type="expression" dxfId="5081" priority="5084" stopIfTrue="1">
      <formula>INDIRECT("第１の３表②!"&amp;CELL("address",DS59))="×"</formula>
    </cfRule>
    <cfRule type="expression" dxfId="5080" priority="5085" stopIfTrue="1">
      <formula>ISBLANK(AZ59)=FALSE</formula>
    </cfRule>
  </conditionalFormatting>
  <conditionalFormatting sqref="AZ59:BA60">
    <cfRule type="expression" dxfId="5079" priority="5076" stopIfTrue="1">
      <formula>ISBLANK(AZ59)=TRUE</formula>
    </cfRule>
    <cfRule type="expression" dxfId="5078" priority="5077" stopIfTrue="1">
      <formula>INDIRECT("第１の３表②!"&amp;CELL("address",DS59))="×××"</formula>
    </cfRule>
    <cfRule type="expression" dxfId="5077" priority="5078" stopIfTrue="1">
      <formula>INDIRECT("第１の３表②!"&amp;CELL("address",DS59))="××"</formula>
    </cfRule>
    <cfRule type="expression" dxfId="5076" priority="5079" stopIfTrue="1">
      <formula>INDIRECT("第１の３表②!"&amp;CELL("address",DS59))="×"</formula>
    </cfRule>
    <cfRule type="expression" dxfId="5075" priority="5080" stopIfTrue="1">
      <formula>ISBLANK(AZ59)=FALSE</formula>
    </cfRule>
  </conditionalFormatting>
  <conditionalFormatting sqref="AZ62:BA63">
    <cfRule type="expression" dxfId="5074" priority="5071" stopIfTrue="1">
      <formula>ISBLANK(AZ62)=TRUE</formula>
    </cfRule>
    <cfRule type="expression" dxfId="5073" priority="5072" stopIfTrue="1">
      <formula>INDIRECT("第１の３表②!"&amp;CELL("address",DS62))="×××"</formula>
    </cfRule>
    <cfRule type="expression" dxfId="5072" priority="5073" stopIfTrue="1">
      <formula>INDIRECT("第１の３表②!"&amp;CELL("address",DS62))="××"</formula>
    </cfRule>
    <cfRule type="expression" dxfId="5071" priority="5074" stopIfTrue="1">
      <formula>INDIRECT("第１の３表②!"&amp;CELL("address",DS62))="×"</formula>
    </cfRule>
    <cfRule type="expression" dxfId="5070" priority="5075" stopIfTrue="1">
      <formula>ISBLANK(AZ62)=FALSE</formula>
    </cfRule>
  </conditionalFormatting>
  <conditionalFormatting sqref="AZ62:BA63">
    <cfRule type="expression" dxfId="5069" priority="5066" stopIfTrue="1">
      <formula>ISBLANK(AZ62)=TRUE</formula>
    </cfRule>
    <cfRule type="expression" dxfId="5068" priority="5067" stopIfTrue="1">
      <formula>INDIRECT("第１の３表②!"&amp;CELL("address",DS62))="×××"</formula>
    </cfRule>
    <cfRule type="expression" dxfId="5067" priority="5068" stopIfTrue="1">
      <formula>INDIRECT("第１の３表②!"&amp;CELL("address",DS62))="××"</formula>
    </cfRule>
    <cfRule type="expression" dxfId="5066" priority="5069" stopIfTrue="1">
      <formula>INDIRECT("第１の３表②!"&amp;CELL("address",DS62))="×"</formula>
    </cfRule>
    <cfRule type="expression" dxfId="5065" priority="5070" stopIfTrue="1">
      <formula>ISBLANK(AZ62)=FALSE</formula>
    </cfRule>
  </conditionalFormatting>
  <conditionalFormatting sqref="AZ62:BA63">
    <cfRule type="expression" dxfId="5064" priority="5061" stopIfTrue="1">
      <formula>ISBLANK(AZ62)=TRUE</formula>
    </cfRule>
    <cfRule type="expression" dxfId="5063" priority="5062" stopIfTrue="1">
      <formula>INDIRECT("第１の３表②!"&amp;CELL("address",DS62))="×××"</formula>
    </cfRule>
    <cfRule type="expression" dxfId="5062" priority="5063" stopIfTrue="1">
      <formula>INDIRECT("第１の３表②!"&amp;CELL("address",DS62))="××"</formula>
    </cfRule>
    <cfRule type="expression" dxfId="5061" priority="5064" stopIfTrue="1">
      <formula>INDIRECT("第１の３表②!"&amp;CELL("address",DS62))="×"</formula>
    </cfRule>
    <cfRule type="expression" dxfId="5060" priority="5065" stopIfTrue="1">
      <formula>ISBLANK(AZ62)=FALSE</formula>
    </cfRule>
  </conditionalFormatting>
  <conditionalFormatting sqref="BC56:BD57">
    <cfRule type="expression" dxfId="5059" priority="5056" stopIfTrue="1">
      <formula>ISBLANK(BC56)=TRUE</formula>
    </cfRule>
    <cfRule type="expression" dxfId="5058" priority="5057" stopIfTrue="1">
      <formula>INDIRECT("第１の３表②!"&amp;CELL("address",DV56))="×××"</formula>
    </cfRule>
    <cfRule type="expression" dxfId="5057" priority="5058" stopIfTrue="1">
      <formula>INDIRECT("第１の３表②!"&amp;CELL("address",DV56))="××"</formula>
    </cfRule>
    <cfRule type="expression" dxfId="5056" priority="5059" stopIfTrue="1">
      <formula>INDIRECT("第１の３表②!"&amp;CELL("address",DV56))="×"</formula>
    </cfRule>
    <cfRule type="expression" dxfId="5055" priority="5060" stopIfTrue="1">
      <formula>ISBLANK(BC56)=FALSE</formula>
    </cfRule>
  </conditionalFormatting>
  <conditionalFormatting sqref="BC56:BD57">
    <cfRule type="expression" dxfId="5054" priority="5051" stopIfTrue="1">
      <formula>ISBLANK(BC56)=TRUE</formula>
    </cfRule>
    <cfRule type="expression" dxfId="5053" priority="5052" stopIfTrue="1">
      <formula>INDIRECT("第１の３表②!"&amp;CELL("address",DV56))="×××"</formula>
    </cfRule>
    <cfRule type="expression" dxfId="5052" priority="5053" stopIfTrue="1">
      <formula>INDIRECT("第１の３表②!"&amp;CELL("address",DV56))="××"</formula>
    </cfRule>
    <cfRule type="expression" dxfId="5051" priority="5054" stopIfTrue="1">
      <formula>INDIRECT("第１の３表②!"&amp;CELL("address",DV56))="×"</formula>
    </cfRule>
    <cfRule type="expression" dxfId="5050" priority="5055" stopIfTrue="1">
      <formula>ISBLANK(BC56)=FALSE</formula>
    </cfRule>
  </conditionalFormatting>
  <conditionalFormatting sqref="BC56:BD57">
    <cfRule type="expression" dxfId="5049" priority="5046" stopIfTrue="1">
      <formula>ISBLANK(BC56)=TRUE</formula>
    </cfRule>
    <cfRule type="expression" dxfId="5048" priority="5047" stopIfTrue="1">
      <formula>INDIRECT("第１の３表②!"&amp;CELL("address",DV56))="×××"</formula>
    </cfRule>
    <cfRule type="expression" dxfId="5047" priority="5048" stopIfTrue="1">
      <formula>INDIRECT("第１の３表②!"&amp;CELL("address",DV56))="××"</formula>
    </cfRule>
    <cfRule type="expression" dxfId="5046" priority="5049" stopIfTrue="1">
      <formula>INDIRECT("第１の３表②!"&amp;CELL("address",DV56))="×"</formula>
    </cfRule>
    <cfRule type="expression" dxfId="5045" priority="5050" stopIfTrue="1">
      <formula>ISBLANK(BC56)=FALSE</formula>
    </cfRule>
  </conditionalFormatting>
  <conditionalFormatting sqref="BC59:BD60">
    <cfRule type="expression" dxfId="5044" priority="5041" stopIfTrue="1">
      <formula>ISBLANK(BC59)=TRUE</formula>
    </cfRule>
    <cfRule type="expression" dxfId="5043" priority="5042" stopIfTrue="1">
      <formula>INDIRECT("第１の３表②!"&amp;CELL("address",DV59))="×××"</formula>
    </cfRule>
    <cfRule type="expression" dxfId="5042" priority="5043" stopIfTrue="1">
      <formula>INDIRECT("第１の３表②!"&amp;CELL("address",DV59))="××"</formula>
    </cfRule>
    <cfRule type="expression" dxfId="5041" priority="5044" stopIfTrue="1">
      <formula>INDIRECT("第１の３表②!"&amp;CELL("address",DV59))="×"</formula>
    </cfRule>
    <cfRule type="expression" dxfId="5040" priority="5045" stopIfTrue="1">
      <formula>ISBLANK(BC59)=FALSE</formula>
    </cfRule>
  </conditionalFormatting>
  <conditionalFormatting sqref="BC59:BD60">
    <cfRule type="expression" dxfId="5039" priority="5036" stopIfTrue="1">
      <formula>ISBLANK(BC59)=TRUE</formula>
    </cfRule>
    <cfRule type="expression" dxfId="5038" priority="5037" stopIfTrue="1">
      <formula>INDIRECT("第１の３表②!"&amp;CELL("address",DV59))="×××"</formula>
    </cfRule>
    <cfRule type="expression" dxfId="5037" priority="5038" stopIfTrue="1">
      <formula>INDIRECT("第１の３表②!"&amp;CELL("address",DV59))="××"</formula>
    </cfRule>
    <cfRule type="expression" dxfId="5036" priority="5039" stopIfTrue="1">
      <formula>INDIRECT("第１の３表②!"&amp;CELL("address",DV59))="×"</formula>
    </cfRule>
    <cfRule type="expression" dxfId="5035" priority="5040" stopIfTrue="1">
      <formula>ISBLANK(BC59)=FALSE</formula>
    </cfRule>
  </conditionalFormatting>
  <conditionalFormatting sqref="BC59:BD60">
    <cfRule type="expression" dxfId="5034" priority="5031" stopIfTrue="1">
      <formula>ISBLANK(BC59)=TRUE</formula>
    </cfRule>
    <cfRule type="expression" dxfId="5033" priority="5032" stopIfTrue="1">
      <formula>INDIRECT("第１の３表②!"&amp;CELL("address",DV59))="×××"</formula>
    </cfRule>
    <cfRule type="expression" dxfId="5032" priority="5033" stopIfTrue="1">
      <formula>INDIRECT("第１の３表②!"&amp;CELL("address",DV59))="××"</formula>
    </cfRule>
    <cfRule type="expression" dxfId="5031" priority="5034" stopIfTrue="1">
      <formula>INDIRECT("第１の３表②!"&amp;CELL("address",DV59))="×"</formula>
    </cfRule>
    <cfRule type="expression" dxfId="5030" priority="5035" stopIfTrue="1">
      <formula>ISBLANK(BC59)=FALSE</formula>
    </cfRule>
  </conditionalFormatting>
  <conditionalFormatting sqref="BC62:BD63">
    <cfRule type="expression" dxfId="5029" priority="5026" stopIfTrue="1">
      <formula>ISBLANK(BC62)=TRUE</formula>
    </cfRule>
    <cfRule type="expression" dxfId="5028" priority="5027" stopIfTrue="1">
      <formula>INDIRECT("第１の３表②!"&amp;CELL("address",DV62))="×××"</formula>
    </cfRule>
    <cfRule type="expression" dxfId="5027" priority="5028" stopIfTrue="1">
      <formula>INDIRECT("第１の３表②!"&amp;CELL("address",DV62))="××"</formula>
    </cfRule>
    <cfRule type="expression" dxfId="5026" priority="5029" stopIfTrue="1">
      <formula>INDIRECT("第１の３表②!"&amp;CELL("address",DV62))="×"</formula>
    </cfRule>
    <cfRule type="expression" dxfId="5025" priority="5030" stopIfTrue="1">
      <formula>ISBLANK(BC62)=FALSE</formula>
    </cfRule>
  </conditionalFormatting>
  <conditionalFormatting sqref="BC62:BD63">
    <cfRule type="expression" dxfId="5024" priority="5021" stopIfTrue="1">
      <formula>ISBLANK(BC62)=TRUE</formula>
    </cfRule>
    <cfRule type="expression" dxfId="5023" priority="5022" stopIfTrue="1">
      <formula>INDIRECT("第１の３表②!"&amp;CELL("address",DV62))="×××"</formula>
    </cfRule>
    <cfRule type="expression" dxfId="5022" priority="5023" stopIfTrue="1">
      <formula>INDIRECT("第１の３表②!"&amp;CELL("address",DV62))="××"</formula>
    </cfRule>
    <cfRule type="expression" dxfId="5021" priority="5024" stopIfTrue="1">
      <formula>INDIRECT("第１の３表②!"&amp;CELL("address",DV62))="×"</formula>
    </cfRule>
    <cfRule type="expression" dxfId="5020" priority="5025" stopIfTrue="1">
      <formula>ISBLANK(BC62)=FALSE</formula>
    </cfRule>
  </conditionalFormatting>
  <conditionalFormatting sqref="BC62:BD63">
    <cfRule type="expression" dxfId="5019" priority="5016" stopIfTrue="1">
      <formula>ISBLANK(BC62)=TRUE</formula>
    </cfRule>
    <cfRule type="expression" dxfId="5018" priority="5017" stopIfTrue="1">
      <formula>INDIRECT("第１の３表②!"&amp;CELL("address",DV62))="×××"</formula>
    </cfRule>
    <cfRule type="expression" dxfId="5017" priority="5018" stopIfTrue="1">
      <formula>INDIRECT("第１の３表②!"&amp;CELL("address",DV62))="××"</formula>
    </cfRule>
    <cfRule type="expression" dxfId="5016" priority="5019" stopIfTrue="1">
      <formula>INDIRECT("第１の３表②!"&amp;CELL("address",DV62))="×"</formula>
    </cfRule>
    <cfRule type="expression" dxfId="5015" priority="5020" stopIfTrue="1">
      <formula>ISBLANK(BC62)=FALSE</formula>
    </cfRule>
  </conditionalFormatting>
  <conditionalFormatting sqref="BF56:BG57">
    <cfRule type="expression" dxfId="5014" priority="5011" stopIfTrue="1">
      <formula>ISBLANK(BF56)=TRUE</formula>
    </cfRule>
    <cfRule type="expression" dxfId="5013" priority="5012" stopIfTrue="1">
      <formula>INDIRECT("第１の３表②!"&amp;CELL("address",DY56))="×××"</formula>
    </cfRule>
    <cfRule type="expression" dxfId="5012" priority="5013" stopIfTrue="1">
      <formula>INDIRECT("第１の３表②!"&amp;CELL("address",DY56))="××"</formula>
    </cfRule>
    <cfRule type="expression" dxfId="5011" priority="5014" stopIfTrue="1">
      <formula>INDIRECT("第１の３表②!"&amp;CELL("address",DY56))="×"</formula>
    </cfRule>
    <cfRule type="expression" dxfId="5010" priority="5015" stopIfTrue="1">
      <formula>ISBLANK(BF56)=FALSE</formula>
    </cfRule>
  </conditionalFormatting>
  <conditionalFormatting sqref="BF56:BG57">
    <cfRule type="expression" dxfId="5009" priority="5006" stopIfTrue="1">
      <formula>ISBLANK(BF56)=TRUE</formula>
    </cfRule>
    <cfRule type="expression" dxfId="5008" priority="5007" stopIfTrue="1">
      <formula>INDIRECT("第１の３表②!"&amp;CELL("address",DY56))="×××"</formula>
    </cfRule>
    <cfRule type="expression" dxfId="5007" priority="5008" stopIfTrue="1">
      <formula>INDIRECT("第１の３表②!"&amp;CELL("address",DY56))="××"</formula>
    </cfRule>
    <cfRule type="expression" dxfId="5006" priority="5009" stopIfTrue="1">
      <formula>INDIRECT("第１の３表②!"&amp;CELL("address",DY56))="×"</formula>
    </cfRule>
    <cfRule type="expression" dxfId="5005" priority="5010" stopIfTrue="1">
      <formula>ISBLANK(BF56)=FALSE</formula>
    </cfRule>
  </conditionalFormatting>
  <conditionalFormatting sqref="BF56:BG57">
    <cfRule type="expression" dxfId="5004" priority="5001" stopIfTrue="1">
      <formula>ISBLANK(BF56)=TRUE</formula>
    </cfRule>
    <cfRule type="expression" dxfId="5003" priority="5002" stopIfTrue="1">
      <formula>INDIRECT("第１の３表②!"&amp;CELL("address",DY56))="×××"</formula>
    </cfRule>
    <cfRule type="expression" dxfId="5002" priority="5003" stopIfTrue="1">
      <formula>INDIRECT("第１の３表②!"&amp;CELL("address",DY56))="××"</formula>
    </cfRule>
    <cfRule type="expression" dxfId="5001" priority="5004" stopIfTrue="1">
      <formula>INDIRECT("第１の３表②!"&amp;CELL("address",DY56))="×"</formula>
    </cfRule>
    <cfRule type="expression" dxfId="5000" priority="5005" stopIfTrue="1">
      <formula>ISBLANK(BF56)=FALSE</formula>
    </cfRule>
  </conditionalFormatting>
  <conditionalFormatting sqref="BF59:BG60">
    <cfRule type="expression" dxfId="4999" priority="4996" stopIfTrue="1">
      <formula>ISBLANK(BF59)=TRUE</formula>
    </cfRule>
    <cfRule type="expression" dxfId="4998" priority="4997" stopIfTrue="1">
      <formula>INDIRECT("第１の３表②!"&amp;CELL("address",DY59))="×××"</formula>
    </cfRule>
    <cfRule type="expression" dxfId="4997" priority="4998" stopIfTrue="1">
      <formula>INDIRECT("第１の３表②!"&amp;CELL("address",DY59))="××"</formula>
    </cfRule>
    <cfRule type="expression" dxfId="4996" priority="4999" stopIfTrue="1">
      <formula>INDIRECT("第１の３表②!"&amp;CELL("address",DY59))="×"</formula>
    </cfRule>
    <cfRule type="expression" dxfId="4995" priority="5000" stopIfTrue="1">
      <formula>ISBLANK(BF59)=FALSE</formula>
    </cfRule>
  </conditionalFormatting>
  <conditionalFormatting sqref="BF59:BG60">
    <cfRule type="expression" dxfId="4994" priority="4991" stopIfTrue="1">
      <formula>ISBLANK(BF59)=TRUE</formula>
    </cfRule>
    <cfRule type="expression" dxfId="4993" priority="4992" stopIfTrue="1">
      <formula>INDIRECT("第１の３表②!"&amp;CELL("address",DY59))="×××"</formula>
    </cfRule>
    <cfRule type="expression" dxfId="4992" priority="4993" stopIfTrue="1">
      <formula>INDIRECT("第１の３表②!"&amp;CELL("address",DY59))="××"</formula>
    </cfRule>
    <cfRule type="expression" dxfId="4991" priority="4994" stopIfTrue="1">
      <formula>INDIRECT("第１の３表②!"&amp;CELL("address",DY59))="×"</formula>
    </cfRule>
    <cfRule type="expression" dxfId="4990" priority="4995" stopIfTrue="1">
      <formula>ISBLANK(BF59)=FALSE</formula>
    </cfRule>
  </conditionalFormatting>
  <conditionalFormatting sqref="BF59:BG60">
    <cfRule type="expression" dxfId="4989" priority="4986" stopIfTrue="1">
      <formula>ISBLANK(BF59)=TRUE</formula>
    </cfRule>
    <cfRule type="expression" dxfId="4988" priority="4987" stopIfTrue="1">
      <formula>INDIRECT("第１の３表②!"&amp;CELL("address",DY59))="×××"</formula>
    </cfRule>
    <cfRule type="expression" dxfId="4987" priority="4988" stopIfTrue="1">
      <formula>INDIRECT("第１の３表②!"&amp;CELL("address",DY59))="××"</formula>
    </cfRule>
    <cfRule type="expression" dxfId="4986" priority="4989" stopIfTrue="1">
      <formula>INDIRECT("第１の３表②!"&amp;CELL("address",DY59))="×"</formula>
    </cfRule>
    <cfRule type="expression" dxfId="4985" priority="4990" stopIfTrue="1">
      <formula>ISBLANK(BF59)=FALSE</formula>
    </cfRule>
  </conditionalFormatting>
  <conditionalFormatting sqref="BF62:BG63">
    <cfRule type="expression" dxfId="4984" priority="4981" stopIfTrue="1">
      <formula>ISBLANK(BF62)=TRUE</formula>
    </cfRule>
    <cfRule type="expression" dxfId="4983" priority="4982" stopIfTrue="1">
      <formula>INDIRECT("第１の３表②!"&amp;CELL("address",DY62))="×××"</formula>
    </cfRule>
    <cfRule type="expression" dxfId="4982" priority="4983" stopIfTrue="1">
      <formula>INDIRECT("第１の３表②!"&amp;CELL("address",DY62))="××"</formula>
    </cfRule>
    <cfRule type="expression" dxfId="4981" priority="4984" stopIfTrue="1">
      <formula>INDIRECT("第１の３表②!"&amp;CELL("address",DY62))="×"</formula>
    </cfRule>
    <cfRule type="expression" dxfId="4980" priority="4985" stopIfTrue="1">
      <formula>ISBLANK(BF62)=FALSE</formula>
    </cfRule>
  </conditionalFormatting>
  <conditionalFormatting sqref="BF62:BG63">
    <cfRule type="expression" dxfId="4979" priority="4976" stopIfTrue="1">
      <formula>ISBLANK(BF62)=TRUE</formula>
    </cfRule>
    <cfRule type="expression" dxfId="4978" priority="4977" stopIfTrue="1">
      <formula>INDIRECT("第１の３表②!"&amp;CELL("address",DY62))="×××"</formula>
    </cfRule>
    <cfRule type="expression" dxfId="4977" priority="4978" stopIfTrue="1">
      <formula>INDIRECT("第１の３表②!"&amp;CELL("address",DY62))="××"</formula>
    </cfRule>
    <cfRule type="expression" dxfId="4976" priority="4979" stopIfTrue="1">
      <formula>INDIRECT("第１の３表②!"&amp;CELL("address",DY62))="×"</formula>
    </cfRule>
    <cfRule type="expression" dxfId="4975" priority="4980" stopIfTrue="1">
      <formula>ISBLANK(BF62)=FALSE</formula>
    </cfRule>
  </conditionalFormatting>
  <conditionalFormatting sqref="BF62:BG63">
    <cfRule type="expression" dxfId="4974" priority="4971" stopIfTrue="1">
      <formula>ISBLANK(BF62)=TRUE</formula>
    </cfRule>
    <cfRule type="expression" dxfId="4973" priority="4972" stopIfTrue="1">
      <formula>INDIRECT("第１の３表②!"&amp;CELL("address",DY62))="×××"</formula>
    </cfRule>
    <cfRule type="expression" dxfId="4972" priority="4973" stopIfTrue="1">
      <formula>INDIRECT("第１の３表②!"&amp;CELL("address",DY62))="××"</formula>
    </cfRule>
    <cfRule type="expression" dxfId="4971" priority="4974" stopIfTrue="1">
      <formula>INDIRECT("第１の３表②!"&amp;CELL("address",DY62))="×"</formula>
    </cfRule>
    <cfRule type="expression" dxfId="4970" priority="4975" stopIfTrue="1">
      <formula>ISBLANK(BF62)=FALSE</formula>
    </cfRule>
  </conditionalFormatting>
  <conditionalFormatting sqref="BI56:BJ57">
    <cfRule type="expression" dxfId="4969" priority="4966" stopIfTrue="1">
      <formula>ISBLANK(BI56)=TRUE</formula>
    </cfRule>
    <cfRule type="expression" dxfId="4968" priority="4967" stopIfTrue="1">
      <formula>INDIRECT("第１の３表②!"&amp;CELL("address",EB56))="×××"</formula>
    </cfRule>
    <cfRule type="expression" dxfId="4967" priority="4968" stopIfTrue="1">
      <formula>INDIRECT("第１の３表②!"&amp;CELL("address",EB56))="××"</formula>
    </cfRule>
    <cfRule type="expression" dxfId="4966" priority="4969" stopIfTrue="1">
      <formula>INDIRECT("第１の３表②!"&amp;CELL("address",EB56))="×"</formula>
    </cfRule>
    <cfRule type="expression" dxfId="4965" priority="4970" stopIfTrue="1">
      <formula>ISBLANK(BI56)=FALSE</formula>
    </cfRule>
  </conditionalFormatting>
  <conditionalFormatting sqref="BI56:BJ57">
    <cfRule type="expression" dxfId="4964" priority="4961" stopIfTrue="1">
      <formula>ISBLANK(BI56)=TRUE</formula>
    </cfRule>
    <cfRule type="expression" dxfId="4963" priority="4962" stopIfTrue="1">
      <formula>INDIRECT("第１の３表②!"&amp;CELL("address",EB56))="×××"</formula>
    </cfRule>
    <cfRule type="expression" dxfId="4962" priority="4963" stopIfTrue="1">
      <formula>INDIRECT("第１の３表②!"&amp;CELL("address",EB56))="××"</formula>
    </cfRule>
    <cfRule type="expression" dxfId="4961" priority="4964" stopIfTrue="1">
      <formula>INDIRECT("第１の３表②!"&amp;CELL("address",EB56))="×"</formula>
    </cfRule>
    <cfRule type="expression" dxfId="4960" priority="4965" stopIfTrue="1">
      <formula>ISBLANK(BI56)=FALSE</formula>
    </cfRule>
  </conditionalFormatting>
  <conditionalFormatting sqref="BI56:BJ57">
    <cfRule type="expression" dxfId="4959" priority="4956" stopIfTrue="1">
      <formula>ISBLANK(BI56)=TRUE</formula>
    </cfRule>
    <cfRule type="expression" dxfId="4958" priority="4957" stopIfTrue="1">
      <formula>INDIRECT("第１の３表②!"&amp;CELL("address",EB56))="×××"</formula>
    </cfRule>
    <cfRule type="expression" dxfId="4957" priority="4958" stopIfTrue="1">
      <formula>INDIRECT("第１の３表②!"&amp;CELL("address",EB56))="××"</formula>
    </cfRule>
    <cfRule type="expression" dxfId="4956" priority="4959" stopIfTrue="1">
      <formula>INDIRECT("第１の３表②!"&amp;CELL("address",EB56))="×"</formula>
    </cfRule>
    <cfRule type="expression" dxfId="4955" priority="4960" stopIfTrue="1">
      <formula>ISBLANK(BI56)=FALSE</formula>
    </cfRule>
  </conditionalFormatting>
  <conditionalFormatting sqref="BI59:BJ60">
    <cfRule type="expression" dxfId="4954" priority="4951" stopIfTrue="1">
      <formula>ISBLANK(BI59)=TRUE</formula>
    </cfRule>
    <cfRule type="expression" dxfId="4953" priority="4952" stopIfTrue="1">
      <formula>INDIRECT("第１の３表②!"&amp;CELL("address",EB59))="×××"</formula>
    </cfRule>
    <cfRule type="expression" dxfId="4952" priority="4953" stopIfTrue="1">
      <formula>INDIRECT("第１の３表②!"&amp;CELL("address",EB59))="××"</formula>
    </cfRule>
    <cfRule type="expression" dxfId="4951" priority="4954" stopIfTrue="1">
      <formula>INDIRECT("第１の３表②!"&amp;CELL("address",EB59))="×"</formula>
    </cfRule>
    <cfRule type="expression" dxfId="4950" priority="4955" stopIfTrue="1">
      <formula>ISBLANK(BI59)=FALSE</formula>
    </cfRule>
  </conditionalFormatting>
  <conditionalFormatting sqref="BI59:BJ60">
    <cfRule type="expression" dxfId="4949" priority="4946" stopIfTrue="1">
      <formula>ISBLANK(BI59)=TRUE</formula>
    </cfRule>
    <cfRule type="expression" dxfId="4948" priority="4947" stopIfTrue="1">
      <formula>INDIRECT("第１の３表②!"&amp;CELL("address",EB59))="×××"</formula>
    </cfRule>
    <cfRule type="expression" dxfId="4947" priority="4948" stopIfTrue="1">
      <formula>INDIRECT("第１の３表②!"&amp;CELL("address",EB59))="××"</formula>
    </cfRule>
    <cfRule type="expression" dxfId="4946" priority="4949" stopIfTrue="1">
      <formula>INDIRECT("第１の３表②!"&amp;CELL("address",EB59))="×"</formula>
    </cfRule>
    <cfRule type="expression" dxfId="4945" priority="4950" stopIfTrue="1">
      <formula>ISBLANK(BI59)=FALSE</formula>
    </cfRule>
  </conditionalFormatting>
  <conditionalFormatting sqref="BI59:BJ60">
    <cfRule type="expression" dxfId="4944" priority="4941" stopIfTrue="1">
      <formula>ISBLANK(BI59)=TRUE</formula>
    </cfRule>
    <cfRule type="expression" dxfId="4943" priority="4942" stopIfTrue="1">
      <formula>INDIRECT("第１の３表②!"&amp;CELL("address",EB59))="×××"</formula>
    </cfRule>
    <cfRule type="expression" dxfId="4942" priority="4943" stopIfTrue="1">
      <formula>INDIRECT("第１の３表②!"&amp;CELL("address",EB59))="××"</formula>
    </cfRule>
    <cfRule type="expression" dxfId="4941" priority="4944" stopIfTrue="1">
      <formula>INDIRECT("第１の３表②!"&amp;CELL("address",EB59))="×"</formula>
    </cfRule>
    <cfRule type="expression" dxfId="4940" priority="4945" stopIfTrue="1">
      <formula>ISBLANK(BI59)=FALSE</formula>
    </cfRule>
  </conditionalFormatting>
  <conditionalFormatting sqref="BI62:BJ63">
    <cfRule type="expression" dxfId="4939" priority="4936" stopIfTrue="1">
      <formula>ISBLANK(BI62)=TRUE</formula>
    </cfRule>
    <cfRule type="expression" dxfId="4938" priority="4937" stopIfTrue="1">
      <formula>INDIRECT("第１の３表②!"&amp;CELL("address",EB62))="×××"</formula>
    </cfRule>
    <cfRule type="expression" dxfId="4937" priority="4938" stopIfTrue="1">
      <formula>INDIRECT("第１の３表②!"&amp;CELL("address",EB62))="××"</formula>
    </cfRule>
    <cfRule type="expression" dxfId="4936" priority="4939" stopIfTrue="1">
      <formula>INDIRECT("第１の３表②!"&amp;CELL("address",EB62))="×"</formula>
    </cfRule>
    <cfRule type="expression" dxfId="4935" priority="4940" stopIfTrue="1">
      <formula>ISBLANK(BI62)=FALSE</formula>
    </cfRule>
  </conditionalFormatting>
  <conditionalFormatting sqref="BI62:BJ63">
    <cfRule type="expression" dxfId="4934" priority="4931" stopIfTrue="1">
      <formula>ISBLANK(BI62)=TRUE</formula>
    </cfRule>
    <cfRule type="expression" dxfId="4933" priority="4932" stopIfTrue="1">
      <formula>INDIRECT("第１の３表②!"&amp;CELL("address",EB62))="×××"</formula>
    </cfRule>
    <cfRule type="expression" dxfId="4932" priority="4933" stopIfTrue="1">
      <formula>INDIRECT("第１の３表②!"&amp;CELL("address",EB62))="××"</formula>
    </cfRule>
    <cfRule type="expression" dxfId="4931" priority="4934" stopIfTrue="1">
      <formula>INDIRECT("第１の３表②!"&amp;CELL("address",EB62))="×"</formula>
    </cfRule>
    <cfRule type="expression" dxfId="4930" priority="4935" stopIfTrue="1">
      <formula>ISBLANK(BI62)=FALSE</formula>
    </cfRule>
  </conditionalFormatting>
  <conditionalFormatting sqref="BI62:BJ63">
    <cfRule type="expression" dxfId="4929" priority="4926" stopIfTrue="1">
      <formula>ISBLANK(BI62)=TRUE</formula>
    </cfRule>
    <cfRule type="expression" dxfId="4928" priority="4927" stopIfTrue="1">
      <formula>INDIRECT("第１の３表②!"&amp;CELL("address",EB62))="×××"</formula>
    </cfRule>
    <cfRule type="expression" dxfId="4927" priority="4928" stopIfTrue="1">
      <formula>INDIRECT("第１の３表②!"&amp;CELL("address",EB62))="××"</formula>
    </cfRule>
    <cfRule type="expression" dxfId="4926" priority="4929" stopIfTrue="1">
      <formula>INDIRECT("第１の３表②!"&amp;CELL("address",EB62))="×"</formula>
    </cfRule>
    <cfRule type="expression" dxfId="4925" priority="4930" stopIfTrue="1">
      <formula>ISBLANK(BI62)=FALSE</formula>
    </cfRule>
  </conditionalFormatting>
  <conditionalFormatting sqref="BL56:BM57">
    <cfRule type="expression" dxfId="4924" priority="4921" stopIfTrue="1">
      <formula>ISBLANK(BL56)=TRUE</formula>
    </cfRule>
    <cfRule type="expression" dxfId="4923" priority="4922" stopIfTrue="1">
      <formula>INDIRECT("第１の３表②!"&amp;CELL("address",EE56))="×××"</formula>
    </cfRule>
    <cfRule type="expression" dxfId="4922" priority="4923" stopIfTrue="1">
      <formula>INDIRECT("第１の３表②!"&amp;CELL("address",EE56))="××"</formula>
    </cfRule>
    <cfRule type="expression" dxfId="4921" priority="4924" stopIfTrue="1">
      <formula>INDIRECT("第１の３表②!"&amp;CELL("address",EE56))="×"</formula>
    </cfRule>
    <cfRule type="expression" dxfId="4920" priority="4925" stopIfTrue="1">
      <formula>ISBLANK(BL56)=FALSE</formula>
    </cfRule>
  </conditionalFormatting>
  <conditionalFormatting sqref="BL56:BM57">
    <cfRule type="expression" dxfId="4919" priority="4916" stopIfTrue="1">
      <formula>ISBLANK(BL56)=TRUE</formula>
    </cfRule>
    <cfRule type="expression" dxfId="4918" priority="4917" stopIfTrue="1">
      <formula>INDIRECT("第１の３表②!"&amp;CELL("address",EE56))="×××"</formula>
    </cfRule>
    <cfRule type="expression" dxfId="4917" priority="4918" stopIfTrue="1">
      <formula>INDIRECT("第１の３表②!"&amp;CELL("address",EE56))="××"</formula>
    </cfRule>
    <cfRule type="expression" dxfId="4916" priority="4919" stopIfTrue="1">
      <formula>INDIRECT("第１の３表②!"&amp;CELL("address",EE56))="×"</formula>
    </cfRule>
    <cfRule type="expression" dxfId="4915" priority="4920" stopIfTrue="1">
      <formula>ISBLANK(BL56)=FALSE</formula>
    </cfRule>
  </conditionalFormatting>
  <conditionalFormatting sqref="BL56:BM57">
    <cfRule type="expression" dxfId="4914" priority="4911" stopIfTrue="1">
      <formula>ISBLANK(BL56)=TRUE</formula>
    </cfRule>
    <cfRule type="expression" dxfId="4913" priority="4912" stopIfTrue="1">
      <formula>INDIRECT("第１の３表②!"&amp;CELL("address",EE56))="×××"</formula>
    </cfRule>
    <cfRule type="expression" dxfId="4912" priority="4913" stopIfTrue="1">
      <formula>INDIRECT("第１の３表②!"&amp;CELL("address",EE56))="××"</formula>
    </cfRule>
    <cfRule type="expression" dxfId="4911" priority="4914" stopIfTrue="1">
      <formula>INDIRECT("第１の３表②!"&amp;CELL("address",EE56))="×"</formula>
    </cfRule>
    <cfRule type="expression" dxfId="4910" priority="4915" stopIfTrue="1">
      <formula>ISBLANK(BL56)=FALSE</formula>
    </cfRule>
  </conditionalFormatting>
  <conditionalFormatting sqref="BL59:BM60">
    <cfRule type="expression" dxfId="4909" priority="4906" stopIfTrue="1">
      <formula>ISBLANK(BL59)=TRUE</formula>
    </cfRule>
    <cfRule type="expression" dxfId="4908" priority="4907" stopIfTrue="1">
      <formula>INDIRECT("第１の３表②!"&amp;CELL("address",EE59))="×××"</formula>
    </cfRule>
    <cfRule type="expression" dxfId="4907" priority="4908" stopIfTrue="1">
      <formula>INDIRECT("第１の３表②!"&amp;CELL("address",EE59))="××"</formula>
    </cfRule>
    <cfRule type="expression" dxfId="4906" priority="4909" stopIfTrue="1">
      <formula>INDIRECT("第１の３表②!"&amp;CELL("address",EE59))="×"</formula>
    </cfRule>
    <cfRule type="expression" dxfId="4905" priority="4910" stopIfTrue="1">
      <formula>ISBLANK(BL59)=FALSE</formula>
    </cfRule>
  </conditionalFormatting>
  <conditionalFormatting sqref="BL59:BM60">
    <cfRule type="expression" dxfId="4904" priority="4901" stopIfTrue="1">
      <formula>ISBLANK(BL59)=TRUE</formula>
    </cfRule>
    <cfRule type="expression" dxfId="4903" priority="4902" stopIfTrue="1">
      <formula>INDIRECT("第１の３表②!"&amp;CELL("address",EE59))="×××"</formula>
    </cfRule>
    <cfRule type="expression" dxfId="4902" priority="4903" stopIfTrue="1">
      <formula>INDIRECT("第１の３表②!"&amp;CELL("address",EE59))="××"</formula>
    </cfRule>
    <cfRule type="expression" dxfId="4901" priority="4904" stopIfTrue="1">
      <formula>INDIRECT("第１の３表②!"&amp;CELL("address",EE59))="×"</formula>
    </cfRule>
    <cfRule type="expression" dxfId="4900" priority="4905" stopIfTrue="1">
      <formula>ISBLANK(BL59)=FALSE</formula>
    </cfRule>
  </conditionalFormatting>
  <conditionalFormatting sqref="BL59:BM60">
    <cfRule type="expression" dxfId="4899" priority="4896" stopIfTrue="1">
      <formula>ISBLANK(BL59)=TRUE</formula>
    </cfRule>
    <cfRule type="expression" dxfId="4898" priority="4897" stopIfTrue="1">
      <formula>INDIRECT("第１の３表②!"&amp;CELL("address",EE59))="×××"</formula>
    </cfRule>
    <cfRule type="expression" dxfId="4897" priority="4898" stopIfTrue="1">
      <formula>INDIRECT("第１の３表②!"&amp;CELL("address",EE59))="××"</formula>
    </cfRule>
    <cfRule type="expression" dxfId="4896" priority="4899" stopIfTrue="1">
      <formula>INDIRECT("第１の３表②!"&amp;CELL("address",EE59))="×"</formula>
    </cfRule>
    <cfRule type="expression" dxfId="4895" priority="4900" stopIfTrue="1">
      <formula>ISBLANK(BL59)=FALSE</formula>
    </cfRule>
  </conditionalFormatting>
  <conditionalFormatting sqref="BL62:BM63">
    <cfRule type="expression" dxfId="4894" priority="4891" stopIfTrue="1">
      <formula>ISBLANK(BL62)=TRUE</formula>
    </cfRule>
    <cfRule type="expression" dxfId="4893" priority="4892" stopIfTrue="1">
      <formula>INDIRECT("第１の３表②!"&amp;CELL("address",EE62))="×××"</formula>
    </cfRule>
    <cfRule type="expression" dxfId="4892" priority="4893" stopIfTrue="1">
      <formula>INDIRECT("第１の３表②!"&amp;CELL("address",EE62))="××"</formula>
    </cfRule>
    <cfRule type="expression" dxfId="4891" priority="4894" stopIfTrue="1">
      <formula>INDIRECT("第１の３表②!"&amp;CELL("address",EE62))="×"</formula>
    </cfRule>
    <cfRule type="expression" dxfId="4890" priority="4895" stopIfTrue="1">
      <formula>ISBLANK(BL62)=FALSE</formula>
    </cfRule>
  </conditionalFormatting>
  <conditionalFormatting sqref="BL62:BM63">
    <cfRule type="expression" dxfId="4889" priority="4886" stopIfTrue="1">
      <formula>ISBLANK(BL62)=TRUE</formula>
    </cfRule>
    <cfRule type="expression" dxfId="4888" priority="4887" stopIfTrue="1">
      <formula>INDIRECT("第１の３表②!"&amp;CELL("address",EE62))="×××"</formula>
    </cfRule>
    <cfRule type="expression" dxfId="4887" priority="4888" stopIfTrue="1">
      <formula>INDIRECT("第１の３表②!"&amp;CELL("address",EE62))="××"</formula>
    </cfRule>
    <cfRule type="expression" dxfId="4886" priority="4889" stopIfTrue="1">
      <formula>INDIRECT("第１の３表②!"&amp;CELL("address",EE62))="×"</formula>
    </cfRule>
    <cfRule type="expression" dxfId="4885" priority="4890" stopIfTrue="1">
      <formula>ISBLANK(BL62)=FALSE</formula>
    </cfRule>
  </conditionalFormatting>
  <conditionalFormatting sqref="BL62:BM63">
    <cfRule type="expression" dxfId="4884" priority="4881" stopIfTrue="1">
      <formula>ISBLANK(BL62)=TRUE</formula>
    </cfRule>
    <cfRule type="expression" dxfId="4883" priority="4882" stopIfTrue="1">
      <formula>INDIRECT("第１の３表②!"&amp;CELL("address",EE62))="×××"</formula>
    </cfRule>
    <cfRule type="expression" dxfId="4882" priority="4883" stopIfTrue="1">
      <formula>INDIRECT("第１の３表②!"&amp;CELL("address",EE62))="××"</formula>
    </cfRule>
    <cfRule type="expression" dxfId="4881" priority="4884" stopIfTrue="1">
      <formula>INDIRECT("第１の３表②!"&amp;CELL("address",EE62))="×"</formula>
    </cfRule>
    <cfRule type="expression" dxfId="4880" priority="4885" stopIfTrue="1">
      <formula>ISBLANK(BL62)=FALSE</formula>
    </cfRule>
  </conditionalFormatting>
  <conditionalFormatting sqref="BO56:BP57">
    <cfRule type="expression" dxfId="4879" priority="4876" stopIfTrue="1">
      <formula>ISBLANK(BO56)=TRUE</formula>
    </cfRule>
    <cfRule type="expression" dxfId="4878" priority="4877" stopIfTrue="1">
      <formula>INDIRECT("第１の３表②!"&amp;CELL("address",EH56))="×××"</formula>
    </cfRule>
    <cfRule type="expression" dxfId="4877" priority="4878" stopIfTrue="1">
      <formula>INDIRECT("第１の３表②!"&amp;CELL("address",EH56))="××"</formula>
    </cfRule>
    <cfRule type="expression" dxfId="4876" priority="4879" stopIfTrue="1">
      <formula>INDIRECT("第１の３表②!"&amp;CELL("address",EH56))="×"</formula>
    </cfRule>
    <cfRule type="expression" dxfId="4875" priority="4880" stopIfTrue="1">
      <formula>ISBLANK(BO56)=FALSE</formula>
    </cfRule>
  </conditionalFormatting>
  <conditionalFormatting sqref="BO56:BP57">
    <cfRule type="expression" dxfId="4874" priority="4871" stopIfTrue="1">
      <formula>ISBLANK(BO56)=TRUE</formula>
    </cfRule>
    <cfRule type="expression" dxfId="4873" priority="4872" stopIfTrue="1">
      <formula>INDIRECT("第１の３表②!"&amp;CELL("address",EH56))="×××"</formula>
    </cfRule>
    <cfRule type="expression" dxfId="4872" priority="4873" stopIfTrue="1">
      <formula>INDIRECT("第１の３表②!"&amp;CELL("address",EH56))="××"</formula>
    </cfRule>
    <cfRule type="expression" dxfId="4871" priority="4874" stopIfTrue="1">
      <formula>INDIRECT("第１の３表②!"&amp;CELL("address",EH56))="×"</formula>
    </cfRule>
    <cfRule type="expression" dxfId="4870" priority="4875" stopIfTrue="1">
      <formula>ISBLANK(BO56)=FALSE</formula>
    </cfRule>
  </conditionalFormatting>
  <conditionalFormatting sqref="BO56:BP57">
    <cfRule type="expression" dxfId="4869" priority="4866" stopIfTrue="1">
      <formula>ISBLANK(BO56)=TRUE</formula>
    </cfRule>
    <cfRule type="expression" dxfId="4868" priority="4867" stopIfTrue="1">
      <formula>INDIRECT("第１の３表②!"&amp;CELL("address",EH56))="×××"</formula>
    </cfRule>
    <cfRule type="expression" dxfId="4867" priority="4868" stopIfTrue="1">
      <formula>INDIRECT("第１の３表②!"&amp;CELL("address",EH56))="××"</formula>
    </cfRule>
    <cfRule type="expression" dxfId="4866" priority="4869" stopIfTrue="1">
      <formula>INDIRECT("第１の３表②!"&amp;CELL("address",EH56))="×"</formula>
    </cfRule>
    <cfRule type="expression" dxfId="4865" priority="4870" stopIfTrue="1">
      <formula>ISBLANK(BO56)=FALSE</formula>
    </cfRule>
  </conditionalFormatting>
  <conditionalFormatting sqref="BO59:BP60">
    <cfRule type="expression" dxfId="4864" priority="4861" stopIfTrue="1">
      <formula>ISBLANK(BO59)=TRUE</formula>
    </cfRule>
    <cfRule type="expression" dxfId="4863" priority="4862" stopIfTrue="1">
      <formula>INDIRECT("第１の３表②!"&amp;CELL("address",EH59))="×××"</formula>
    </cfRule>
    <cfRule type="expression" dxfId="4862" priority="4863" stopIfTrue="1">
      <formula>INDIRECT("第１の３表②!"&amp;CELL("address",EH59))="××"</formula>
    </cfRule>
    <cfRule type="expression" dxfId="4861" priority="4864" stopIfTrue="1">
      <formula>INDIRECT("第１の３表②!"&amp;CELL("address",EH59))="×"</formula>
    </cfRule>
    <cfRule type="expression" dxfId="4860" priority="4865" stopIfTrue="1">
      <formula>ISBLANK(BO59)=FALSE</formula>
    </cfRule>
  </conditionalFormatting>
  <conditionalFormatting sqref="BO59:BP60">
    <cfRule type="expression" dxfId="4859" priority="4856" stopIfTrue="1">
      <formula>ISBLANK(BO59)=TRUE</formula>
    </cfRule>
    <cfRule type="expression" dxfId="4858" priority="4857" stopIfTrue="1">
      <formula>INDIRECT("第１の３表②!"&amp;CELL("address",EH59))="×××"</formula>
    </cfRule>
    <cfRule type="expression" dxfId="4857" priority="4858" stopIfTrue="1">
      <formula>INDIRECT("第１の３表②!"&amp;CELL("address",EH59))="××"</formula>
    </cfRule>
    <cfRule type="expression" dxfId="4856" priority="4859" stopIfTrue="1">
      <formula>INDIRECT("第１の３表②!"&amp;CELL("address",EH59))="×"</formula>
    </cfRule>
    <cfRule type="expression" dxfId="4855" priority="4860" stopIfTrue="1">
      <formula>ISBLANK(BO59)=FALSE</formula>
    </cfRule>
  </conditionalFormatting>
  <conditionalFormatting sqref="BO59:BP60">
    <cfRule type="expression" dxfId="4854" priority="4851" stopIfTrue="1">
      <formula>ISBLANK(BO59)=TRUE</formula>
    </cfRule>
    <cfRule type="expression" dxfId="4853" priority="4852" stopIfTrue="1">
      <formula>INDIRECT("第１の３表②!"&amp;CELL("address",EH59))="×××"</formula>
    </cfRule>
    <cfRule type="expression" dxfId="4852" priority="4853" stopIfTrue="1">
      <formula>INDIRECT("第１の３表②!"&amp;CELL("address",EH59))="××"</formula>
    </cfRule>
    <cfRule type="expression" dxfId="4851" priority="4854" stopIfTrue="1">
      <formula>INDIRECT("第１の３表②!"&amp;CELL("address",EH59))="×"</formula>
    </cfRule>
    <cfRule type="expression" dxfId="4850" priority="4855" stopIfTrue="1">
      <formula>ISBLANK(BO59)=FALSE</formula>
    </cfRule>
  </conditionalFormatting>
  <conditionalFormatting sqref="BO62:BP63">
    <cfRule type="expression" dxfId="4849" priority="4846" stopIfTrue="1">
      <formula>ISBLANK(BO62)=TRUE</formula>
    </cfRule>
    <cfRule type="expression" dxfId="4848" priority="4847" stopIfTrue="1">
      <formula>INDIRECT("第１の３表②!"&amp;CELL("address",EH62))="×××"</formula>
    </cfRule>
    <cfRule type="expression" dxfId="4847" priority="4848" stopIfTrue="1">
      <formula>INDIRECT("第１の３表②!"&amp;CELL("address",EH62))="××"</formula>
    </cfRule>
    <cfRule type="expression" dxfId="4846" priority="4849" stopIfTrue="1">
      <formula>INDIRECT("第１の３表②!"&amp;CELL("address",EH62))="×"</formula>
    </cfRule>
    <cfRule type="expression" dxfId="4845" priority="4850" stopIfTrue="1">
      <formula>ISBLANK(BO62)=FALSE</formula>
    </cfRule>
  </conditionalFormatting>
  <conditionalFormatting sqref="BO62:BP63">
    <cfRule type="expression" dxfId="4844" priority="4841" stopIfTrue="1">
      <formula>ISBLANK(BO62)=TRUE</formula>
    </cfRule>
    <cfRule type="expression" dxfId="4843" priority="4842" stopIfTrue="1">
      <formula>INDIRECT("第１の３表②!"&amp;CELL("address",EH62))="×××"</formula>
    </cfRule>
    <cfRule type="expression" dxfId="4842" priority="4843" stopIfTrue="1">
      <formula>INDIRECT("第１の３表②!"&amp;CELL("address",EH62))="××"</formula>
    </cfRule>
    <cfRule type="expression" dxfId="4841" priority="4844" stopIfTrue="1">
      <formula>INDIRECT("第１の３表②!"&amp;CELL("address",EH62))="×"</formula>
    </cfRule>
    <cfRule type="expression" dxfId="4840" priority="4845" stopIfTrue="1">
      <formula>ISBLANK(BO62)=FALSE</formula>
    </cfRule>
  </conditionalFormatting>
  <conditionalFormatting sqref="BO62:BP63">
    <cfRule type="expression" dxfId="4839" priority="4836" stopIfTrue="1">
      <formula>ISBLANK(BO62)=TRUE</formula>
    </cfRule>
    <cfRule type="expression" dxfId="4838" priority="4837" stopIfTrue="1">
      <formula>INDIRECT("第１の３表②!"&amp;CELL("address",EH62))="×××"</formula>
    </cfRule>
    <cfRule type="expression" dxfId="4837" priority="4838" stopIfTrue="1">
      <formula>INDIRECT("第１の３表②!"&amp;CELL("address",EH62))="××"</formula>
    </cfRule>
    <cfRule type="expression" dxfId="4836" priority="4839" stopIfTrue="1">
      <formula>INDIRECT("第１の３表②!"&amp;CELL("address",EH62))="×"</formula>
    </cfRule>
    <cfRule type="expression" dxfId="4835" priority="4840" stopIfTrue="1">
      <formula>ISBLANK(BO62)=FALSE</formula>
    </cfRule>
  </conditionalFormatting>
  <conditionalFormatting sqref="G68:H69">
    <cfRule type="expression" dxfId="4834" priority="4831" stopIfTrue="1">
      <formula>ISBLANK(G68)=TRUE</formula>
    </cfRule>
    <cfRule type="expression" dxfId="4833" priority="4832" stopIfTrue="1">
      <formula>INDIRECT("第１の３表②!"&amp;CELL("address",BZ68))="×××"</formula>
    </cfRule>
    <cfRule type="expression" dxfId="4832" priority="4833" stopIfTrue="1">
      <formula>INDIRECT("第１の３表②!"&amp;CELL("address",BZ68))="××"</formula>
    </cfRule>
    <cfRule type="expression" dxfId="4831" priority="4834" stopIfTrue="1">
      <formula>INDIRECT("第１の３表②!"&amp;CELL("address",BZ68))="×"</formula>
    </cfRule>
    <cfRule type="expression" dxfId="4830" priority="4835" stopIfTrue="1">
      <formula>ISBLANK(G68)=FALSE</formula>
    </cfRule>
  </conditionalFormatting>
  <conditionalFormatting sqref="G68:H69">
    <cfRule type="expression" dxfId="4829" priority="4826" stopIfTrue="1">
      <formula>ISBLANK(G68)=TRUE</formula>
    </cfRule>
    <cfRule type="expression" dxfId="4828" priority="4827" stopIfTrue="1">
      <formula>INDIRECT("第１の３表②!"&amp;CELL("address",BZ68))="×××"</formula>
    </cfRule>
    <cfRule type="expression" dxfId="4827" priority="4828" stopIfTrue="1">
      <formula>INDIRECT("第１の３表②!"&amp;CELL("address",BZ68))="××"</formula>
    </cfRule>
    <cfRule type="expression" dxfId="4826" priority="4829" stopIfTrue="1">
      <formula>INDIRECT("第１の３表②!"&amp;CELL("address",BZ68))="×"</formula>
    </cfRule>
    <cfRule type="expression" dxfId="4825" priority="4830" stopIfTrue="1">
      <formula>ISBLANK(G68)=FALSE</formula>
    </cfRule>
  </conditionalFormatting>
  <conditionalFormatting sqref="G68:H69">
    <cfRule type="expression" dxfId="4824" priority="4821" stopIfTrue="1">
      <formula>ISBLANK(G68)=TRUE</formula>
    </cfRule>
    <cfRule type="expression" dxfId="4823" priority="4822" stopIfTrue="1">
      <formula>INDIRECT("第１の３表②!"&amp;CELL("address",BZ68))="×××"</formula>
    </cfRule>
    <cfRule type="expression" dxfId="4822" priority="4823" stopIfTrue="1">
      <formula>INDIRECT("第１の３表②!"&amp;CELL("address",BZ68))="××"</formula>
    </cfRule>
    <cfRule type="expression" dxfId="4821" priority="4824" stopIfTrue="1">
      <formula>INDIRECT("第１の３表②!"&amp;CELL("address",BZ68))="×"</formula>
    </cfRule>
    <cfRule type="expression" dxfId="4820" priority="4825" stopIfTrue="1">
      <formula>ISBLANK(G68)=FALSE</formula>
    </cfRule>
  </conditionalFormatting>
  <conditionalFormatting sqref="J68:K69">
    <cfRule type="expression" dxfId="4819" priority="4816" stopIfTrue="1">
      <formula>ISBLANK(J68)=TRUE</formula>
    </cfRule>
    <cfRule type="expression" dxfId="4818" priority="4817" stopIfTrue="1">
      <formula>INDIRECT("第１の３表②!"&amp;CELL("address",CC68))="×××"</formula>
    </cfRule>
    <cfRule type="expression" dxfId="4817" priority="4818" stopIfTrue="1">
      <formula>INDIRECT("第１の３表②!"&amp;CELL("address",CC68))="××"</formula>
    </cfRule>
    <cfRule type="expression" dxfId="4816" priority="4819" stopIfTrue="1">
      <formula>INDIRECT("第１の３表②!"&amp;CELL("address",CC68))="×"</formula>
    </cfRule>
    <cfRule type="expression" dxfId="4815" priority="4820" stopIfTrue="1">
      <formula>ISBLANK(J68)=FALSE</formula>
    </cfRule>
  </conditionalFormatting>
  <conditionalFormatting sqref="J68:K69">
    <cfRule type="expression" dxfId="4814" priority="4811" stopIfTrue="1">
      <formula>ISBLANK(J68)=TRUE</formula>
    </cfRule>
    <cfRule type="expression" dxfId="4813" priority="4812" stopIfTrue="1">
      <formula>INDIRECT("第１の３表②!"&amp;CELL("address",CC68))="×××"</formula>
    </cfRule>
    <cfRule type="expression" dxfId="4812" priority="4813" stopIfTrue="1">
      <formula>INDIRECT("第１の３表②!"&amp;CELL("address",CC68))="××"</formula>
    </cfRule>
    <cfRule type="expression" dxfId="4811" priority="4814" stopIfTrue="1">
      <formula>INDIRECT("第１の３表②!"&amp;CELL("address",CC68))="×"</formula>
    </cfRule>
    <cfRule type="expression" dxfId="4810" priority="4815" stopIfTrue="1">
      <formula>ISBLANK(J68)=FALSE</formula>
    </cfRule>
  </conditionalFormatting>
  <conditionalFormatting sqref="J68:K69">
    <cfRule type="expression" dxfId="4809" priority="4806" stopIfTrue="1">
      <formula>ISBLANK(J68)=TRUE</formula>
    </cfRule>
    <cfRule type="expression" dxfId="4808" priority="4807" stopIfTrue="1">
      <formula>INDIRECT("第１の３表②!"&amp;CELL("address",CC68))="×××"</formula>
    </cfRule>
    <cfRule type="expression" dxfId="4807" priority="4808" stopIfTrue="1">
      <formula>INDIRECT("第１の３表②!"&amp;CELL("address",CC68))="××"</formula>
    </cfRule>
    <cfRule type="expression" dxfId="4806" priority="4809" stopIfTrue="1">
      <formula>INDIRECT("第１の３表②!"&amp;CELL("address",CC68))="×"</formula>
    </cfRule>
    <cfRule type="expression" dxfId="4805" priority="4810" stopIfTrue="1">
      <formula>ISBLANK(J68)=FALSE</formula>
    </cfRule>
  </conditionalFormatting>
  <conditionalFormatting sqref="M68:N69">
    <cfRule type="expression" dxfId="4804" priority="4801" stopIfTrue="1">
      <formula>ISBLANK(M68)=TRUE</formula>
    </cfRule>
    <cfRule type="expression" dxfId="4803" priority="4802" stopIfTrue="1">
      <formula>INDIRECT("第１の３表②!"&amp;CELL("address",CF68))="×××"</formula>
    </cfRule>
    <cfRule type="expression" dxfId="4802" priority="4803" stopIfTrue="1">
      <formula>INDIRECT("第１の３表②!"&amp;CELL("address",CF68))="××"</formula>
    </cfRule>
    <cfRule type="expression" dxfId="4801" priority="4804" stopIfTrue="1">
      <formula>INDIRECT("第１の３表②!"&amp;CELL("address",CF68))="×"</formula>
    </cfRule>
    <cfRule type="expression" dxfId="4800" priority="4805" stopIfTrue="1">
      <formula>ISBLANK(M68)=FALSE</formula>
    </cfRule>
  </conditionalFormatting>
  <conditionalFormatting sqref="M68:N69">
    <cfRule type="expression" dxfId="4799" priority="4796" stopIfTrue="1">
      <formula>ISBLANK(M68)=TRUE</formula>
    </cfRule>
    <cfRule type="expression" dxfId="4798" priority="4797" stopIfTrue="1">
      <formula>INDIRECT("第１の３表②!"&amp;CELL("address",CF68))="×××"</formula>
    </cfRule>
    <cfRule type="expression" dxfId="4797" priority="4798" stopIfTrue="1">
      <formula>INDIRECT("第１の３表②!"&amp;CELL("address",CF68))="××"</formula>
    </cfRule>
    <cfRule type="expression" dxfId="4796" priority="4799" stopIfTrue="1">
      <formula>INDIRECT("第１の３表②!"&amp;CELL("address",CF68))="×"</formula>
    </cfRule>
    <cfRule type="expression" dxfId="4795" priority="4800" stopIfTrue="1">
      <formula>ISBLANK(M68)=FALSE</formula>
    </cfRule>
  </conditionalFormatting>
  <conditionalFormatting sqref="M68:N69">
    <cfRule type="expression" dxfId="4794" priority="4791" stopIfTrue="1">
      <formula>ISBLANK(M68)=TRUE</formula>
    </cfRule>
    <cfRule type="expression" dxfId="4793" priority="4792" stopIfTrue="1">
      <formula>INDIRECT("第１の３表②!"&amp;CELL("address",CF68))="×××"</formula>
    </cfRule>
    <cfRule type="expression" dxfId="4792" priority="4793" stopIfTrue="1">
      <formula>INDIRECT("第１の３表②!"&amp;CELL("address",CF68))="××"</formula>
    </cfRule>
    <cfRule type="expression" dxfId="4791" priority="4794" stopIfTrue="1">
      <formula>INDIRECT("第１の３表②!"&amp;CELL("address",CF68))="×"</formula>
    </cfRule>
    <cfRule type="expression" dxfId="4790" priority="4795" stopIfTrue="1">
      <formula>ISBLANK(M68)=FALSE</formula>
    </cfRule>
  </conditionalFormatting>
  <conditionalFormatting sqref="P68:Q69">
    <cfRule type="expression" dxfId="4789" priority="4786" stopIfTrue="1">
      <formula>ISBLANK(P68)=TRUE</formula>
    </cfRule>
    <cfRule type="expression" dxfId="4788" priority="4787" stopIfTrue="1">
      <formula>INDIRECT("第１の３表②!"&amp;CELL("address",CI68))="×××"</formula>
    </cfRule>
    <cfRule type="expression" dxfId="4787" priority="4788" stopIfTrue="1">
      <formula>INDIRECT("第１の３表②!"&amp;CELL("address",CI68))="××"</formula>
    </cfRule>
    <cfRule type="expression" dxfId="4786" priority="4789" stopIfTrue="1">
      <formula>INDIRECT("第１の３表②!"&amp;CELL("address",CI68))="×"</formula>
    </cfRule>
    <cfRule type="expression" dxfId="4785" priority="4790" stopIfTrue="1">
      <formula>ISBLANK(P68)=FALSE</formula>
    </cfRule>
  </conditionalFormatting>
  <conditionalFormatting sqref="P68:Q69">
    <cfRule type="expression" dxfId="4784" priority="4781" stopIfTrue="1">
      <formula>ISBLANK(P68)=TRUE</formula>
    </cfRule>
    <cfRule type="expression" dxfId="4783" priority="4782" stopIfTrue="1">
      <formula>INDIRECT("第１の３表②!"&amp;CELL("address",CI68))="×××"</formula>
    </cfRule>
    <cfRule type="expression" dxfId="4782" priority="4783" stopIfTrue="1">
      <formula>INDIRECT("第１の３表②!"&amp;CELL("address",CI68))="××"</formula>
    </cfRule>
    <cfRule type="expression" dxfId="4781" priority="4784" stopIfTrue="1">
      <formula>INDIRECT("第１の３表②!"&amp;CELL("address",CI68))="×"</formula>
    </cfRule>
    <cfRule type="expression" dxfId="4780" priority="4785" stopIfTrue="1">
      <formula>ISBLANK(P68)=FALSE</formula>
    </cfRule>
  </conditionalFormatting>
  <conditionalFormatting sqref="P68:Q69">
    <cfRule type="expression" dxfId="4779" priority="4776" stopIfTrue="1">
      <formula>ISBLANK(P68)=TRUE</formula>
    </cfRule>
    <cfRule type="expression" dxfId="4778" priority="4777" stopIfTrue="1">
      <formula>INDIRECT("第１の３表②!"&amp;CELL("address",CI68))="×××"</formula>
    </cfRule>
    <cfRule type="expression" dxfId="4777" priority="4778" stopIfTrue="1">
      <formula>INDIRECT("第１の３表②!"&amp;CELL("address",CI68))="××"</formula>
    </cfRule>
    <cfRule type="expression" dxfId="4776" priority="4779" stopIfTrue="1">
      <formula>INDIRECT("第１の３表②!"&amp;CELL("address",CI68))="×"</formula>
    </cfRule>
    <cfRule type="expression" dxfId="4775" priority="4780" stopIfTrue="1">
      <formula>ISBLANK(P68)=FALSE</formula>
    </cfRule>
  </conditionalFormatting>
  <conditionalFormatting sqref="S68:T69">
    <cfRule type="expression" dxfId="4774" priority="4771" stopIfTrue="1">
      <formula>ISBLANK(S68)=TRUE</formula>
    </cfRule>
    <cfRule type="expression" dxfId="4773" priority="4772" stopIfTrue="1">
      <formula>INDIRECT("第１の３表②!"&amp;CELL("address",CL68))="×××"</formula>
    </cfRule>
    <cfRule type="expression" dxfId="4772" priority="4773" stopIfTrue="1">
      <formula>INDIRECT("第１の３表②!"&amp;CELL("address",CL68))="××"</formula>
    </cfRule>
    <cfRule type="expression" dxfId="4771" priority="4774" stopIfTrue="1">
      <formula>INDIRECT("第１の３表②!"&amp;CELL("address",CL68))="×"</formula>
    </cfRule>
    <cfRule type="expression" dxfId="4770" priority="4775" stopIfTrue="1">
      <formula>ISBLANK(S68)=FALSE</formula>
    </cfRule>
  </conditionalFormatting>
  <conditionalFormatting sqref="S68:T69">
    <cfRule type="expression" dxfId="4769" priority="4766" stopIfTrue="1">
      <formula>ISBLANK(S68)=TRUE</formula>
    </cfRule>
    <cfRule type="expression" dxfId="4768" priority="4767" stopIfTrue="1">
      <formula>INDIRECT("第１の３表②!"&amp;CELL("address",CL68))="×××"</formula>
    </cfRule>
    <cfRule type="expression" dxfId="4767" priority="4768" stopIfTrue="1">
      <formula>INDIRECT("第１の３表②!"&amp;CELL("address",CL68))="××"</formula>
    </cfRule>
    <cfRule type="expression" dxfId="4766" priority="4769" stopIfTrue="1">
      <formula>INDIRECT("第１の３表②!"&amp;CELL("address",CL68))="×"</formula>
    </cfRule>
    <cfRule type="expression" dxfId="4765" priority="4770" stopIfTrue="1">
      <formula>ISBLANK(S68)=FALSE</formula>
    </cfRule>
  </conditionalFormatting>
  <conditionalFormatting sqref="S68:T69">
    <cfRule type="expression" dxfId="4764" priority="4761" stopIfTrue="1">
      <formula>ISBLANK(S68)=TRUE</formula>
    </cfRule>
    <cfRule type="expression" dxfId="4763" priority="4762" stopIfTrue="1">
      <formula>INDIRECT("第１の３表②!"&amp;CELL("address",CL68))="×××"</formula>
    </cfRule>
    <cfRule type="expression" dxfId="4762" priority="4763" stopIfTrue="1">
      <formula>INDIRECT("第１の３表②!"&amp;CELL("address",CL68))="××"</formula>
    </cfRule>
    <cfRule type="expression" dxfId="4761" priority="4764" stopIfTrue="1">
      <formula>INDIRECT("第１の３表②!"&amp;CELL("address",CL68))="×"</formula>
    </cfRule>
    <cfRule type="expression" dxfId="4760" priority="4765" stopIfTrue="1">
      <formula>ISBLANK(S68)=FALSE</formula>
    </cfRule>
  </conditionalFormatting>
  <conditionalFormatting sqref="V68:W69">
    <cfRule type="expression" dxfId="4759" priority="4756" stopIfTrue="1">
      <formula>ISBLANK(V68)=TRUE</formula>
    </cfRule>
    <cfRule type="expression" dxfId="4758" priority="4757" stopIfTrue="1">
      <formula>INDIRECT("第１の３表②!"&amp;CELL("address",CO68))="×××"</formula>
    </cfRule>
    <cfRule type="expression" dxfId="4757" priority="4758" stopIfTrue="1">
      <formula>INDIRECT("第１の３表②!"&amp;CELL("address",CO68))="××"</formula>
    </cfRule>
    <cfRule type="expression" dxfId="4756" priority="4759" stopIfTrue="1">
      <formula>INDIRECT("第１の３表②!"&amp;CELL("address",CO68))="×"</formula>
    </cfRule>
    <cfRule type="expression" dxfId="4755" priority="4760" stopIfTrue="1">
      <formula>ISBLANK(V68)=FALSE</formula>
    </cfRule>
  </conditionalFormatting>
  <conditionalFormatting sqref="V68:W69">
    <cfRule type="expression" dxfId="4754" priority="4751" stopIfTrue="1">
      <formula>ISBLANK(V68)=TRUE</formula>
    </cfRule>
    <cfRule type="expression" dxfId="4753" priority="4752" stopIfTrue="1">
      <formula>INDIRECT("第１の３表②!"&amp;CELL("address",CO68))="×××"</formula>
    </cfRule>
    <cfRule type="expression" dxfId="4752" priority="4753" stopIfTrue="1">
      <formula>INDIRECT("第１の３表②!"&amp;CELL("address",CO68))="××"</formula>
    </cfRule>
    <cfRule type="expression" dxfId="4751" priority="4754" stopIfTrue="1">
      <formula>INDIRECT("第１の３表②!"&amp;CELL("address",CO68))="×"</formula>
    </cfRule>
    <cfRule type="expression" dxfId="4750" priority="4755" stopIfTrue="1">
      <formula>ISBLANK(V68)=FALSE</formula>
    </cfRule>
  </conditionalFormatting>
  <conditionalFormatting sqref="V68:W69">
    <cfRule type="expression" dxfId="4749" priority="4746" stopIfTrue="1">
      <formula>ISBLANK(V68)=TRUE</formula>
    </cfRule>
    <cfRule type="expression" dxfId="4748" priority="4747" stopIfTrue="1">
      <formula>INDIRECT("第１の３表②!"&amp;CELL("address",CO68))="×××"</formula>
    </cfRule>
    <cfRule type="expression" dxfId="4747" priority="4748" stopIfTrue="1">
      <formula>INDIRECT("第１の３表②!"&amp;CELL("address",CO68))="××"</formula>
    </cfRule>
    <cfRule type="expression" dxfId="4746" priority="4749" stopIfTrue="1">
      <formula>INDIRECT("第１の３表②!"&amp;CELL("address",CO68))="×"</formula>
    </cfRule>
    <cfRule type="expression" dxfId="4745" priority="4750" stopIfTrue="1">
      <formula>ISBLANK(V68)=FALSE</formula>
    </cfRule>
  </conditionalFormatting>
  <conditionalFormatting sqref="Y68:Z69">
    <cfRule type="expression" dxfId="4744" priority="4741" stopIfTrue="1">
      <formula>ISBLANK(Y68)=TRUE</formula>
    </cfRule>
    <cfRule type="expression" dxfId="4743" priority="4742" stopIfTrue="1">
      <formula>INDIRECT("第１の３表②!"&amp;CELL("address",CR68))="×××"</formula>
    </cfRule>
    <cfRule type="expression" dxfId="4742" priority="4743" stopIfTrue="1">
      <formula>INDIRECT("第１の３表②!"&amp;CELL("address",CR68))="××"</formula>
    </cfRule>
    <cfRule type="expression" dxfId="4741" priority="4744" stopIfTrue="1">
      <formula>INDIRECT("第１の３表②!"&amp;CELL("address",CR68))="×"</formula>
    </cfRule>
    <cfRule type="expression" dxfId="4740" priority="4745" stopIfTrue="1">
      <formula>ISBLANK(Y68)=FALSE</formula>
    </cfRule>
  </conditionalFormatting>
  <conditionalFormatting sqref="Y68:Z69">
    <cfRule type="expression" dxfId="4739" priority="4736" stopIfTrue="1">
      <formula>ISBLANK(Y68)=TRUE</formula>
    </cfRule>
    <cfRule type="expression" dxfId="4738" priority="4737" stopIfTrue="1">
      <formula>INDIRECT("第１の３表②!"&amp;CELL("address",CR68))="×××"</formula>
    </cfRule>
    <cfRule type="expression" dxfId="4737" priority="4738" stopIfTrue="1">
      <formula>INDIRECT("第１の３表②!"&amp;CELL("address",CR68))="××"</formula>
    </cfRule>
    <cfRule type="expression" dxfId="4736" priority="4739" stopIfTrue="1">
      <formula>INDIRECT("第１の３表②!"&amp;CELL("address",CR68))="×"</formula>
    </cfRule>
    <cfRule type="expression" dxfId="4735" priority="4740" stopIfTrue="1">
      <formula>ISBLANK(Y68)=FALSE</formula>
    </cfRule>
  </conditionalFormatting>
  <conditionalFormatting sqref="Y68:Z69">
    <cfRule type="expression" dxfId="4734" priority="4731" stopIfTrue="1">
      <formula>ISBLANK(Y68)=TRUE</formula>
    </cfRule>
    <cfRule type="expression" dxfId="4733" priority="4732" stopIfTrue="1">
      <formula>INDIRECT("第１の３表②!"&amp;CELL("address",CR68))="×××"</formula>
    </cfRule>
    <cfRule type="expression" dxfId="4732" priority="4733" stopIfTrue="1">
      <formula>INDIRECT("第１の３表②!"&amp;CELL("address",CR68))="××"</formula>
    </cfRule>
    <cfRule type="expression" dxfId="4731" priority="4734" stopIfTrue="1">
      <formula>INDIRECT("第１の３表②!"&amp;CELL("address",CR68))="×"</formula>
    </cfRule>
    <cfRule type="expression" dxfId="4730" priority="4735" stopIfTrue="1">
      <formula>ISBLANK(Y68)=FALSE</formula>
    </cfRule>
  </conditionalFormatting>
  <conditionalFormatting sqref="AB68:AC69">
    <cfRule type="expression" dxfId="4729" priority="4726" stopIfTrue="1">
      <formula>ISBLANK(AB68)=TRUE</formula>
    </cfRule>
    <cfRule type="expression" dxfId="4728" priority="4727" stopIfTrue="1">
      <formula>INDIRECT("第１の３表②!"&amp;CELL("address",CU68))="×××"</formula>
    </cfRule>
    <cfRule type="expression" dxfId="4727" priority="4728" stopIfTrue="1">
      <formula>INDIRECT("第１の３表②!"&amp;CELL("address",CU68))="××"</formula>
    </cfRule>
    <cfRule type="expression" dxfId="4726" priority="4729" stopIfTrue="1">
      <formula>INDIRECT("第１の３表②!"&amp;CELL("address",CU68))="×"</formula>
    </cfRule>
    <cfRule type="expression" dxfId="4725" priority="4730" stopIfTrue="1">
      <formula>ISBLANK(AB68)=FALSE</formula>
    </cfRule>
  </conditionalFormatting>
  <conditionalFormatting sqref="AB68:AC69">
    <cfRule type="expression" dxfId="4724" priority="4721" stopIfTrue="1">
      <formula>ISBLANK(AB68)=TRUE</formula>
    </cfRule>
    <cfRule type="expression" dxfId="4723" priority="4722" stopIfTrue="1">
      <formula>INDIRECT("第１の３表②!"&amp;CELL("address",CU68))="×××"</formula>
    </cfRule>
    <cfRule type="expression" dxfId="4722" priority="4723" stopIfTrue="1">
      <formula>INDIRECT("第１の３表②!"&amp;CELL("address",CU68))="××"</formula>
    </cfRule>
    <cfRule type="expression" dxfId="4721" priority="4724" stopIfTrue="1">
      <formula>INDIRECT("第１の３表②!"&amp;CELL("address",CU68))="×"</formula>
    </cfRule>
    <cfRule type="expression" dxfId="4720" priority="4725" stopIfTrue="1">
      <formula>ISBLANK(AB68)=FALSE</formula>
    </cfRule>
  </conditionalFormatting>
  <conditionalFormatting sqref="AB68:AC69">
    <cfRule type="expression" dxfId="4719" priority="4716" stopIfTrue="1">
      <formula>ISBLANK(AB68)=TRUE</formula>
    </cfRule>
    <cfRule type="expression" dxfId="4718" priority="4717" stopIfTrue="1">
      <formula>INDIRECT("第１の３表②!"&amp;CELL("address",CU68))="×××"</formula>
    </cfRule>
    <cfRule type="expression" dxfId="4717" priority="4718" stopIfTrue="1">
      <formula>INDIRECT("第１の３表②!"&amp;CELL("address",CU68))="××"</formula>
    </cfRule>
    <cfRule type="expression" dxfId="4716" priority="4719" stopIfTrue="1">
      <formula>INDIRECT("第１の３表②!"&amp;CELL("address",CU68))="×"</formula>
    </cfRule>
    <cfRule type="expression" dxfId="4715" priority="4720" stopIfTrue="1">
      <formula>ISBLANK(AB68)=FALSE</formula>
    </cfRule>
  </conditionalFormatting>
  <conditionalFormatting sqref="AE68:AF69">
    <cfRule type="expression" dxfId="4714" priority="4711" stopIfTrue="1">
      <formula>ISBLANK(AE68)=TRUE</formula>
    </cfRule>
    <cfRule type="expression" dxfId="4713" priority="4712" stopIfTrue="1">
      <formula>INDIRECT("第１の３表②!"&amp;CELL("address",CX68))="×××"</formula>
    </cfRule>
    <cfRule type="expression" dxfId="4712" priority="4713" stopIfTrue="1">
      <formula>INDIRECT("第１の３表②!"&amp;CELL("address",CX68))="××"</formula>
    </cfRule>
    <cfRule type="expression" dxfId="4711" priority="4714" stopIfTrue="1">
      <formula>INDIRECT("第１の３表②!"&amp;CELL("address",CX68))="×"</formula>
    </cfRule>
    <cfRule type="expression" dxfId="4710" priority="4715" stopIfTrue="1">
      <formula>ISBLANK(AE68)=FALSE</formula>
    </cfRule>
  </conditionalFormatting>
  <conditionalFormatting sqref="AE68:AF69">
    <cfRule type="expression" dxfId="4709" priority="4706" stopIfTrue="1">
      <formula>ISBLANK(AE68)=TRUE</formula>
    </cfRule>
    <cfRule type="expression" dxfId="4708" priority="4707" stopIfTrue="1">
      <formula>INDIRECT("第１の３表②!"&amp;CELL("address",CX68))="×××"</formula>
    </cfRule>
    <cfRule type="expression" dxfId="4707" priority="4708" stopIfTrue="1">
      <formula>INDIRECT("第１の３表②!"&amp;CELL("address",CX68))="××"</formula>
    </cfRule>
    <cfRule type="expression" dxfId="4706" priority="4709" stopIfTrue="1">
      <formula>INDIRECT("第１の３表②!"&amp;CELL("address",CX68))="×"</formula>
    </cfRule>
    <cfRule type="expression" dxfId="4705" priority="4710" stopIfTrue="1">
      <formula>ISBLANK(AE68)=FALSE</formula>
    </cfRule>
  </conditionalFormatting>
  <conditionalFormatting sqref="AE68:AF69">
    <cfRule type="expression" dxfId="4704" priority="4701" stopIfTrue="1">
      <formula>ISBLANK(AE68)=TRUE</formula>
    </cfRule>
    <cfRule type="expression" dxfId="4703" priority="4702" stopIfTrue="1">
      <formula>INDIRECT("第１の３表②!"&amp;CELL("address",CX68))="×××"</formula>
    </cfRule>
    <cfRule type="expression" dxfId="4702" priority="4703" stopIfTrue="1">
      <formula>INDIRECT("第１の３表②!"&amp;CELL("address",CX68))="××"</formula>
    </cfRule>
    <cfRule type="expression" dxfId="4701" priority="4704" stopIfTrue="1">
      <formula>INDIRECT("第１の３表②!"&amp;CELL("address",CX68))="×"</formula>
    </cfRule>
    <cfRule type="expression" dxfId="4700" priority="4705" stopIfTrue="1">
      <formula>ISBLANK(AE68)=FALSE</formula>
    </cfRule>
  </conditionalFormatting>
  <conditionalFormatting sqref="AH68:AI69">
    <cfRule type="expression" dxfId="4699" priority="4696" stopIfTrue="1">
      <formula>ISBLANK(AH68)=TRUE</formula>
    </cfRule>
    <cfRule type="expression" dxfId="4698" priority="4697" stopIfTrue="1">
      <formula>INDIRECT("第１の３表②!"&amp;CELL("address",DA68))="×××"</formula>
    </cfRule>
    <cfRule type="expression" dxfId="4697" priority="4698" stopIfTrue="1">
      <formula>INDIRECT("第１の３表②!"&amp;CELL("address",DA68))="××"</formula>
    </cfRule>
    <cfRule type="expression" dxfId="4696" priority="4699" stopIfTrue="1">
      <formula>INDIRECT("第１の３表②!"&amp;CELL("address",DA68))="×"</formula>
    </cfRule>
    <cfRule type="expression" dxfId="4695" priority="4700" stopIfTrue="1">
      <formula>ISBLANK(AH68)=FALSE</formula>
    </cfRule>
  </conditionalFormatting>
  <conditionalFormatting sqref="AH68:AI69">
    <cfRule type="expression" dxfId="4694" priority="4691" stopIfTrue="1">
      <formula>ISBLANK(AH68)=TRUE</formula>
    </cfRule>
    <cfRule type="expression" dxfId="4693" priority="4692" stopIfTrue="1">
      <formula>INDIRECT("第１の３表②!"&amp;CELL("address",DA68))="×××"</formula>
    </cfRule>
    <cfRule type="expression" dxfId="4692" priority="4693" stopIfTrue="1">
      <formula>INDIRECT("第１の３表②!"&amp;CELL("address",DA68))="××"</formula>
    </cfRule>
    <cfRule type="expression" dxfId="4691" priority="4694" stopIfTrue="1">
      <formula>INDIRECT("第１の３表②!"&amp;CELL("address",DA68))="×"</formula>
    </cfRule>
    <cfRule type="expression" dxfId="4690" priority="4695" stopIfTrue="1">
      <formula>ISBLANK(AH68)=FALSE</formula>
    </cfRule>
  </conditionalFormatting>
  <conditionalFormatting sqref="AH68:AI69">
    <cfRule type="expression" dxfId="4689" priority="4686" stopIfTrue="1">
      <formula>ISBLANK(AH68)=TRUE</formula>
    </cfRule>
    <cfRule type="expression" dxfId="4688" priority="4687" stopIfTrue="1">
      <formula>INDIRECT("第１の３表②!"&amp;CELL("address",DA68))="×××"</formula>
    </cfRule>
    <cfRule type="expression" dxfId="4687" priority="4688" stopIfTrue="1">
      <formula>INDIRECT("第１の３表②!"&amp;CELL("address",DA68))="××"</formula>
    </cfRule>
    <cfRule type="expression" dxfId="4686" priority="4689" stopIfTrue="1">
      <formula>INDIRECT("第１の３表②!"&amp;CELL("address",DA68))="×"</formula>
    </cfRule>
    <cfRule type="expression" dxfId="4685" priority="4690" stopIfTrue="1">
      <formula>ISBLANK(AH68)=FALSE</formula>
    </cfRule>
  </conditionalFormatting>
  <conditionalFormatting sqref="AK68:AL69">
    <cfRule type="expression" dxfId="4684" priority="4681" stopIfTrue="1">
      <formula>ISBLANK(AK68)=TRUE</formula>
    </cfRule>
    <cfRule type="expression" dxfId="4683" priority="4682" stopIfTrue="1">
      <formula>INDIRECT("第１の３表②!"&amp;CELL("address",DD68))="×××"</formula>
    </cfRule>
    <cfRule type="expression" dxfId="4682" priority="4683" stopIfTrue="1">
      <formula>INDIRECT("第１の３表②!"&amp;CELL("address",DD68))="××"</formula>
    </cfRule>
    <cfRule type="expression" dxfId="4681" priority="4684" stopIfTrue="1">
      <formula>INDIRECT("第１の３表②!"&amp;CELL("address",DD68))="×"</formula>
    </cfRule>
    <cfRule type="expression" dxfId="4680" priority="4685" stopIfTrue="1">
      <formula>ISBLANK(AK68)=FALSE</formula>
    </cfRule>
  </conditionalFormatting>
  <conditionalFormatting sqref="AK68:AL69">
    <cfRule type="expression" dxfId="4679" priority="4676" stopIfTrue="1">
      <formula>ISBLANK(AK68)=TRUE</formula>
    </cfRule>
    <cfRule type="expression" dxfId="4678" priority="4677" stopIfTrue="1">
      <formula>INDIRECT("第１の３表②!"&amp;CELL("address",DD68))="×××"</formula>
    </cfRule>
    <cfRule type="expression" dxfId="4677" priority="4678" stopIfTrue="1">
      <formula>INDIRECT("第１の３表②!"&amp;CELL("address",DD68))="××"</formula>
    </cfRule>
    <cfRule type="expression" dxfId="4676" priority="4679" stopIfTrue="1">
      <formula>INDIRECT("第１の３表②!"&amp;CELL("address",DD68))="×"</formula>
    </cfRule>
    <cfRule type="expression" dxfId="4675" priority="4680" stopIfTrue="1">
      <formula>ISBLANK(AK68)=FALSE</formula>
    </cfRule>
  </conditionalFormatting>
  <conditionalFormatting sqref="AK68:AL69">
    <cfRule type="expression" dxfId="4674" priority="4671" stopIfTrue="1">
      <formula>ISBLANK(AK68)=TRUE</formula>
    </cfRule>
    <cfRule type="expression" dxfId="4673" priority="4672" stopIfTrue="1">
      <formula>INDIRECT("第１の３表②!"&amp;CELL("address",DD68))="×××"</formula>
    </cfRule>
    <cfRule type="expression" dxfId="4672" priority="4673" stopIfTrue="1">
      <formula>INDIRECT("第１の３表②!"&amp;CELL("address",DD68))="××"</formula>
    </cfRule>
    <cfRule type="expression" dxfId="4671" priority="4674" stopIfTrue="1">
      <formula>INDIRECT("第１の３表②!"&amp;CELL("address",DD68))="×"</formula>
    </cfRule>
    <cfRule type="expression" dxfId="4670" priority="4675" stopIfTrue="1">
      <formula>ISBLANK(AK68)=FALSE</formula>
    </cfRule>
  </conditionalFormatting>
  <conditionalFormatting sqref="AN68:AO69">
    <cfRule type="expression" dxfId="4669" priority="4666" stopIfTrue="1">
      <formula>ISBLANK(AN68)=TRUE</formula>
    </cfRule>
    <cfRule type="expression" dxfId="4668" priority="4667" stopIfTrue="1">
      <formula>INDIRECT("第１の３表②!"&amp;CELL("address",DG68))="×××"</formula>
    </cfRule>
    <cfRule type="expression" dxfId="4667" priority="4668" stopIfTrue="1">
      <formula>INDIRECT("第１の３表②!"&amp;CELL("address",DG68))="××"</formula>
    </cfRule>
    <cfRule type="expression" dxfId="4666" priority="4669" stopIfTrue="1">
      <formula>INDIRECT("第１の３表②!"&amp;CELL("address",DG68))="×"</formula>
    </cfRule>
    <cfRule type="expression" dxfId="4665" priority="4670" stopIfTrue="1">
      <formula>ISBLANK(AN68)=FALSE</formula>
    </cfRule>
  </conditionalFormatting>
  <conditionalFormatting sqref="AN68:AO69">
    <cfRule type="expression" dxfId="4664" priority="4661" stopIfTrue="1">
      <formula>ISBLANK(AN68)=TRUE</formula>
    </cfRule>
    <cfRule type="expression" dxfId="4663" priority="4662" stopIfTrue="1">
      <formula>INDIRECT("第１の３表②!"&amp;CELL("address",DG68))="×××"</formula>
    </cfRule>
    <cfRule type="expression" dxfId="4662" priority="4663" stopIfTrue="1">
      <formula>INDIRECT("第１の３表②!"&amp;CELL("address",DG68))="××"</formula>
    </cfRule>
    <cfRule type="expression" dxfId="4661" priority="4664" stopIfTrue="1">
      <formula>INDIRECT("第１の３表②!"&amp;CELL("address",DG68))="×"</formula>
    </cfRule>
    <cfRule type="expression" dxfId="4660" priority="4665" stopIfTrue="1">
      <formula>ISBLANK(AN68)=FALSE</formula>
    </cfRule>
  </conditionalFormatting>
  <conditionalFormatting sqref="AN68:AO69">
    <cfRule type="expression" dxfId="4659" priority="4656" stopIfTrue="1">
      <formula>ISBLANK(AN68)=TRUE</formula>
    </cfRule>
    <cfRule type="expression" dxfId="4658" priority="4657" stopIfTrue="1">
      <formula>INDIRECT("第１の３表②!"&amp;CELL("address",DG68))="×××"</formula>
    </cfRule>
    <cfRule type="expression" dxfId="4657" priority="4658" stopIfTrue="1">
      <formula>INDIRECT("第１の３表②!"&amp;CELL("address",DG68))="××"</formula>
    </cfRule>
    <cfRule type="expression" dxfId="4656" priority="4659" stopIfTrue="1">
      <formula>INDIRECT("第１の３表②!"&amp;CELL("address",DG68))="×"</formula>
    </cfRule>
    <cfRule type="expression" dxfId="4655" priority="4660" stopIfTrue="1">
      <formula>ISBLANK(AN68)=FALSE</formula>
    </cfRule>
  </conditionalFormatting>
  <conditionalFormatting sqref="AQ68:AR69">
    <cfRule type="expression" dxfId="4654" priority="4651" stopIfTrue="1">
      <formula>ISBLANK(AQ68)=TRUE</formula>
    </cfRule>
    <cfRule type="expression" dxfId="4653" priority="4652" stopIfTrue="1">
      <formula>INDIRECT("第１の３表②!"&amp;CELL("address",DJ68))="×××"</formula>
    </cfRule>
    <cfRule type="expression" dxfId="4652" priority="4653" stopIfTrue="1">
      <formula>INDIRECT("第１の３表②!"&amp;CELL("address",DJ68))="××"</formula>
    </cfRule>
    <cfRule type="expression" dxfId="4651" priority="4654" stopIfTrue="1">
      <formula>INDIRECT("第１の３表②!"&amp;CELL("address",DJ68))="×"</formula>
    </cfRule>
    <cfRule type="expression" dxfId="4650" priority="4655" stopIfTrue="1">
      <formula>ISBLANK(AQ68)=FALSE</formula>
    </cfRule>
  </conditionalFormatting>
  <conditionalFormatting sqref="AQ68:AR69">
    <cfRule type="expression" dxfId="4649" priority="4646" stopIfTrue="1">
      <formula>ISBLANK(AQ68)=TRUE</formula>
    </cfRule>
    <cfRule type="expression" dxfId="4648" priority="4647" stopIfTrue="1">
      <formula>INDIRECT("第１の３表②!"&amp;CELL("address",DJ68))="×××"</formula>
    </cfRule>
    <cfRule type="expression" dxfId="4647" priority="4648" stopIfTrue="1">
      <formula>INDIRECT("第１の３表②!"&amp;CELL("address",DJ68))="××"</formula>
    </cfRule>
    <cfRule type="expression" dxfId="4646" priority="4649" stopIfTrue="1">
      <formula>INDIRECT("第１の３表②!"&amp;CELL("address",DJ68))="×"</formula>
    </cfRule>
    <cfRule type="expression" dxfId="4645" priority="4650" stopIfTrue="1">
      <formula>ISBLANK(AQ68)=FALSE</formula>
    </cfRule>
  </conditionalFormatting>
  <conditionalFormatting sqref="AQ68:AR69">
    <cfRule type="expression" dxfId="4644" priority="4641" stopIfTrue="1">
      <formula>ISBLANK(AQ68)=TRUE</formula>
    </cfRule>
    <cfRule type="expression" dxfId="4643" priority="4642" stopIfTrue="1">
      <formula>INDIRECT("第１の３表②!"&amp;CELL("address",DJ68))="×××"</formula>
    </cfRule>
    <cfRule type="expression" dxfId="4642" priority="4643" stopIfTrue="1">
      <formula>INDIRECT("第１の３表②!"&amp;CELL("address",DJ68))="××"</formula>
    </cfRule>
    <cfRule type="expression" dxfId="4641" priority="4644" stopIfTrue="1">
      <formula>INDIRECT("第１の３表②!"&amp;CELL("address",DJ68))="×"</formula>
    </cfRule>
    <cfRule type="expression" dxfId="4640" priority="4645" stopIfTrue="1">
      <formula>ISBLANK(AQ68)=FALSE</formula>
    </cfRule>
  </conditionalFormatting>
  <conditionalFormatting sqref="AT68:AU69">
    <cfRule type="expression" dxfId="4639" priority="4636" stopIfTrue="1">
      <formula>ISBLANK(AT68)=TRUE</formula>
    </cfRule>
    <cfRule type="expression" dxfId="4638" priority="4637" stopIfTrue="1">
      <formula>INDIRECT("第１の３表②!"&amp;CELL("address",DM68))="×××"</formula>
    </cfRule>
    <cfRule type="expression" dxfId="4637" priority="4638" stopIfTrue="1">
      <formula>INDIRECT("第１の３表②!"&amp;CELL("address",DM68))="××"</formula>
    </cfRule>
    <cfRule type="expression" dxfId="4636" priority="4639" stopIfTrue="1">
      <formula>INDIRECT("第１の３表②!"&amp;CELL("address",DM68))="×"</formula>
    </cfRule>
    <cfRule type="expression" dxfId="4635" priority="4640" stopIfTrue="1">
      <formula>ISBLANK(AT68)=FALSE</formula>
    </cfRule>
  </conditionalFormatting>
  <conditionalFormatting sqref="AT68:AU69">
    <cfRule type="expression" dxfId="4634" priority="4631" stopIfTrue="1">
      <formula>ISBLANK(AT68)=TRUE</formula>
    </cfRule>
    <cfRule type="expression" dxfId="4633" priority="4632" stopIfTrue="1">
      <formula>INDIRECT("第１の３表②!"&amp;CELL("address",DM68))="×××"</formula>
    </cfRule>
    <cfRule type="expression" dxfId="4632" priority="4633" stopIfTrue="1">
      <formula>INDIRECT("第１の３表②!"&amp;CELL("address",DM68))="××"</formula>
    </cfRule>
    <cfRule type="expression" dxfId="4631" priority="4634" stopIfTrue="1">
      <formula>INDIRECT("第１の３表②!"&amp;CELL("address",DM68))="×"</formula>
    </cfRule>
    <cfRule type="expression" dxfId="4630" priority="4635" stopIfTrue="1">
      <formula>ISBLANK(AT68)=FALSE</formula>
    </cfRule>
  </conditionalFormatting>
  <conditionalFormatting sqref="AT68:AU69">
    <cfRule type="expression" dxfId="4629" priority="4626" stopIfTrue="1">
      <formula>ISBLANK(AT68)=TRUE</formula>
    </cfRule>
    <cfRule type="expression" dxfId="4628" priority="4627" stopIfTrue="1">
      <formula>INDIRECT("第１の３表②!"&amp;CELL("address",DM68))="×××"</formula>
    </cfRule>
    <cfRule type="expression" dxfId="4627" priority="4628" stopIfTrue="1">
      <formula>INDIRECT("第１の３表②!"&amp;CELL("address",DM68))="××"</formula>
    </cfRule>
    <cfRule type="expression" dxfId="4626" priority="4629" stopIfTrue="1">
      <formula>INDIRECT("第１の３表②!"&amp;CELL("address",DM68))="×"</formula>
    </cfRule>
    <cfRule type="expression" dxfId="4625" priority="4630" stopIfTrue="1">
      <formula>ISBLANK(AT68)=FALSE</formula>
    </cfRule>
  </conditionalFormatting>
  <conditionalFormatting sqref="AW68:AX69">
    <cfRule type="expression" dxfId="4624" priority="4621" stopIfTrue="1">
      <formula>ISBLANK(AW68)=TRUE</formula>
    </cfRule>
    <cfRule type="expression" dxfId="4623" priority="4622" stopIfTrue="1">
      <formula>INDIRECT("第１の３表②!"&amp;CELL("address",DP68))="×××"</formula>
    </cfRule>
    <cfRule type="expression" dxfId="4622" priority="4623" stopIfTrue="1">
      <formula>INDIRECT("第１の３表②!"&amp;CELL("address",DP68))="××"</formula>
    </cfRule>
    <cfRule type="expression" dxfId="4621" priority="4624" stopIfTrue="1">
      <formula>INDIRECT("第１の３表②!"&amp;CELL("address",DP68))="×"</formula>
    </cfRule>
    <cfRule type="expression" dxfId="4620" priority="4625" stopIfTrue="1">
      <formula>ISBLANK(AW68)=FALSE</formula>
    </cfRule>
  </conditionalFormatting>
  <conditionalFormatting sqref="AW68:AX69">
    <cfRule type="expression" dxfId="4619" priority="4616" stopIfTrue="1">
      <formula>ISBLANK(AW68)=TRUE</formula>
    </cfRule>
    <cfRule type="expression" dxfId="4618" priority="4617" stopIfTrue="1">
      <formula>INDIRECT("第１の３表②!"&amp;CELL("address",DP68))="×××"</formula>
    </cfRule>
    <cfRule type="expression" dxfId="4617" priority="4618" stopIfTrue="1">
      <formula>INDIRECT("第１の３表②!"&amp;CELL("address",DP68))="××"</formula>
    </cfRule>
    <cfRule type="expression" dxfId="4616" priority="4619" stopIfTrue="1">
      <formula>INDIRECT("第１の３表②!"&amp;CELL("address",DP68))="×"</formula>
    </cfRule>
    <cfRule type="expression" dxfId="4615" priority="4620" stopIfTrue="1">
      <formula>ISBLANK(AW68)=FALSE</formula>
    </cfRule>
  </conditionalFormatting>
  <conditionalFormatting sqref="AW68:AX69">
    <cfRule type="expression" dxfId="4614" priority="4611" stopIfTrue="1">
      <formula>ISBLANK(AW68)=TRUE</formula>
    </cfRule>
    <cfRule type="expression" dxfId="4613" priority="4612" stopIfTrue="1">
      <formula>INDIRECT("第１の３表②!"&amp;CELL("address",DP68))="×××"</formula>
    </cfRule>
    <cfRule type="expression" dxfId="4612" priority="4613" stopIfTrue="1">
      <formula>INDIRECT("第１の３表②!"&amp;CELL("address",DP68))="××"</formula>
    </cfRule>
    <cfRule type="expression" dxfId="4611" priority="4614" stopIfTrue="1">
      <formula>INDIRECT("第１の３表②!"&amp;CELL("address",DP68))="×"</formula>
    </cfRule>
    <cfRule type="expression" dxfId="4610" priority="4615" stopIfTrue="1">
      <formula>ISBLANK(AW68)=FALSE</formula>
    </cfRule>
  </conditionalFormatting>
  <conditionalFormatting sqref="AZ68:BA69">
    <cfRule type="expression" dxfId="4609" priority="4606" stopIfTrue="1">
      <formula>ISBLANK(AZ68)=TRUE</formula>
    </cfRule>
    <cfRule type="expression" dxfId="4608" priority="4607" stopIfTrue="1">
      <formula>INDIRECT("第１の３表②!"&amp;CELL("address",DS68))="×××"</formula>
    </cfRule>
    <cfRule type="expression" dxfId="4607" priority="4608" stopIfTrue="1">
      <formula>INDIRECT("第１の３表②!"&amp;CELL("address",DS68))="××"</formula>
    </cfRule>
    <cfRule type="expression" dxfId="4606" priority="4609" stopIfTrue="1">
      <formula>INDIRECT("第１の３表②!"&amp;CELL("address",DS68))="×"</formula>
    </cfRule>
    <cfRule type="expression" dxfId="4605" priority="4610" stopIfTrue="1">
      <formula>ISBLANK(AZ68)=FALSE</formula>
    </cfRule>
  </conditionalFormatting>
  <conditionalFormatting sqref="AZ68:BA69">
    <cfRule type="expression" dxfId="4604" priority="4601" stopIfTrue="1">
      <formula>ISBLANK(AZ68)=TRUE</formula>
    </cfRule>
    <cfRule type="expression" dxfId="4603" priority="4602" stopIfTrue="1">
      <formula>INDIRECT("第１の３表②!"&amp;CELL("address",DS68))="×××"</formula>
    </cfRule>
    <cfRule type="expression" dxfId="4602" priority="4603" stopIfTrue="1">
      <formula>INDIRECT("第１の３表②!"&amp;CELL("address",DS68))="××"</formula>
    </cfRule>
    <cfRule type="expression" dxfId="4601" priority="4604" stopIfTrue="1">
      <formula>INDIRECT("第１の３表②!"&amp;CELL("address",DS68))="×"</formula>
    </cfRule>
    <cfRule type="expression" dxfId="4600" priority="4605" stopIfTrue="1">
      <formula>ISBLANK(AZ68)=FALSE</formula>
    </cfRule>
  </conditionalFormatting>
  <conditionalFormatting sqref="AZ68:BA69">
    <cfRule type="expression" dxfId="4599" priority="4596" stopIfTrue="1">
      <formula>ISBLANK(AZ68)=TRUE</formula>
    </cfRule>
    <cfRule type="expression" dxfId="4598" priority="4597" stopIfTrue="1">
      <formula>INDIRECT("第１の３表②!"&amp;CELL("address",DS68))="×××"</formula>
    </cfRule>
    <cfRule type="expression" dxfId="4597" priority="4598" stopIfTrue="1">
      <formula>INDIRECT("第１の３表②!"&amp;CELL("address",DS68))="××"</formula>
    </cfRule>
    <cfRule type="expression" dxfId="4596" priority="4599" stopIfTrue="1">
      <formula>INDIRECT("第１の３表②!"&amp;CELL("address",DS68))="×"</formula>
    </cfRule>
    <cfRule type="expression" dxfId="4595" priority="4600" stopIfTrue="1">
      <formula>ISBLANK(AZ68)=FALSE</formula>
    </cfRule>
  </conditionalFormatting>
  <conditionalFormatting sqref="BC68:BD69">
    <cfRule type="expression" dxfId="4594" priority="4591" stopIfTrue="1">
      <formula>ISBLANK(BC68)=TRUE</formula>
    </cfRule>
    <cfRule type="expression" dxfId="4593" priority="4592" stopIfTrue="1">
      <formula>INDIRECT("第１の３表②!"&amp;CELL("address",DV68))="×××"</formula>
    </cfRule>
    <cfRule type="expression" dxfId="4592" priority="4593" stopIfTrue="1">
      <formula>INDIRECT("第１の３表②!"&amp;CELL("address",DV68))="××"</formula>
    </cfRule>
    <cfRule type="expression" dxfId="4591" priority="4594" stopIfTrue="1">
      <formula>INDIRECT("第１の３表②!"&amp;CELL("address",DV68))="×"</formula>
    </cfRule>
    <cfRule type="expression" dxfId="4590" priority="4595" stopIfTrue="1">
      <formula>ISBLANK(BC68)=FALSE</formula>
    </cfRule>
  </conditionalFormatting>
  <conditionalFormatting sqref="BC68:BD69">
    <cfRule type="expression" dxfId="4589" priority="4586" stopIfTrue="1">
      <formula>ISBLANK(BC68)=TRUE</formula>
    </cfRule>
    <cfRule type="expression" dxfId="4588" priority="4587" stopIfTrue="1">
      <formula>INDIRECT("第１の３表②!"&amp;CELL("address",DV68))="×××"</formula>
    </cfRule>
    <cfRule type="expression" dxfId="4587" priority="4588" stopIfTrue="1">
      <formula>INDIRECT("第１の３表②!"&amp;CELL("address",DV68))="××"</formula>
    </cfRule>
    <cfRule type="expression" dxfId="4586" priority="4589" stopIfTrue="1">
      <formula>INDIRECT("第１の３表②!"&amp;CELL("address",DV68))="×"</formula>
    </cfRule>
    <cfRule type="expression" dxfId="4585" priority="4590" stopIfTrue="1">
      <formula>ISBLANK(BC68)=FALSE</formula>
    </cfRule>
  </conditionalFormatting>
  <conditionalFormatting sqref="BC68:BD69">
    <cfRule type="expression" dxfId="4584" priority="4581" stopIfTrue="1">
      <formula>ISBLANK(BC68)=TRUE</formula>
    </cfRule>
    <cfRule type="expression" dxfId="4583" priority="4582" stopIfTrue="1">
      <formula>INDIRECT("第１の３表②!"&amp;CELL("address",DV68))="×××"</formula>
    </cfRule>
    <cfRule type="expression" dxfId="4582" priority="4583" stopIfTrue="1">
      <formula>INDIRECT("第１の３表②!"&amp;CELL("address",DV68))="××"</formula>
    </cfRule>
    <cfRule type="expression" dxfId="4581" priority="4584" stopIfTrue="1">
      <formula>INDIRECT("第１の３表②!"&amp;CELL("address",DV68))="×"</formula>
    </cfRule>
    <cfRule type="expression" dxfId="4580" priority="4585" stopIfTrue="1">
      <formula>ISBLANK(BC68)=FALSE</formula>
    </cfRule>
  </conditionalFormatting>
  <conditionalFormatting sqref="BF68:BG69">
    <cfRule type="expression" dxfId="4579" priority="4576" stopIfTrue="1">
      <formula>ISBLANK(BF68)=TRUE</formula>
    </cfRule>
    <cfRule type="expression" dxfId="4578" priority="4577" stopIfTrue="1">
      <formula>INDIRECT("第１の３表②!"&amp;CELL("address",DY68))="×××"</formula>
    </cfRule>
    <cfRule type="expression" dxfId="4577" priority="4578" stopIfTrue="1">
      <formula>INDIRECT("第１の３表②!"&amp;CELL("address",DY68))="××"</formula>
    </cfRule>
    <cfRule type="expression" dxfId="4576" priority="4579" stopIfTrue="1">
      <formula>INDIRECT("第１の３表②!"&amp;CELL("address",DY68))="×"</formula>
    </cfRule>
    <cfRule type="expression" dxfId="4575" priority="4580" stopIfTrue="1">
      <formula>ISBLANK(BF68)=FALSE</formula>
    </cfRule>
  </conditionalFormatting>
  <conditionalFormatting sqref="BF68:BG69">
    <cfRule type="expression" dxfId="4574" priority="4571" stopIfTrue="1">
      <formula>ISBLANK(BF68)=TRUE</formula>
    </cfRule>
    <cfRule type="expression" dxfId="4573" priority="4572" stopIfTrue="1">
      <formula>INDIRECT("第１の３表②!"&amp;CELL("address",DY68))="×××"</formula>
    </cfRule>
    <cfRule type="expression" dxfId="4572" priority="4573" stopIfTrue="1">
      <formula>INDIRECT("第１の３表②!"&amp;CELL("address",DY68))="××"</formula>
    </cfRule>
    <cfRule type="expression" dxfId="4571" priority="4574" stopIfTrue="1">
      <formula>INDIRECT("第１の３表②!"&amp;CELL("address",DY68))="×"</formula>
    </cfRule>
    <cfRule type="expression" dxfId="4570" priority="4575" stopIfTrue="1">
      <formula>ISBLANK(BF68)=FALSE</formula>
    </cfRule>
  </conditionalFormatting>
  <conditionalFormatting sqref="BF68:BG69">
    <cfRule type="expression" dxfId="4569" priority="4566" stopIfTrue="1">
      <formula>ISBLANK(BF68)=TRUE</formula>
    </cfRule>
    <cfRule type="expression" dxfId="4568" priority="4567" stopIfTrue="1">
      <formula>INDIRECT("第１の３表②!"&amp;CELL("address",DY68))="×××"</formula>
    </cfRule>
    <cfRule type="expression" dxfId="4567" priority="4568" stopIfTrue="1">
      <formula>INDIRECT("第１の３表②!"&amp;CELL("address",DY68))="××"</formula>
    </cfRule>
    <cfRule type="expression" dxfId="4566" priority="4569" stopIfTrue="1">
      <formula>INDIRECT("第１の３表②!"&amp;CELL("address",DY68))="×"</formula>
    </cfRule>
    <cfRule type="expression" dxfId="4565" priority="4570" stopIfTrue="1">
      <formula>ISBLANK(BF68)=FALSE</formula>
    </cfRule>
  </conditionalFormatting>
  <conditionalFormatting sqref="BI68:BJ69">
    <cfRule type="expression" dxfId="4564" priority="4561" stopIfTrue="1">
      <formula>ISBLANK(BI68)=TRUE</formula>
    </cfRule>
    <cfRule type="expression" dxfId="4563" priority="4562" stopIfTrue="1">
      <formula>INDIRECT("第１の３表②!"&amp;CELL("address",EB68))="×××"</formula>
    </cfRule>
    <cfRule type="expression" dxfId="4562" priority="4563" stopIfTrue="1">
      <formula>INDIRECT("第１の３表②!"&amp;CELL("address",EB68))="××"</formula>
    </cfRule>
    <cfRule type="expression" dxfId="4561" priority="4564" stopIfTrue="1">
      <formula>INDIRECT("第１の３表②!"&amp;CELL("address",EB68))="×"</formula>
    </cfRule>
    <cfRule type="expression" dxfId="4560" priority="4565" stopIfTrue="1">
      <formula>ISBLANK(BI68)=FALSE</formula>
    </cfRule>
  </conditionalFormatting>
  <conditionalFormatting sqref="BI68:BJ69">
    <cfRule type="expression" dxfId="4559" priority="4556" stopIfTrue="1">
      <formula>ISBLANK(BI68)=TRUE</formula>
    </cfRule>
    <cfRule type="expression" dxfId="4558" priority="4557" stopIfTrue="1">
      <formula>INDIRECT("第１の３表②!"&amp;CELL("address",EB68))="×××"</formula>
    </cfRule>
    <cfRule type="expression" dxfId="4557" priority="4558" stopIfTrue="1">
      <formula>INDIRECT("第１の３表②!"&amp;CELL("address",EB68))="××"</formula>
    </cfRule>
    <cfRule type="expression" dxfId="4556" priority="4559" stopIfTrue="1">
      <formula>INDIRECT("第１の３表②!"&amp;CELL("address",EB68))="×"</formula>
    </cfRule>
    <cfRule type="expression" dxfId="4555" priority="4560" stopIfTrue="1">
      <formula>ISBLANK(BI68)=FALSE</formula>
    </cfRule>
  </conditionalFormatting>
  <conditionalFormatting sqref="BI68:BJ69">
    <cfRule type="expression" dxfId="4554" priority="4551" stopIfTrue="1">
      <formula>ISBLANK(BI68)=TRUE</formula>
    </cfRule>
    <cfRule type="expression" dxfId="4553" priority="4552" stopIfTrue="1">
      <formula>INDIRECT("第１の３表②!"&amp;CELL("address",EB68))="×××"</formula>
    </cfRule>
    <cfRule type="expression" dxfId="4552" priority="4553" stopIfTrue="1">
      <formula>INDIRECT("第１の３表②!"&amp;CELL("address",EB68))="××"</formula>
    </cfRule>
    <cfRule type="expression" dxfId="4551" priority="4554" stopIfTrue="1">
      <formula>INDIRECT("第１の３表②!"&amp;CELL("address",EB68))="×"</formula>
    </cfRule>
    <cfRule type="expression" dxfId="4550" priority="4555" stopIfTrue="1">
      <formula>ISBLANK(BI68)=FALSE</formula>
    </cfRule>
  </conditionalFormatting>
  <conditionalFormatting sqref="BL68:BM69">
    <cfRule type="expression" dxfId="4549" priority="4546" stopIfTrue="1">
      <formula>ISBLANK(BL68)=TRUE</formula>
    </cfRule>
    <cfRule type="expression" dxfId="4548" priority="4547" stopIfTrue="1">
      <formula>INDIRECT("第１の３表②!"&amp;CELL("address",EE68))="×××"</formula>
    </cfRule>
    <cfRule type="expression" dxfId="4547" priority="4548" stopIfTrue="1">
      <formula>INDIRECT("第１の３表②!"&amp;CELL("address",EE68))="××"</formula>
    </cfRule>
    <cfRule type="expression" dxfId="4546" priority="4549" stopIfTrue="1">
      <formula>INDIRECT("第１の３表②!"&amp;CELL("address",EE68))="×"</formula>
    </cfRule>
    <cfRule type="expression" dxfId="4545" priority="4550" stopIfTrue="1">
      <formula>ISBLANK(BL68)=FALSE</formula>
    </cfRule>
  </conditionalFormatting>
  <conditionalFormatting sqref="BL68:BM69">
    <cfRule type="expression" dxfId="4544" priority="4541" stopIfTrue="1">
      <formula>ISBLANK(BL68)=TRUE</formula>
    </cfRule>
    <cfRule type="expression" dxfId="4543" priority="4542" stopIfTrue="1">
      <formula>INDIRECT("第１の３表②!"&amp;CELL("address",EE68))="×××"</formula>
    </cfRule>
    <cfRule type="expression" dxfId="4542" priority="4543" stopIfTrue="1">
      <formula>INDIRECT("第１の３表②!"&amp;CELL("address",EE68))="××"</formula>
    </cfRule>
    <cfRule type="expression" dxfId="4541" priority="4544" stopIfTrue="1">
      <formula>INDIRECT("第１の３表②!"&amp;CELL("address",EE68))="×"</formula>
    </cfRule>
    <cfRule type="expression" dxfId="4540" priority="4545" stopIfTrue="1">
      <formula>ISBLANK(BL68)=FALSE</formula>
    </cfRule>
  </conditionalFormatting>
  <conditionalFormatting sqref="BL68:BM69">
    <cfRule type="expression" dxfId="4539" priority="4536" stopIfTrue="1">
      <formula>ISBLANK(BL68)=TRUE</formula>
    </cfRule>
    <cfRule type="expression" dxfId="4538" priority="4537" stopIfTrue="1">
      <formula>INDIRECT("第１の３表②!"&amp;CELL("address",EE68))="×××"</formula>
    </cfRule>
    <cfRule type="expression" dxfId="4537" priority="4538" stopIfTrue="1">
      <formula>INDIRECT("第１の３表②!"&amp;CELL("address",EE68))="××"</formula>
    </cfRule>
    <cfRule type="expression" dxfId="4536" priority="4539" stopIfTrue="1">
      <formula>INDIRECT("第１の３表②!"&amp;CELL("address",EE68))="×"</formula>
    </cfRule>
    <cfRule type="expression" dxfId="4535" priority="4540" stopIfTrue="1">
      <formula>ISBLANK(BL68)=FALSE</formula>
    </cfRule>
  </conditionalFormatting>
  <conditionalFormatting sqref="BO68:BP69">
    <cfRule type="expression" dxfId="4534" priority="4531" stopIfTrue="1">
      <formula>ISBLANK(BO68)=TRUE</formula>
    </cfRule>
    <cfRule type="expression" dxfId="4533" priority="4532" stopIfTrue="1">
      <formula>INDIRECT("第１の３表②!"&amp;CELL("address",EH68))="×××"</formula>
    </cfRule>
    <cfRule type="expression" dxfId="4532" priority="4533" stopIfTrue="1">
      <formula>INDIRECT("第１の３表②!"&amp;CELL("address",EH68))="××"</formula>
    </cfRule>
    <cfRule type="expression" dxfId="4531" priority="4534" stopIfTrue="1">
      <formula>INDIRECT("第１の３表②!"&amp;CELL("address",EH68))="×"</formula>
    </cfRule>
    <cfRule type="expression" dxfId="4530" priority="4535" stopIfTrue="1">
      <formula>ISBLANK(BO68)=FALSE</formula>
    </cfRule>
  </conditionalFormatting>
  <conditionalFormatting sqref="BO68:BP69">
    <cfRule type="expression" dxfId="4529" priority="4526" stopIfTrue="1">
      <formula>ISBLANK(BO68)=TRUE</formula>
    </cfRule>
    <cfRule type="expression" dxfId="4528" priority="4527" stopIfTrue="1">
      <formula>INDIRECT("第１の３表②!"&amp;CELL("address",EH68))="×××"</formula>
    </cfRule>
    <cfRule type="expression" dxfId="4527" priority="4528" stopIfTrue="1">
      <formula>INDIRECT("第１の３表②!"&amp;CELL("address",EH68))="××"</formula>
    </cfRule>
    <cfRule type="expression" dxfId="4526" priority="4529" stopIfTrue="1">
      <formula>INDIRECT("第１の３表②!"&amp;CELL("address",EH68))="×"</formula>
    </cfRule>
    <cfRule type="expression" dxfId="4525" priority="4530" stopIfTrue="1">
      <formula>ISBLANK(BO68)=FALSE</formula>
    </cfRule>
  </conditionalFormatting>
  <conditionalFormatting sqref="BO68:BP69">
    <cfRule type="expression" dxfId="4524" priority="4521" stopIfTrue="1">
      <formula>ISBLANK(BO68)=TRUE</formula>
    </cfRule>
    <cfRule type="expression" dxfId="4523" priority="4522" stopIfTrue="1">
      <formula>INDIRECT("第１の３表②!"&amp;CELL("address",EH68))="×××"</formula>
    </cfRule>
    <cfRule type="expression" dxfId="4522" priority="4523" stopIfTrue="1">
      <formula>INDIRECT("第１の３表②!"&amp;CELL("address",EH68))="××"</formula>
    </cfRule>
    <cfRule type="expression" dxfId="4521" priority="4524" stopIfTrue="1">
      <formula>INDIRECT("第１の３表②!"&amp;CELL("address",EH68))="×"</formula>
    </cfRule>
    <cfRule type="expression" dxfId="4520" priority="4525" stopIfTrue="1">
      <formula>ISBLANK(BO68)=FALSE</formula>
    </cfRule>
  </conditionalFormatting>
  <conditionalFormatting sqref="G71:H72">
    <cfRule type="expression" dxfId="4519" priority="4516" stopIfTrue="1">
      <formula>ISBLANK(G71)=TRUE</formula>
    </cfRule>
    <cfRule type="expression" dxfId="4518" priority="4517" stopIfTrue="1">
      <formula>INDIRECT("第１の３表②!"&amp;CELL("address",BZ71))="×××"</formula>
    </cfRule>
    <cfRule type="expression" dxfId="4517" priority="4518" stopIfTrue="1">
      <formula>INDIRECT("第１の３表②!"&amp;CELL("address",BZ71))="××"</formula>
    </cfRule>
    <cfRule type="expression" dxfId="4516" priority="4519" stopIfTrue="1">
      <formula>INDIRECT("第１の３表②!"&amp;CELL("address",BZ71))="×"</formula>
    </cfRule>
    <cfRule type="expression" dxfId="4515" priority="4520" stopIfTrue="1">
      <formula>ISBLANK(G71)=FALSE</formula>
    </cfRule>
  </conditionalFormatting>
  <conditionalFormatting sqref="G71:H72">
    <cfRule type="expression" dxfId="4514" priority="4511" stopIfTrue="1">
      <formula>ISBLANK(G71)=TRUE</formula>
    </cfRule>
    <cfRule type="expression" dxfId="4513" priority="4512" stopIfTrue="1">
      <formula>INDIRECT("第１の３表②!"&amp;CELL("address",BZ71))="×××"</formula>
    </cfRule>
    <cfRule type="expression" dxfId="4512" priority="4513" stopIfTrue="1">
      <formula>INDIRECT("第１の３表②!"&amp;CELL("address",BZ71))="××"</formula>
    </cfRule>
    <cfRule type="expression" dxfId="4511" priority="4514" stopIfTrue="1">
      <formula>INDIRECT("第１の３表②!"&amp;CELL("address",BZ71))="×"</formula>
    </cfRule>
    <cfRule type="expression" dxfId="4510" priority="4515" stopIfTrue="1">
      <formula>ISBLANK(G71)=FALSE</formula>
    </cfRule>
  </conditionalFormatting>
  <conditionalFormatting sqref="G71:H72">
    <cfRule type="expression" dxfId="4509" priority="4506" stopIfTrue="1">
      <formula>ISBLANK(G71)=TRUE</formula>
    </cfRule>
    <cfRule type="expression" dxfId="4508" priority="4507" stopIfTrue="1">
      <formula>INDIRECT("第１の３表②!"&amp;CELL("address",BZ71))="×××"</formula>
    </cfRule>
    <cfRule type="expression" dxfId="4507" priority="4508" stopIfTrue="1">
      <formula>INDIRECT("第１の３表②!"&amp;CELL("address",BZ71))="××"</formula>
    </cfRule>
    <cfRule type="expression" dxfId="4506" priority="4509" stopIfTrue="1">
      <formula>INDIRECT("第１の３表②!"&amp;CELL("address",BZ71))="×"</formula>
    </cfRule>
    <cfRule type="expression" dxfId="4505" priority="4510" stopIfTrue="1">
      <formula>ISBLANK(G71)=FALSE</formula>
    </cfRule>
  </conditionalFormatting>
  <conditionalFormatting sqref="J71:K72">
    <cfRule type="expression" dxfId="4504" priority="4501" stopIfTrue="1">
      <formula>ISBLANK(J71)=TRUE</formula>
    </cfRule>
    <cfRule type="expression" dxfId="4503" priority="4502" stopIfTrue="1">
      <formula>INDIRECT("第１の３表②!"&amp;CELL("address",CC71))="×××"</formula>
    </cfRule>
    <cfRule type="expression" dxfId="4502" priority="4503" stopIfTrue="1">
      <formula>INDIRECT("第１の３表②!"&amp;CELL("address",CC71))="××"</formula>
    </cfRule>
    <cfRule type="expression" dxfId="4501" priority="4504" stopIfTrue="1">
      <formula>INDIRECT("第１の３表②!"&amp;CELL("address",CC71))="×"</formula>
    </cfRule>
    <cfRule type="expression" dxfId="4500" priority="4505" stopIfTrue="1">
      <formula>ISBLANK(J71)=FALSE</formula>
    </cfRule>
  </conditionalFormatting>
  <conditionalFormatting sqref="J71:K72">
    <cfRule type="expression" dxfId="4499" priority="4496" stopIfTrue="1">
      <formula>ISBLANK(J71)=TRUE</formula>
    </cfRule>
    <cfRule type="expression" dxfId="4498" priority="4497" stopIfTrue="1">
      <formula>INDIRECT("第１の３表②!"&amp;CELL("address",CC71))="×××"</formula>
    </cfRule>
    <cfRule type="expression" dxfId="4497" priority="4498" stopIfTrue="1">
      <formula>INDIRECT("第１の３表②!"&amp;CELL("address",CC71))="××"</formula>
    </cfRule>
    <cfRule type="expression" dxfId="4496" priority="4499" stopIfTrue="1">
      <formula>INDIRECT("第１の３表②!"&amp;CELL("address",CC71))="×"</formula>
    </cfRule>
    <cfRule type="expression" dxfId="4495" priority="4500" stopIfTrue="1">
      <formula>ISBLANK(J71)=FALSE</formula>
    </cfRule>
  </conditionalFormatting>
  <conditionalFormatting sqref="J71:K72">
    <cfRule type="expression" dxfId="4494" priority="4491" stopIfTrue="1">
      <formula>ISBLANK(J71)=TRUE</formula>
    </cfRule>
    <cfRule type="expression" dxfId="4493" priority="4492" stopIfTrue="1">
      <formula>INDIRECT("第１の３表②!"&amp;CELL("address",CC71))="×××"</formula>
    </cfRule>
    <cfRule type="expression" dxfId="4492" priority="4493" stopIfTrue="1">
      <formula>INDIRECT("第１の３表②!"&amp;CELL("address",CC71))="××"</formula>
    </cfRule>
    <cfRule type="expression" dxfId="4491" priority="4494" stopIfTrue="1">
      <formula>INDIRECT("第１の３表②!"&amp;CELL("address",CC71))="×"</formula>
    </cfRule>
    <cfRule type="expression" dxfId="4490" priority="4495" stopIfTrue="1">
      <formula>ISBLANK(J71)=FALSE</formula>
    </cfRule>
  </conditionalFormatting>
  <conditionalFormatting sqref="M71:N72">
    <cfRule type="expression" dxfId="4489" priority="4486" stopIfTrue="1">
      <formula>ISBLANK(M71)=TRUE</formula>
    </cfRule>
    <cfRule type="expression" dxfId="4488" priority="4487" stopIfTrue="1">
      <formula>INDIRECT("第１の３表②!"&amp;CELL("address",CF71))="×××"</formula>
    </cfRule>
    <cfRule type="expression" dxfId="4487" priority="4488" stopIfTrue="1">
      <formula>INDIRECT("第１の３表②!"&amp;CELL("address",CF71))="××"</formula>
    </cfRule>
    <cfRule type="expression" dxfId="4486" priority="4489" stopIfTrue="1">
      <formula>INDIRECT("第１の３表②!"&amp;CELL("address",CF71))="×"</formula>
    </cfRule>
    <cfRule type="expression" dxfId="4485" priority="4490" stopIfTrue="1">
      <formula>ISBLANK(M71)=FALSE</formula>
    </cfRule>
  </conditionalFormatting>
  <conditionalFormatting sqref="M71:N72">
    <cfRule type="expression" dxfId="4484" priority="4481" stopIfTrue="1">
      <formula>ISBLANK(M71)=TRUE</formula>
    </cfRule>
    <cfRule type="expression" dxfId="4483" priority="4482" stopIfTrue="1">
      <formula>INDIRECT("第１の３表②!"&amp;CELL("address",CF71))="×××"</formula>
    </cfRule>
    <cfRule type="expression" dxfId="4482" priority="4483" stopIfTrue="1">
      <formula>INDIRECT("第１の３表②!"&amp;CELL("address",CF71))="××"</formula>
    </cfRule>
    <cfRule type="expression" dxfId="4481" priority="4484" stopIfTrue="1">
      <formula>INDIRECT("第１の３表②!"&amp;CELL("address",CF71))="×"</formula>
    </cfRule>
    <cfRule type="expression" dxfId="4480" priority="4485" stopIfTrue="1">
      <formula>ISBLANK(M71)=FALSE</formula>
    </cfRule>
  </conditionalFormatting>
  <conditionalFormatting sqref="M71:N72">
    <cfRule type="expression" dxfId="4479" priority="4476" stopIfTrue="1">
      <formula>ISBLANK(M71)=TRUE</formula>
    </cfRule>
    <cfRule type="expression" dxfId="4478" priority="4477" stopIfTrue="1">
      <formula>INDIRECT("第１の３表②!"&amp;CELL("address",CF71))="×××"</formula>
    </cfRule>
    <cfRule type="expression" dxfId="4477" priority="4478" stopIfTrue="1">
      <formula>INDIRECT("第１の３表②!"&amp;CELL("address",CF71))="××"</formula>
    </cfRule>
    <cfRule type="expression" dxfId="4476" priority="4479" stopIfTrue="1">
      <formula>INDIRECT("第１の３表②!"&amp;CELL("address",CF71))="×"</formula>
    </cfRule>
    <cfRule type="expression" dxfId="4475" priority="4480" stopIfTrue="1">
      <formula>ISBLANK(M71)=FALSE</formula>
    </cfRule>
  </conditionalFormatting>
  <conditionalFormatting sqref="P71:Q72">
    <cfRule type="expression" dxfId="4474" priority="4471" stopIfTrue="1">
      <formula>ISBLANK(P71)=TRUE</formula>
    </cfRule>
    <cfRule type="expression" dxfId="4473" priority="4472" stopIfTrue="1">
      <formula>INDIRECT("第１の３表②!"&amp;CELL("address",CI71))="×××"</formula>
    </cfRule>
    <cfRule type="expression" dxfId="4472" priority="4473" stopIfTrue="1">
      <formula>INDIRECT("第１の３表②!"&amp;CELL("address",CI71))="××"</formula>
    </cfRule>
    <cfRule type="expression" dxfId="4471" priority="4474" stopIfTrue="1">
      <formula>INDIRECT("第１の３表②!"&amp;CELL("address",CI71))="×"</formula>
    </cfRule>
    <cfRule type="expression" dxfId="4470" priority="4475" stopIfTrue="1">
      <formula>ISBLANK(P71)=FALSE</formula>
    </cfRule>
  </conditionalFormatting>
  <conditionalFormatting sqref="P71:Q72">
    <cfRule type="expression" dxfId="4469" priority="4466" stopIfTrue="1">
      <formula>ISBLANK(P71)=TRUE</formula>
    </cfRule>
    <cfRule type="expression" dxfId="4468" priority="4467" stopIfTrue="1">
      <formula>INDIRECT("第１の３表②!"&amp;CELL("address",CI71))="×××"</formula>
    </cfRule>
    <cfRule type="expression" dxfId="4467" priority="4468" stopIfTrue="1">
      <formula>INDIRECT("第１の３表②!"&amp;CELL("address",CI71))="××"</formula>
    </cfRule>
    <cfRule type="expression" dxfId="4466" priority="4469" stopIfTrue="1">
      <formula>INDIRECT("第１の３表②!"&amp;CELL("address",CI71))="×"</formula>
    </cfRule>
    <cfRule type="expression" dxfId="4465" priority="4470" stopIfTrue="1">
      <formula>ISBLANK(P71)=FALSE</formula>
    </cfRule>
  </conditionalFormatting>
  <conditionalFormatting sqref="P71:Q72">
    <cfRule type="expression" dxfId="4464" priority="4461" stopIfTrue="1">
      <formula>ISBLANK(P71)=TRUE</formula>
    </cfRule>
    <cfRule type="expression" dxfId="4463" priority="4462" stopIfTrue="1">
      <formula>INDIRECT("第１の３表②!"&amp;CELL("address",CI71))="×××"</formula>
    </cfRule>
    <cfRule type="expression" dxfId="4462" priority="4463" stopIfTrue="1">
      <formula>INDIRECT("第１の３表②!"&amp;CELL("address",CI71))="××"</formula>
    </cfRule>
    <cfRule type="expression" dxfId="4461" priority="4464" stopIfTrue="1">
      <formula>INDIRECT("第１の３表②!"&amp;CELL("address",CI71))="×"</formula>
    </cfRule>
    <cfRule type="expression" dxfId="4460" priority="4465" stopIfTrue="1">
      <formula>ISBLANK(P71)=FALSE</formula>
    </cfRule>
  </conditionalFormatting>
  <conditionalFormatting sqref="S71:T72">
    <cfRule type="expression" dxfId="4459" priority="4456" stopIfTrue="1">
      <formula>ISBLANK(S71)=TRUE</formula>
    </cfRule>
    <cfRule type="expression" dxfId="4458" priority="4457" stopIfTrue="1">
      <formula>INDIRECT("第１の３表②!"&amp;CELL("address",CL71))="×××"</formula>
    </cfRule>
    <cfRule type="expression" dxfId="4457" priority="4458" stopIfTrue="1">
      <formula>INDIRECT("第１の３表②!"&amp;CELL("address",CL71))="××"</formula>
    </cfRule>
    <cfRule type="expression" dxfId="4456" priority="4459" stopIfTrue="1">
      <formula>INDIRECT("第１の３表②!"&amp;CELL("address",CL71))="×"</formula>
    </cfRule>
    <cfRule type="expression" dxfId="4455" priority="4460" stopIfTrue="1">
      <formula>ISBLANK(S71)=FALSE</formula>
    </cfRule>
  </conditionalFormatting>
  <conditionalFormatting sqref="S71:T72">
    <cfRule type="expression" dxfId="4454" priority="4451" stopIfTrue="1">
      <formula>ISBLANK(S71)=TRUE</formula>
    </cfRule>
    <cfRule type="expression" dxfId="4453" priority="4452" stopIfTrue="1">
      <formula>INDIRECT("第１の３表②!"&amp;CELL("address",CL71))="×××"</formula>
    </cfRule>
    <cfRule type="expression" dxfId="4452" priority="4453" stopIfTrue="1">
      <formula>INDIRECT("第１の３表②!"&amp;CELL("address",CL71))="××"</formula>
    </cfRule>
    <cfRule type="expression" dxfId="4451" priority="4454" stopIfTrue="1">
      <formula>INDIRECT("第１の３表②!"&amp;CELL("address",CL71))="×"</formula>
    </cfRule>
    <cfRule type="expression" dxfId="4450" priority="4455" stopIfTrue="1">
      <formula>ISBLANK(S71)=FALSE</formula>
    </cfRule>
  </conditionalFormatting>
  <conditionalFormatting sqref="S71:T72">
    <cfRule type="expression" dxfId="4449" priority="4446" stopIfTrue="1">
      <formula>ISBLANK(S71)=TRUE</formula>
    </cfRule>
    <cfRule type="expression" dxfId="4448" priority="4447" stopIfTrue="1">
      <formula>INDIRECT("第１の３表②!"&amp;CELL("address",CL71))="×××"</formula>
    </cfRule>
    <cfRule type="expression" dxfId="4447" priority="4448" stopIfTrue="1">
      <formula>INDIRECT("第１の３表②!"&amp;CELL("address",CL71))="××"</formula>
    </cfRule>
    <cfRule type="expression" dxfId="4446" priority="4449" stopIfTrue="1">
      <formula>INDIRECT("第１の３表②!"&amp;CELL("address",CL71))="×"</formula>
    </cfRule>
    <cfRule type="expression" dxfId="4445" priority="4450" stopIfTrue="1">
      <formula>ISBLANK(S71)=FALSE</formula>
    </cfRule>
  </conditionalFormatting>
  <conditionalFormatting sqref="V71:W72">
    <cfRule type="expression" dxfId="4444" priority="4441" stopIfTrue="1">
      <formula>ISBLANK(V71)=TRUE</formula>
    </cfRule>
    <cfRule type="expression" dxfId="4443" priority="4442" stopIfTrue="1">
      <formula>INDIRECT("第１の３表②!"&amp;CELL("address",CO71))="×××"</formula>
    </cfRule>
    <cfRule type="expression" dxfId="4442" priority="4443" stopIfTrue="1">
      <formula>INDIRECT("第１の３表②!"&amp;CELL("address",CO71))="××"</formula>
    </cfRule>
    <cfRule type="expression" dxfId="4441" priority="4444" stopIfTrue="1">
      <formula>INDIRECT("第１の３表②!"&amp;CELL("address",CO71))="×"</formula>
    </cfRule>
    <cfRule type="expression" dxfId="4440" priority="4445" stopIfTrue="1">
      <formula>ISBLANK(V71)=FALSE</formula>
    </cfRule>
  </conditionalFormatting>
  <conditionalFormatting sqref="V71:W72">
    <cfRule type="expression" dxfId="4439" priority="4436" stopIfTrue="1">
      <formula>ISBLANK(V71)=TRUE</formula>
    </cfRule>
    <cfRule type="expression" dxfId="4438" priority="4437" stopIfTrue="1">
      <formula>INDIRECT("第１の３表②!"&amp;CELL("address",CO71))="×××"</formula>
    </cfRule>
    <cfRule type="expression" dxfId="4437" priority="4438" stopIfTrue="1">
      <formula>INDIRECT("第１の３表②!"&amp;CELL("address",CO71))="××"</formula>
    </cfRule>
    <cfRule type="expression" dxfId="4436" priority="4439" stopIfTrue="1">
      <formula>INDIRECT("第１の３表②!"&amp;CELL("address",CO71))="×"</formula>
    </cfRule>
    <cfRule type="expression" dxfId="4435" priority="4440" stopIfTrue="1">
      <formula>ISBLANK(V71)=FALSE</formula>
    </cfRule>
  </conditionalFormatting>
  <conditionalFormatting sqref="V71:W72">
    <cfRule type="expression" dxfId="4434" priority="4431" stopIfTrue="1">
      <formula>ISBLANK(V71)=TRUE</formula>
    </cfRule>
    <cfRule type="expression" dxfId="4433" priority="4432" stopIfTrue="1">
      <formula>INDIRECT("第１の３表②!"&amp;CELL("address",CO71))="×××"</formula>
    </cfRule>
    <cfRule type="expression" dxfId="4432" priority="4433" stopIfTrue="1">
      <formula>INDIRECT("第１の３表②!"&amp;CELL("address",CO71))="××"</formula>
    </cfRule>
    <cfRule type="expression" dxfId="4431" priority="4434" stopIfTrue="1">
      <formula>INDIRECT("第１の３表②!"&amp;CELL("address",CO71))="×"</formula>
    </cfRule>
    <cfRule type="expression" dxfId="4430" priority="4435" stopIfTrue="1">
      <formula>ISBLANK(V71)=FALSE</formula>
    </cfRule>
  </conditionalFormatting>
  <conditionalFormatting sqref="Y71:Z72">
    <cfRule type="expression" dxfId="4429" priority="4426" stopIfTrue="1">
      <formula>ISBLANK(Y71)=TRUE</formula>
    </cfRule>
    <cfRule type="expression" dxfId="4428" priority="4427" stopIfTrue="1">
      <formula>INDIRECT("第１の３表②!"&amp;CELL("address",CR71))="×××"</formula>
    </cfRule>
    <cfRule type="expression" dxfId="4427" priority="4428" stopIfTrue="1">
      <formula>INDIRECT("第１の３表②!"&amp;CELL("address",CR71))="××"</formula>
    </cfRule>
    <cfRule type="expression" dxfId="4426" priority="4429" stopIfTrue="1">
      <formula>INDIRECT("第１の３表②!"&amp;CELL("address",CR71))="×"</formula>
    </cfRule>
    <cfRule type="expression" dxfId="4425" priority="4430" stopIfTrue="1">
      <formula>ISBLANK(Y71)=FALSE</formula>
    </cfRule>
  </conditionalFormatting>
  <conditionalFormatting sqref="Y71:Z72">
    <cfRule type="expression" dxfId="4424" priority="4421" stopIfTrue="1">
      <formula>ISBLANK(Y71)=TRUE</formula>
    </cfRule>
    <cfRule type="expression" dxfId="4423" priority="4422" stopIfTrue="1">
      <formula>INDIRECT("第１の３表②!"&amp;CELL("address",CR71))="×××"</formula>
    </cfRule>
    <cfRule type="expression" dxfId="4422" priority="4423" stopIfTrue="1">
      <formula>INDIRECT("第１の３表②!"&amp;CELL("address",CR71))="××"</formula>
    </cfRule>
    <cfRule type="expression" dxfId="4421" priority="4424" stopIfTrue="1">
      <formula>INDIRECT("第１の３表②!"&amp;CELL("address",CR71))="×"</formula>
    </cfRule>
    <cfRule type="expression" dxfId="4420" priority="4425" stopIfTrue="1">
      <formula>ISBLANK(Y71)=FALSE</formula>
    </cfRule>
  </conditionalFormatting>
  <conditionalFormatting sqref="Y71:Z72">
    <cfRule type="expression" dxfId="4419" priority="4416" stopIfTrue="1">
      <formula>ISBLANK(Y71)=TRUE</formula>
    </cfRule>
    <cfRule type="expression" dxfId="4418" priority="4417" stopIfTrue="1">
      <formula>INDIRECT("第１の３表②!"&amp;CELL("address",CR71))="×××"</formula>
    </cfRule>
    <cfRule type="expression" dxfId="4417" priority="4418" stopIfTrue="1">
      <formula>INDIRECT("第１の３表②!"&amp;CELL("address",CR71))="××"</formula>
    </cfRule>
    <cfRule type="expression" dxfId="4416" priority="4419" stopIfTrue="1">
      <formula>INDIRECT("第１の３表②!"&amp;CELL("address",CR71))="×"</formula>
    </cfRule>
    <cfRule type="expression" dxfId="4415" priority="4420" stopIfTrue="1">
      <formula>ISBLANK(Y71)=FALSE</formula>
    </cfRule>
  </conditionalFormatting>
  <conditionalFormatting sqref="AB71:AC72">
    <cfRule type="expression" dxfId="4414" priority="4411" stopIfTrue="1">
      <formula>ISBLANK(AB71)=TRUE</formula>
    </cfRule>
    <cfRule type="expression" dxfId="4413" priority="4412" stopIfTrue="1">
      <formula>INDIRECT("第１の３表②!"&amp;CELL("address",CU71))="×××"</formula>
    </cfRule>
    <cfRule type="expression" dxfId="4412" priority="4413" stopIfTrue="1">
      <formula>INDIRECT("第１の３表②!"&amp;CELL("address",CU71))="××"</formula>
    </cfRule>
    <cfRule type="expression" dxfId="4411" priority="4414" stopIfTrue="1">
      <formula>INDIRECT("第１の３表②!"&amp;CELL("address",CU71))="×"</formula>
    </cfRule>
    <cfRule type="expression" dxfId="4410" priority="4415" stopIfTrue="1">
      <formula>ISBLANK(AB71)=FALSE</formula>
    </cfRule>
  </conditionalFormatting>
  <conditionalFormatting sqref="AB71:AC72">
    <cfRule type="expression" dxfId="4409" priority="4406" stopIfTrue="1">
      <formula>ISBLANK(AB71)=TRUE</formula>
    </cfRule>
    <cfRule type="expression" dxfId="4408" priority="4407" stopIfTrue="1">
      <formula>INDIRECT("第１の３表②!"&amp;CELL("address",CU71))="×××"</formula>
    </cfRule>
    <cfRule type="expression" dxfId="4407" priority="4408" stopIfTrue="1">
      <formula>INDIRECT("第１の３表②!"&amp;CELL("address",CU71))="××"</formula>
    </cfRule>
    <cfRule type="expression" dxfId="4406" priority="4409" stopIfTrue="1">
      <formula>INDIRECT("第１の３表②!"&amp;CELL("address",CU71))="×"</formula>
    </cfRule>
    <cfRule type="expression" dxfId="4405" priority="4410" stopIfTrue="1">
      <formula>ISBLANK(AB71)=FALSE</formula>
    </cfRule>
  </conditionalFormatting>
  <conditionalFormatting sqref="AB71:AC72">
    <cfRule type="expression" dxfId="4404" priority="4401" stopIfTrue="1">
      <formula>ISBLANK(AB71)=TRUE</formula>
    </cfRule>
    <cfRule type="expression" dxfId="4403" priority="4402" stopIfTrue="1">
      <formula>INDIRECT("第１の３表②!"&amp;CELL("address",CU71))="×××"</formula>
    </cfRule>
    <cfRule type="expression" dxfId="4402" priority="4403" stopIfTrue="1">
      <formula>INDIRECT("第１の３表②!"&amp;CELL("address",CU71))="××"</formula>
    </cfRule>
    <cfRule type="expression" dxfId="4401" priority="4404" stopIfTrue="1">
      <formula>INDIRECT("第１の３表②!"&amp;CELL("address",CU71))="×"</formula>
    </cfRule>
    <cfRule type="expression" dxfId="4400" priority="4405" stopIfTrue="1">
      <formula>ISBLANK(AB71)=FALSE</formula>
    </cfRule>
  </conditionalFormatting>
  <conditionalFormatting sqref="AE71:AF72">
    <cfRule type="expression" dxfId="4399" priority="4396" stopIfTrue="1">
      <formula>ISBLANK(AE71)=TRUE</formula>
    </cfRule>
    <cfRule type="expression" dxfId="4398" priority="4397" stopIfTrue="1">
      <formula>INDIRECT("第１の３表②!"&amp;CELL("address",CX71))="×××"</formula>
    </cfRule>
    <cfRule type="expression" dxfId="4397" priority="4398" stopIfTrue="1">
      <formula>INDIRECT("第１の３表②!"&amp;CELL("address",CX71))="××"</formula>
    </cfRule>
    <cfRule type="expression" dxfId="4396" priority="4399" stopIfTrue="1">
      <formula>INDIRECT("第１の３表②!"&amp;CELL("address",CX71))="×"</formula>
    </cfRule>
    <cfRule type="expression" dxfId="4395" priority="4400" stopIfTrue="1">
      <formula>ISBLANK(AE71)=FALSE</formula>
    </cfRule>
  </conditionalFormatting>
  <conditionalFormatting sqref="AE71:AF72">
    <cfRule type="expression" dxfId="4394" priority="4391" stopIfTrue="1">
      <formula>ISBLANK(AE71)=TRUE</formula>
    </cfRule>
    <cfRule type="expression" dxfId="4393" priority="4392" stopIfTrue="1">
      <formula>INDIRECT("第１の３表②!"&amp;CELL("address",CX71))="×××"</formula>
    </cfRule>
    <cfRule type="expression" dxfId="4392" priority="4393" stopIfTrue="1">
      <formula>INDIRECT("第１の３表②!"&amp;CELL("address",CX71))="××"</formula>
    </cfRule>
    <cfRule type="expression" dxfId="4391" priority="4394" stopIfTrue="1">
      <formula>INDIRECT("第１の３表②!"&amp;CELL("address",CX71))="×"</formula>
    </cfRule>
    <cfRule type="expression" dxfId="4390" priority="4395" stopIfTrue="1">
      <formula>ISBLANK(AE71)=FALSE</formula>
    </cfRule>
  </conditionalFormatting>
  <conditionalFormatting sqref="AE71:AF72">
    <cfRule type="expression" dxfId="4389" priority="4386" stopIfTrue="1">
      <formula>ISBLANK(AE71)=TRUE</formula>
    </cfRule>
    <cfRule type="expression" dxfId="4388" priority="4387" stopIfTrue="1">
      <formula>INDIRECT("第１の３表②!"&amp;CELL("address",CX71))="×××"</formula>
    </cfRule>
    <cfRule type="expression" dxfId="4387" priority="4388" stopIfTrue="1">
      <formula>INDIRECT("第１の３表②!"&amp;CELL("address",CX71))="××"</formula>
    </cfRule>
    <cfRule type="expression" dxfId="4386" priority="4389" stopIfTrue="1">
      <formula>INDIRECT("第１の３表②!"&amp;CELL("address",CX71))="×"</formula>
    </cfRule>
    <cfRule type="expression" dxfId="4385" priority="4390" stopIfTrue="1">
      <formula>ISBLANK(AE71)=FALSE</formula>
    </cfRule>
  </conditionalFormatting>
  <conditionalFormatting sqref="AH71:AI72">
    <cfRule type="expression" dxfId="4384" priority="4381" stopIfTrue="1">
      <formula>ISBLANK(AH71)=TRUE</formula>
    </cfRule>
    <cfRule type="expression" dxfId="4383" priority="4382" stopIfTrue="1">
      <formula>INDIRECT("第１の３表②!"&amp;CELL("address",DA71))="×××"</formula>
    </cfRule>
    <cfRule type="expression" dxfId="4382" priority="4383" stopIfTrue="1">
      <formula>INDIRECT("第１の３表②!"&amp;CELL("address",DA71))="××"</formula>
    </cfRule>
    <cfRule type="expression" dxfId="4381" priority="4384" stopIfTrue="1">
      <formula>INDIRECT("第１の３表②!"&amp;CELL("address",DA71))="×"</formula>
    </cfRule>
    <cfRule type="expression" dxfId="4380" priority="4385" stopIfTrue="1">
      <formula>ISBLANK(AH71)=FALSE</formula>
    </cfRule>
  </conditionalFormatting>
  <conditionalFormatting sqref="AH71:AI72">
    <cfRule type="expression" dxfId="4379" priority="4376" stopIfTrue="1">
      <formula>ISBLANK(AH71)=TRUE</formula>
    </cfRule>
    <cfRule type="expression" dxfId="4378" priority="4377" stopIfTrue="1">
      <formula>INDIRECT("第１の３表②!"&amp;CELL("address",DA71))="×××"</formula>
    </cfRule>
    <cfRule type="expression" dxfId="4377" priority="4378" stopIfTrue="1">
      <formula>INDIRECT("第１の３表②!"&amp;CELL("address",DA71))="××"</formula>
    </cfRule>
    <cfRule type="expression" dxfId="4376" priority="4379" stopIfTrue="1">
      <formula>INDIRECT("第１の３表②!"&amp;CELL("address",DA71))="×"</formula>
    </cfRule>
    <cfRule type="expression" dxfId="4375" priority="4380" stopIfTrue="1">
      <formula>ISBLANK(AH71)=FALSE</formula>
    </cfRule>
  </conditionalFormatting>
  <conditionalFormatting sqref="AH71:AI72">
    <cfRule type="expression" dxfId="4374" priority="4371" stopIfTrue="1">
      <formula>ISBLANK(AH71)=TRUE</formula>
    </cfRule>
    <cfRule type="expression" dxfId="4373" priority="4372" stopIfTrue="1">
      <formula>INDIRECT("第１の３表②!"&amp;CELL("address",DA71))="×××"</formula>
    </cfRule>
    <cfRule type="expression" dxfId="4372" priority="4373" stopIfTrue="1">
      <formula>INDIRECT("第１の３表②!"&amp;CELL("address",DA71))="××"</formula>
    </cfRule>
    <cfRule type="expression" dxfId="4371" priority="4374" stopIfTrue="1">
      <formula>INDIRECT("第１の３表②!"&amp;CELL("address",DA71))="×"</formula>
    </cfRule>
    <cfRule type="expression" dxfId="4370" priority="4375" stopIfTrue="1">
      <formula>ISBLANK(AH71)=FALSE</formula>
    </cfRule>
  </conditionalFormatting>
  <conditionalFormatting sqref="AK71:AL72">
    <cfRule type="expression" dxfId="4369" priority="4366" stopIfTrue="1">
      <formula>ISBLANK(AK71)=TRUE</formula>
    </cfRule>
    <cfRule type="expression" dxfId="4368" priority="4367" stopIfTrue="1">
      <formula>INDIRECT("第１の３表②!"&amp;CELL("address",DD71))="×××"</formula>
    </cfRule>
    <cfRule type="expression" dxfId="4367" priority="4368" stopIfTrue="1">
      <formula>INDIRECT("第１の３表②!"&amp;CELL("address",DD71))="××"</formula>
    </cfRule>
    <cfRule type="expression" dxfId="4366" priority="4369" stopIfTrue="1">
      <formula>INDIRECT("第１の３表②!"&amp;CELL("address",DD71))="×"</formula>
    </cfRule>
    <cfRule type="expression" dxfId="4365" priority="4370" stopIfTrue="1">
      <formula>ISBLANK(AK71)=FALSE</formula>
    </cfRule>
  </conditionalFormatting>
  <conditionalFormatting sqref="AK71:AL72">
    <cfRule type="expression" dxfId="4364" priority="4361" stopIfTrue="1">
      <formula>ISBLANK(AK71)=TRUE</formula>
    </cfRule>
    <cfRule type="expression" dxfId="4363" priority="4362" stopIfTrue="1">
      <formula>INDIRECT("第１の３表②!"&amp;CELL("address",DD71))="×××"</formula>
    </cfRule>
    <cfRule type="expression" dxfId="4362" priority="4363" stopIfTrue="1">
      <formula>INDIRECT("第１の３表②!"&amp;CELL("address",DD71))="××"</formula>
    </cfRule>
    <cfRule type="expression" dxfId="4361" priority="4364" stopIfTrue="1">
      <formula>INDIRECT("第１の３表②!"&amp;CELL("address",DD71))="×"</formula>
    </cfRule>
    <cfRule type="expression" dxfId="4360" priority="4365" stopIfTrue="1">
      <formula>ISBLANK(AK71)=FALSE</formula>
    </cfRule>
  </conditionalFormatting>
  <conditionalFormatting sqref="AK71:AL72">
    <cfRule type="expression" dxfId="4359" priority="4356" stopIfTrue="1">
      <formula>ISBLANK(AK71)=TRUE</formula>
    </cfRule>
    <cfRule type="expression" dxfId="4358" priority="4357" stopIfTrue="1">
      <formula>INDIRECT("第１の３表②!"&amp;CELL("address",DD71))="×××"</formula>
    </cfRule>
    <cfRule type="expression" dxfId="4357" priority="4358" stopIfTrue="1">
      <formula>INDIRECT("第１の３表②!"&amp;CELL("address",DD71))="××"</formula>
    </cfRule>
    <cfRule type="expression" dxfId="4356" priority="4359" stopIfTrue="1">
      <formula>INDIRECT("第１の３表②!"&amp;CELL("address",DD71))="×"</formula>
    </cfRule>
    <cfRule type="expression" dxfId="4355" priority="4360" stopIfTrue="1">
      <formula>ISBLANK(AK71)=FALSE</formula>
    </cfRule>
  </conditionalFormatting>
  <conditionalFormatting sqref="AN71:AO72">
    <cfRule type="expression" dxfId="4354" priority="4351" stopIfTrue="1">
      <formula>ISBLANK(AN71)=TRUE</formula>
    </cfRule>
    <cfRule type="expression" dxfId="4353" priority="4352" stopIfTrue="1">
      <formula>INDIRECT("第１の３表②!"&amp;CELL("address",DG71))="×××"</formula>
    </cfRule>
    <cfRule type="expression" dxfId="4352" priority="4353" stopIfTrue="1">
      <formula>INDIRECT("第１の３表②!"&amp;CELL("address",DG71))="××"</formula>
    </cfRule>
    <cfRule type="expression" dxfId="4351" priority="4354" stopIfTrue="1">
      <formula>INDIRECT("第１の３表②!"&amp;CELL("address",DG71))="×"</formula>
    </cfRule>
    <cfRule type="expression" dxfId="4350" priority="4355" stopIfTrue="1">
      <formula>ISBLANK(AN71)=FALSE</formula>
    </cfRule>
  </conditionalFormatting>
  <conditionalFormatting sqref="AN71:AO72">
    <cfRule type="expression" dxfId="4349" priority="4346" stopIfTrue="1">
      <formula>ISBLANK(AN71)=TRUE</formula>
    </cfRule>
    <cfRule type="expression" dxfId="4348" priority="4347" stopIfTrue="1">
      <formula>INDIRECT("第１の３表②!"&amp;CELL("address",DG71))="×××"</formula>
    </cfRule>
    <cfRule type="expression" dxfId="4347" priority="4348" stopIfTrue="1">
      <formula>INDIRECT("第１の３表②!"&amp;CELL("address",DG71))="××"</formula>
    </cfRule>
    <cfRule type="expression" dxfId="4346" priority="4349" stopIfTrue="1">
      <formula>INDIRECT("第１の３表②!"&amp;CELL("address",DG71))="×"</formula>
    </cfRule>
    <cfRule type="expression" dxfId="4345" priority="4350" stopIfTrue="1">
      <formula>ISBLANK(AN71)=FALSE</formula>
    </cfRule>
  </conditionalFormatting>
  <conditionalFormatting sqref="AN71:AO72">
    <cfRule type="expression" dxfId="4344" priority="4341" stopIfTrue="1">
      <formula>ISBLANK(AN71)=TRUE</formula>
    </cfRule>
    <cfRule type="expression" dxfId="4343" priority="4342" stopIfTrue="1">
      <formula>INDIRECT("第１の３表②!"&amp;CELL("address",DG71))="×××"</formula>
    </cfRule>
    <cfRule type="expression" dxfId="4342" priority="4343" stopIfTrue="1">
      <formula>INDIRECT("第１の３表②!"&amp;CELL("address",DG71))="××"</formula>
    </cfRule>
    <cfRule type="expression" dxfId="4341" priority="4344" stopIfTrue="1">
      <formula>INDIRECT("第１の３表②!"&amp;CELL("address",DG71))="×"</formula>
    </cfRule>
    <cfRule type="expression" dxfId="4340" priority="4345" stopIfTrue="1">
      <formula>ISBLANK(AN71)=FALSE</formula>
    </cfRule>
  </conditionalFormatting>
  <conditionalFormatting sqref="AQ71:AR72">
    <cfRule type="expression" dxfId="4339" priority="4336" stopIfTrue="1">
      <formula>ISBLANK(AQ71)=TRUE</formula>
    </cfRule>
    <cfRule type="expression" dxfId="4338" priority="4337" stopIfTrue="1">
      <formula>INDIRECT("第１の３表②!"&amp;CELL("address",DJ71))="×××"</formula>
    </cfRule>
    <cfRule type="expression" dxfId="4337" priority="4338" stopIfTrue="1">
      <formula>INDIRECT("第１の３表②!"&amp;CELL("address",DJ71))="××"</formula>
    </cfRule>
    <cfRule type="expression" dxfId="4336" priority="4339" stopIfTrue="1">
      <formula>INDIRECT("第１の３表②!"&amp;CELL("address",DJ71))="×"</formula>
    </cfRule>
    <cfRule type="expression" dxfId="4335" priority="4340" stopIfTrue="1">
      <formula>ISBLANK(AQ71)=FALSE</formula>
    </cfRule>
  </conditionalFormatting>
  <conditionalFormatting sqref="AQ71:AR72">
    <cfRule type="expression" dxfId="4334" priority="4331" stopIfTrue="1">
      <formula>ISBLANK(AQ71)=TRUE</formula>
    </cfRule>
    <cfRule type="expression" dxfId="4333" priority="4332" stopIfTrue="1">
      <formula>INDIRECT("第１の３表②!"&amp;CELL("address",DJ71))="×××"</formula>
    </cfRule>
    <cfRule type="expression" dxfId="4332" priority="4333" stopIfTrue="1">
      <formula>INDIRECT("第１の３表②!"&amp;CELL("address",DJ71))="××"</formula>
    </cfRule>
    <cfRule type="expression" dxfId="4331" priority="4334" stopIfTrue="1">
      <formula>INDIRECT("第１の３表②!"&amp;CELL("address",DJ71))="×"</formula>
    </cfRule>
    <cfRule type="expression" dxfId="4330" priority="4335" stopIfTrue="1">
      <formula>ISBLANK(AQ71)=FALSE</formula>
    </cfRule>
  </conditionalFormatting>
  <conditionalFormatting sqref="AQ71:AR72">
    <cfRule type="expression" dxfId="4329" priority="4326" stopIfTrue="1">
      <formula>ISBLANK(AQ71)=TRUE</formula>
    </cfRule>
    <cfRule type="expression" dxfId="4328" priority="4327" stopIfTrue="1">
      <formula>INDIRECT("第１の３表②!"&amp;CELL("address",DJ71))="×××"</formula>
    </cfRule>
    <cfRule type="expression" dxfId="4327" priority="4328" stopIfTrue="1">
      <formula>INDIRECT("第１の３表②!"&amp;CELL("address",DJ71))="××"</formula>
    </cfRule>
    <cfRule type="expression" dxfId="4326" priority="4329" stopIfTrue="1">
      <formula>INDIRECT("第１の３表②!"&amp;CELL("address",DJ71))="×"</formula>
    </cfRule>
    <cfRule type="expression" dxfId="4325" priority="4330" stopIfTrue="1">
      <formula>ISBLANK(AQ71)=FALSE</formula>
    </cfRule>
  </conditionalFormatting>
  <conditionalFormatting sqref="AT71:AU72">
    <cfRule type="expression" dxfId="4324" priority="4321" stopIfTrue="1">
      <formula>ISBLANK(AT71)=TRUE</formula>
    </cfRule>
    <cfRule type="expression" dxfId="4323" priority="4322" stopIfTrue="1">
      <formula>INDIRECT("第１の３表②!"&amp;CELL("address",DM71))="×××"</formula>
    </cfRule>
    <cfRule type="expression" dxfId="4322" priority="4323" stopIfTrue="1">
      <formula>INDIRECT("第１の３表②!"&amp;CELL("address",DM71))="××"</formula>
    </cfRule>
    <cfRule type="expression" dxfId="4321" priority="4324" stopIfTrue="1">
      <formula>INDIRECT("第１の３表②!"&amp;CELL("address",DM71))="×"</formula>
    </cfRule>
    <cfRule type="expression" dxfId="4320" priority="4325" stopIfTrue="1">
      <formula>ISBLANK(AT71)=FALSE</formula>
    </cfRule>
  </conditionalFormatting>
  <conditionalFormatting sqref="AT71:AU72">
    <cfRule type="expression" dxfId="4319" priority="4316" stopIfTrue="1">
      <formula>ISBLANK(AT71)=TRUE</formula>
    </cfRule>
    <cfRule type="expression" dxfId="4318" priority="4317" stopIfTrue="1">
      <formula>INDIRECT("第１の３表②!"&amp;CELL("address",DM71))="×××"</formula>
    </cfRule>
    <cfRule type="expression" dxfId="4317" priority="4318" stopIfTrue="1">
      <formula>INDIRECT("第１の３表②!"&amp;CELL("address",DM71))="××"</formula>
    </cfRule>
    <cfRule type="expression" dxfId="4316" priority="4319" stopIfTrue="1">
      <formula>INDIRECT("第１の３表②!"&amp;CELL("address",DM71))="×"</formula>
    </cfRule>
    <cfRule type="expression" dxfId="4315" priority="4320" stopIfTrue="1">
      <formula>ISBLANK(AT71)=FALSE</formula>
    </cfRule>
  </conditionalFormatting>
  <conditionalFormatting sqref="AT71:AU72">
    <cfRule type="expression" dxfId="4314" priority="4311" stopIfTrue="1">
      <formula>ISBLANK(AT71)=TRUE</formula>
    </cfRule>
    <cfRule type="expression" dxfId="4313" priority="4312" stopIfTrue="1">
      <formula>INDIRECT("第１の３表②!"&amp;CELL("address",DM71))="×××"</formula>
    </cfRule>
    <cfRule type="expression" dxfId="4312" priority="4313" stopIfTrue="1">
      <formula>INDIRECT("第１の３表②!"&amp;CELL("address",DM71))="××"</formula>
    </cfRule>
    <cfRule type="expression" dxfId="4311" priority="4314" stopIfTrue="1">
      <formula>INDIRECT("第１の３表②!"&amp;CELL("address",DM71))="×"</formula>
    </cfRule>
    <cfRule type="expression" dxfId="4310" priority="4315" stopIfTrue="1">
      <formula>ISBLANK(AT71)=FALSE</formula>
    </cfRule>
  </conditionalFormatting>
  <conditionalFormatting sqref="AW71:AX72">
    <cfRule type="expression" dxfId="4309" priority="4306" stopIfTrue="1">
      <formula>ISBLANK(AW71)=TRUE</formula>
    </cfRule>
    <cfRule type="expression" dxfId="4308" priority="4307" stopIfTrue="1">
      <formula>INDIRECT("第１の３表②!"&amp;CELL("address",DP71))="×××"</formula>
    </cfRule>
    <cfRule type="expression" dxfId="4307" priority="4308" stopIfTrue="1">
      <formula>INDIRECT("第１の３表②!"&amp;CELL("address",DP71))="××"</formula>
    </cfRule>
    <cfRule type="expression" dxfId="4306" priority="4309" stopIfTrue="1">
      <formula>INDIRECT("第１の３表②!"&amp;CELL("address",DP71))="×"</formula>
    </cfRule>
    <cfRule type="expression" dxfId="4305" priority="4310" stopIfTrue="1">
      <formula>ISBLANK(AW71)=FALSE</formula>
    </cfRule>
  </conditionalFormatting>
  <conditionalFormatting sqref="AW71:AX72">
    <cfRule type="expression" dxfId="4304" priority="4301" stopIfTrue="1">
      <formula>ISBLANK(AW71)=TRUE</formula>
    </cfRule>
    <cfRule type="expression" dxfId="4303" priority="4302" stopIfTrue="1">
      <formula>INDIRECT("第１の３表②!"&amp;CELL("address",DP71))="×××"</formula>
    </cfRule>
    <cfRule type="expression" dxfId="4302" priority="4303" stopIfTrue="1">
      <formula>INDIRECT("第１の３表②!"&amp;CELL("address",DP71))="××"</formula>
    </cfRule>
    <cfRule type="expression" dxfId="4301" priority="4304" stopIfTrue="1">
      <formula>INDIRECT("第１の３表②!"&amp;CELL("address",DP71))="×"</formula>
    </cfRule>
    <cfRule type="expression" dxfId="4300" priority="4305" stopIfTrue="1">
      <formula>ISBLANK(AW71)=FALSE</formula>
    </cfRule>
  </conditionalFormatting>
  <conditionalFormatting sqref="AW71:AX72">
    <cfRule type="expression" dxfId="4299" priority="4296" stopIfTrue="1">
      <formula>ISBLANK(AW71)=TRUE</formula>
    </cfRule>
    <cfRule type="expression" dxfId="4298" priority="4297" stopIfTrue="1">
      <formula>INDIRECT("第１の３表②!"&amp;CELL("address",DP71))="×××"</formula>
    </cfRule>
    <cfRule type="expression" dxfId="4297" priority="4298" stopIfTrue="1">
      <formula>INDIRECT("第１の３表②!"&amp;CELL("address",DP71))="××"</formula>
    </cfRule>
    <cfRule type="expression" dxfId="4296" priority="4299" stopIfTrue="1">
      <formula>INDIRECT("第１の３表②!"&amp;CELL("address",DP71))="×"</formula>
    </cfRule>
    <cfRule type="expression" dxfId="4295" priority="4300" stopIfTrue="1">
      <formula>ISBLANK(AW71)=FALSE</formula>
    </cfRule>
  </conditionalFormatting>
  <conditionalFormatting sqref="AZ71:BA72">
    <cfRule type="expression" dxfId="4294" priority="4291" stopIfTrue="1">
      <formula>ISBLANK(AZ71)=TRUE</formula>
    </cfRule>
    <cfRule type="expression" dxfId="4293" priority="4292" stopIfTrue="1">
      <formula>INDIRECT("第１の３表②!"&amp;CELL("address",DS71))="×××"</formula>
    </cfRule>
    <cfRule type="expression" dxfId="4292" priority="4293" stopIfTrue="1">
      <formula>INDIRECT("第１の３表②!"&amp;CELL("address",DS71))="××"</formula>
    </cfRule>
    <cfRule type="expression" dxfId="4291" priority="4294" stopIfTrue="1">
      <formula>INDIRECT("第１の３表②!"&amp;CELL("address",DS71))="×"</formula>
    </cfRule>
    <cfRule type="expression" dxfId="4290" priority="4295" stopIfTrue="1">
      <formula>ISBLANK(AZ71)=FALSE</formula>
    </cfRule>
  </conditionalFormatting>
  <conditionalFormatting sqref="AZ71:BA72">
    <cfRule type="expression" dxfId="4289" priority="4286" stopIfTrue="1">
      <formula>ISBLANK(AZ71)=TRUE</formula>
    </cfRule>
    <cfRule type="expression" dxfId="4288" priority="4287" stopIfTrue="1">
      <formula>INDIRECT("第１の３表②!"&amp;CELL("address",DS71))="×××"</formula>
    </cfRule>
    <cfRule type="expression" dxfId="4287" priority="4288" stopIfTrue="1">
      <formula>INDIRECT("第１の３表②!"&amp;CELL("address",DS71))="××"</formula>
    </cfRule>
    <cfRule type="expression" dxfId="4286" priority="4289" stopIfTrue="1">
      <formula>INDIRECT("第１の３表②!"&amp;CELL("address",DS71))="×"</formula>
    </cfRule>
    <cfRule type="expression" dxfId="4285" priority="4290" stopIfTrue="1">
      <formula>ISBLANK(AZ71)=FALSE</formula>
    </cfRule>
  </conditionalFormatting>
  <conditionalFormatting sqref="AZ71:BA72">
    <cfRule type="expression" dxfId="4284" priority="4281" stopIfTrue="1">
      <formula>ISBLANK(AZ71)=TRUE</formula>
    </cfRule>
    <cfRule type="expression" dxfId="4283" priority="4282" stopIfTrue="1">
      <formula>INDIRECT("第１の３表②!"&amp;CELL("address",DS71))="×××"</formula>
    </cfRule>
    <cfRule type="expression" dxfId="4282" priority="4283" stopIfTrue="1">
      <formula>INDIRECT("第１の３表②!"&amp;CELL("address",DS71))="××"</formula>
    </cfRule>
    <cfRule type="expression" dxfId="4281" priority="4284" stopIfTrue="1">
      <formula>INDIRECT("第１の３表②!"&amp;CELL("address",DS71))="×"</formula>
    </cfRule>
    <cfRule type="expression" dxfId="4280" priority="4285" stopIfTrue="1">
      <formula>ISBLANK(AZ71)=FALSE</formula>
    </cfRule>
  </conditionalFormatting>
  <conditionalFormatting sqref="BC71:BD72">
    <cfRule type="expression" dxfId="4279" priority="4276" stopIfTrue="1">
      <formula>ISBLANK(BC71)=TRUE</formula>
    </cfRule>
    <cfRule type="expression" dxfId="4278" priority="4277" stopIfTrue="1">
      <formula>INDIRECT("第１の３表②!"&amp;CELL("address",DV71))="×××"</formula>
    </cfRule>
    <cfRule type="expression" dxfId="4277" priority="4278" stopIfTrue="1">
      <formula>INDIRECT("第１の３表②!"&amp;CELL("address",DV71))="××"</formula>
    </cfRule>
    <cfRule type="expression" dxfId="4276" priority="4279" stopIfTrue="1">
      <formula>INDIRECT("第１の３表②!"&amp;CELL("address",DV71))="×"</formula>
    </cfRule>
    <cfRule type="expression" dxfId="4275" priority="4280" stopIfTrue="1">
      <formula>ISBLANK(BC71)=FALSE</formula>
    </cfRule>
  </conditionalFormatting>
  <conditionalFormatting sqref="BC71:BD72">
    <cfRule type="expression" dxfId="4274" priority="4271" stopIfTrue="1">
      <formula>ISBLANK(BC71)=TRUE</formula>
    </cfRule>
    <cfRule type="expression" dxfId="4273" priority="4272" stopIfTrue="1">
      <formula>INDIRECT("第１の３表②!"&amp;CELL("address",DV71))="×××"</formula>
    </cfRule>
    <cfRule type="expression" dxfId="4272" priority="4273" stopIfTrue="1">
      <formula>INDIRECT("第１の３表②!"&amp;CELL("address",DV71))="××"</formula>
    </cfRule>
    <cfRule type="expression" dxfId="4271" priority="4274" stopIfTrue="1">
      <formula>INDIRECT("第１の３表②!"&amp;CELL("address",DV71))="×"</formula>
    </cfRule>
    <cfRule type="expression" dxfId="4270" priority="4275" stopIfTrue="1">
      <formula>ISBLANK(BC71)=FALSE</formula>
    </cfRule>
  </conditionalFormatting>
  <conditionalFormatting sqref="BC71:BD72">
    <cfRule type="expression" dxfId="4269" priority="4266" stopIfTrue="1">
      <formula>ISBLANK(BC71)=TRUE</formula>
    </cfRule>
    <cfRule type="expression" dxfId="4268" priority="4267" stopIfTrue="1">
      <formula>INDIRECT("第１の３表②!"&amp;CELL("address",DV71))="×××"</formula>
    </cfRule>
    <cfRule type="expression" dxfId="4267" priority="4268" stopIfTrue="1">
      <formula>INDIRECT("第１の３表②!"&amp;CELL("address",DV71))="××"</formula>
    </cfRule>
    <cfRule type="expression" dxfId="4266" priority="4269" stopIfTrue="1">
      <formula>INDIRECT("第１の３表②!"&amp;CELL("address",DV71))="×"</formula>
    </cfRule>
    <cfRule type="expression" dxfId="4265" priority="4270" stopIfTrue="1">
      <formula>ISBLANK(BC71)=FALSE</formula>
    </cfRule>
  </conditionalFormatting>
  <conditionalFormatting sqref="BF71:BG72">
    <cfRule type="expression" dxfId="4264" priority="4261" stopIfTrue="1">
      <formula>ISBLANK(BF71)=TRUE</formula>
    </cfRule>
    <cfRule type="expression" dxfId="4263" priority="4262" stopIfTrue="1">
      <formula>INDIRECT("第１の３表②!"&amp;CELL("address",DY71))="×××"</formula>
    </cfRule>
    <cfRule type="expression" dxfId="4262" priority="4263" stopIfTrue="1">
      <formula>INDIRECT("第１の３表②!"&amp;CELL("address",DY71))="××"</formula>
    </cfRule>
    <cfRule type="expression" dxfId="4261" priority="4264" stopIfTrue="1">
      <formula>INDIRECT("第１の３表②!"&amp;CELL("address",DY71))="×"</formula>
    </cfRule>
    <cfRule type="expression" dxfId="4260" priority="4265" stopIfTrue="1">
      <formula>ISBLANK(BF71)=FALSE</formula>
    </cfRule>
  </conditionalFormatting>
  <conditionalFormatting sqref="BF71:BG72">
    <cfRule type="expression" dxfId="4259" priority="4256" stopIfTrue="1">
      <formula>ISBLANK(BF71)=TRUE</formula>
    </cfRule>
    <cfRule type="expression" dxfId="4258" priority="4257" stopIfTrue="1">
      <formula>INDIRECT("第１の３表②!"&amp;CELL("address",DY71))="×××"</formula>
    </cfRule>
    <cfRule type="expression" dxfId="4257" priority="4258" stopIfTrue="1">
      <formula>INDIRECT("第１の３表②!"&amp;CELL("address",DY71))="××"</formula>
    </cfRule>
    <cfRule type="expression" dxfId="4256" priority="4259" stopIfTrue="1">
      <formula>INDIRECT("第１の３表②!"&amp;CELL("address",DY71))="×"</formula>
    </cfRule>
    <cfRule type="expression" dxfId="4255" priority="4260" stopIfTrue="1">
      <formula>ISBLANK(BF71)=FALSE</formula>
    </cfRule>
  </conditionalFormatting>
  <conditionalFormatting sqref="BF71:BG72">
    <cfRule type="expression" dxfId="4254" priority="4251" stopIfTrue="1">
      <formula>ISBLANK(BF71)=TRUE</formula>
    </cfRule>
    <cfRule type="expression" dxfId="4253" priority="4252" stopIfTrue="1">
      <formula>INDIRECT("第１の３表②!"&amp;CELL("address",DY71))="×××"</formula>
    </cfRule>
    <cfRule type="expression" dxfId="4252" priority="4253" stopIfTrue="1">
      <formula>INDIRECT("第１の３表②!"&amp;CELL("address",DY71))="××"</formula>
    </cfRule>
    <cfRule type="expression" dxfId="4251" priority="4254" stopIfTrue="1">
      <formula>INDIRECT("第１の３表②!"&amp;CELL("address",DY71))="×"</formula>
    </cfRule>
    <cfRule type="expression" dxfId="4250" priority="4255" stopIfTrue="1">
      <formula>ISBLANK(BF71)=FALSE</formula>
    </cfRule>
  </conditionalFormatting>
  <conditionalFormatting sqref="BI71:BJ72">
    <cfRule type="expression" dxfId="4249" priority="4246" stopIfTrue="1">
      <formula>ISBLANK(BI71)=TRUE</formula>
    </cfRule>
    <cfRule type="expression" dxfId="4248" priority="4247" stopIfTrue="1">
      <formula>INDIRECT("第１の３表②!"&amp;CELL("address",EB71))="×××"</formula>
    </cfRule>
    <cfRule type="expression" dxfId="4247" priority="4248" stopIfTrue="1">
      <formula>INDIRECT("第１の３表②!"&amp;CELL("address",EB71))="××"</formula>
    </cfRule>
    <cfRule type="expression" dxfId="4246" priority="4249" stopIfTrue="1">
      <formula>INDIRECT("第１の３表②!"&amp;CELL("address",EB71))="×"</formula>
    </cfRule>
    <cfRule type="expression" dxfId="4245" priority="4250" stopIfTrue="1">
      <formula>ISBLANK(BI71)=FALSE</formula>
    </cfRule>
  </conditionalFormatting>
  <conditionalFormatting sqref="BI71:BJ72">
    <cfRule type="expression" dxfId="4244" priority="4241" stopIfTrue="1">
      <formula>ISBLANK(BI71)=TRUE</formula>
    </cfRule>
    <cfRule type="expression" dxfId="4243" priority="4242" stopIfTrue="1">
      <formula>INDIRECT("第１の３表②!"&amp;CELL("address",EB71))="×××"</formula>
    </cfRule>
    <cfRule type="expression" dxfId="4242" priority="4243" stopIfTrue="1">
      <formula>INDIRECT("第１の３表②!"&amp;CELL("address",EB71))="××"</formula>
    </cfRule>
    <cfRule type="expression" dxfId="4241" priority="4244" stopIfTrue="1">
      <formula>INDIRECT("第１の３表②!"&amp;CELL("address",EB71))="×"</formula>
    </cfRule>
    <cfRule type="expression" dxfId="4240" priority="4245" stopIfTrue="1">
      <formula>ISBLANK(BI71)=FALSE</formula>
    </cfRule>
  </conditionalFormatting>
  <conditionalFormatting sqref="BI71:BJ72">
    <cfRule type="expression" dxfId="4239" priority="4236" stopIfTrue="1">
      <formula>ISBLANK(BI71)=TRUE</formula>
    </cfRule>
    <cfRule type="expression" dxfId="4238" priority="4237" stopIfTrue="1">
      <formula>INDIRECT("第１の３表②!"&amp;CELL("address",EB71))="×××"</formula>
    </cfRule>
    <cfRule type="expression" dxfId="4237" priority="4238" stopIfTrue="1">
      <formula>INDIRECT("第１の３表②!"&amp;CELL("address",EB71))="××"</formula>
    </cfRule>
    <cfRule type="expression" dxfId="4236" priority="4239" stopIfTrue="1">
      <formula>INDIRECT("第１の３表②!"&amp;CELL("address",EB71))="×"</formula>
    </cfRule>
    <cfRule type="expression" dxfId="4235" priority="4240" stopIfTrue="1">
      <formula>ISBLANK(BI71)=FALSE</formula>
    </cfRule>
  </conditionalFormatting>
  <conditionalFormatting sqref="BL71:BM72">
    <cfRule type="expression" dxfId="4234" priority="4231" stopIfTrue="1">
      <formula>ISBLANK(BL71)=TRUE</formula>
    </cfRule>
    <cfRule type="expression" dxfId="4233" priority="4232" stopIfTrue="1">
      <formula>INDIRECT("第１の３表②!"&amp;CELL("address",EE71))="×××"</formula>
    </cfRule>
    <cfRule type="expression" dxfId="4232" priority="4233" stopIfTrue="1">
      <formula>INDIRECT("第１の３表②!"&amp;CELL("address",EE71))="××"</formula>
    </cfRule>
    <cfRule type="expression" dxfId="4231" priority="4234" stopIfTrue="1">
      <formula>INDIRECT("第１の３表②!"&amp;CELL("address",EE71))="×"</formula>
    </cfRule>
    <cfRule type="expression" dxfId="4230" priority="4235" stopIfTrue="1">
      <formula>ISBLANK(BL71)=FALSE</formula>
    </cfRule>
  </conditionalFormatting>
  <conditionalFormatting sqref="BL71:BM72">
    <cfRule type="expression" dxfId="4229" priority="4226" stopIfTrue="1">
      <formula>ISBLANK(BL71)=TRUE</formula>
    </cfRule>
    <cfRule type="expression" dxfId="4228" priority="4227" stopIfTrue="1">
      <formula>INDIRECT("第１の３表②!"&amp;CELL("address",EE71))="×××"</formula>
    </cfRule>
    <cfRule type="expression" dxfId="4227" priority="4228" stopIfTrue="1">
      <formula>INDIRECT("第１の３表②!"&amp;CELL("address",EE71))="××"</formula>
    </cfRule>
    <cfRule type="expression" dxfId="4226" priority="4229" stopIfTrue="1">
      <formula>INDIRECT("第１の３表②!"&amp;CELL("address",EE71))="×"</formula>
    </cfRule>
    <cfRule type="expression" dxfId="4225" priority="4230" stopIfTrue="1">
      <formula>ISBLANK(BL71)=FALSE</formula>
    </cfRule>
  </conditionalFormatting>
  <conditionalFormatting sqref="BL71:BM72">
    <cfRule type="expression" dxfId="4224" priority="4221" stopIfTrue="1">
      <formula>ISBLANK(BL71)=TRUE</formula>
    </cfRule>
    <cfRule type="expression" dxfId="4223" priority="4222" stopIfTrue="1">
      <formula>INDIRECT("第１の３表②!"&amp;CELL("address",EE71))="×××"</formula>
    </cfRule>
    <cfRule type="expression" dxfId="4222" priority="4223" stopIfTrue="1">
      <formula>INDIRECT("第１の３表②!"&amp;CELL("address",EE71))="××"</formula>
    </cfRule>
    <cfRule type="expression" dxfId="4221" priority="4224" stopIfTrue="1">
      <formula>INDIRECT("第１の３表②!"&amp;CELL("address",EE71))="×"</formula>
    </cfRule>
    <cfRule type="expression" dxfId="4220" priority="4225" stopIfTrue="1">
      <formula>ISBLANK(BL71)=FALSE</formula>
    </cfRule>
  </conditionalFormatting>
  <conditionalFormatting sqref="BO71:BP72">
    <cfRule type="expression" dxfId="4219" priority="4216" stopIfTrue="1">
      <formula>ISBLANK(BO71)=TRUE</formula>
    </cfRule>
    <cfRule type="expression" dxfId="4218" priority="4217" stopIfTrue="1">
      <formula>INDIRECT("第１の３表②!"&amp;CELL("address",EH71))="×××"</formula>
    </cfRule>
    <cfRule type="expression" dxfId="4217" priority="4218" stopIfTrue="1">
      <formula>INDIRECT("第１の３表②!"&amp;CELL("address",EH71))="××"</formula>
    </cfRule>
    <cfRule type="expression" dxfId="4216" priority="4219" stopIfTrue="1">
      <formula>INDIRECT("第１の３表②!"&amp;CELL("address",EH71))="×"</formula>
    </cfRule>
    <cfRule type="expression" dxfId="4215" priority="4220" stopIfTrue="1">
      <formula>ISBLANK(BO71)=FALSE</formula>
    </cfRule>
  </conditionalFormatting>
  <conditionalFormatting sqref="BO71:BP72">
    <cfRule type="expression" dxfId="4214" priority="4211" stopIfTrue="1">
      <formula>ISBLANK(BO71)=TRUE</formula>
    </cfRule>
    <cfRule type="expression" dxfId="4213" priority="4212" stopIfTrue="1">
      <formula>INDIRECT("第１の３表②!"&amp;CELL("address",EH71))="×××"</formula>
    </cfRule>
    <cfRule type="expression" dxfId="4212" priority="4213" stopIfTrue="1">
      <formula>INDIRECT("第１の３表②!"&amp;CELL("address",EH71))="××"</formula>
    </cfRule>
    <cfRule type="expression" dxfId="4211" priority="4214" stopIfTrue="1">
      <formula>INDIRECT("第１の３表②!"&amp;CELL("address",EH71))="×"</formula>
    </cfRule>
    <cfRule type="expression" dxfId="4210" priority="4215" stopIfTrue="1">
      <formula>ISBLANK(BO71)=FALSE</formula>
    </cfRule>
  </conditionalFormatting>
  <conditionalFormatting sqref="BO71:BP72">
    <cfRule type="expression" dxfId="4209" priority="4206" stopIfTrue="1">
      <formula>ISBLANK(BO71)=TRUE</formula>
    </cfRule>
    <cfRule type="expression" dxfId="4208" priority="4207" stopIfTrue="1">
      <formula>INDIRECT("第１の３表②!"&amp;CELL("address",EH71))="×××"</formula>
    </cfRule>
    <cfRule type="expression" dxfId="4207" priority="4208" stopIfTrue="1">
      <formula>INDIRECT("第１の３表②!"&amp;CELL("address",EH71))="××"</formula>
    </cfRule>
    <cfRule type="expression" dxfId="4206" priority="4209" stopIfTrue="1">
      <formula>INDIRECT("第１の３表②!"&amp;CELL("address",EH71))="×"</formula>
    </cfRule>
    <cfRule type="expression" dxfId="4205" priority="4210" stopIfTrue="1">
      <formula>ISBLANK(BO71)=FALSE</formula>
    </cfRule>
  </conditionalFormatting>
  <conditionalFormatting sqref="G74:H75">
    <cfRule type="expression" dxfId="4204" priority="4201" stopIfTrue="1">
      <formula>ISBLANK(G74)=TRUE</formula>
    </cfRule>
    <cfRule type="expression" dxfId="4203" priority="4202" stopIfTrue="1">
      <formula>INDIRECT("第１の３表②!"&amp;CELL("address",BZ74))="×××"</formula>
    </cfRule>
    <cfRule type="expression" dxfId="4202" priority="4203" stopIfTrue="1">
      <formula>INDIRECT("第１の３表②!"&amp;CELL("address",BZ74))="××"</formula>
    </cfRule>
    <cfRule type="expression" dxfId="4201" priority="4204" stopIfTrue="1">
      <formula>INDIRECT("第１の３表②!"&amp;CELL("address",BZ74))="×"</formula>
    </cfRule>
    <cfRule type="expression" dxfId="4200" priority="4205" stopIfTrue="1">
      <formula>ISBLANK(G74)=FALSE</formula>
    </cfRule>
  </conditionalFormatting>
  <conditionalFormatting sqref="G74:H75">
    <cfRule type="expression" dxfId="4199" priority="4196" stopIfTrue="1">
      <formula>ISBLANK(G74)=TRUE</formula>
    </cfRule>
    <cfRule type="expression" dxfId="4198" priority="4197" stopIfTrue="1">
      <formula>INDIRECT("第１の３表②!"&amp;CELL("address",BZ74))="×××"</formula>
    </cfRule>
    <cfRule type="expression" dxfId="4197" priority="4198" stopIfTrue="1">
      <formula>INDIRECT("第１の３表②!"&amp;CELL("address",BZ74))="××"</formula>
    </cfRule>
    <cfRule type="expression" dxfId="4196" priority="4199" stopIfTrue="1">
      <formula>INDIRECT("第１の３表②!"&amp;CELL("address",BZ74))="×"</formula>
    </cfRule>
    <cfRule type="expression" dxfId="4195" priority="4200" stopIfTrue="1">
      <formula>ISBLANK(G74)=FALSE</formula>
    </cfRule>
  </conditionalFormatting>
  <conditionalFormatting sqref="G74:H75">
    <cfRule type="expression" dxfId="4194" priority="4191" stopIfTrue="1">
      <formula>ISBLANK(G74)=TRUE</formula>
    </cfRule>
    <cfRule type="expression" dxfId="4193" priority="4192" stopIfTrue="1">
      <formula>INDIRECT("第１の３表②!"&amp;CELL("address",BZ74))="×××"</formula>
    </cfRule>
    <cfRule type="expression" dxfId="4192" priority="4193" stopIfTrue="1">
      <formula>INDIRECT("第１の３表②!"&amp;CELL("address",BZ74))="××"</formula>
    </cfRule>
    <cfRule type="expression" dxfId="4191" priority="4194" stopIfTrue="1">
      <formula>INDIRECT("第１の３表②!"&amp;CELL("address",BZ74))="×"</formula>
    </cfRule>
    <cfRule type="expression" dxfId="4190" priority="4195" stopIfTrue="1">
      <formula>ISBLANK(G74)=FALSE</formula>
    </cfRule>
  </conditionalFormatting>
  <conditionalFormatting sqref="J74:K75">
    <cfRule type="expression" dxfId="4189" priority="4186" stopIfTrue="1">
      <formula>ISBLANK(J74)=TRUE</formula>
    </cfRule>
    <cfRule type="expression" dxfId="4188" priority="4187" stopIfTrue="1">
      <formula>INDIRECT("第１の３表②!"&amp;CELL("address",CC74))="×××"</formula>
    </cfRule>
    <cfRule type="expression" dxfId="4187" priority="4188" stopIfTrue="1">
      <formula>INDIRECT("第１の３表②!"&amp;CELL("address",CC74))="××"</formula>
    </cfRule>
    <cfRule type="expression" dxfId="4186" priority="4189" stopIfTrue="1">
      <formula>INDIRECT("第１の３表②!"&amp;CELL("address",CC74))="×"</formula>
    </cfRule>
    <cfRule type="expression" dxfId="4185" priority="4190" stopIfTrue="1">
      <formula>ISBLANK(J74)=FALSE</formula>
    </cfRule>
  </conditionalFormatting>
  <conditionalFormatting sqref="J74:K75">
    <cfRule type="expression" dxfId="4184" priority="4181" stopIfTrue="1">
      <formula>ISBLANK(J74)=TRUE</formula>
    </cfRule>
    <cfRule type="expression" dxfId="4183" priority="4182" stopIfTrue="1">
      <formula>INDIRECT("第１の３表②!"&amp;CELL("address",CC74))="×××"</formula>
    </cfRule>
    <cfRule type="expression" dxfId="4182" priority="4183" stopIfTrue="1">
      <formula>INDIRECT("第１の３表②!"&amp;CELL("address",CC74))="××"</formula>
    </cfRule>
    <cfRule type="expression" dxfId="4181" priority="4184" stopIfTrue="1">
      <formula>INDIRECT("第１の３表②!"&amp;CELL("address",CC74))="×"</formula>
    </cfRule>
    <cfRule type="expression" dxfId="4180" priority="4185" stopIfTrue="1">
      <formula>ISBLANK(J74)=FALSE</formula>
    </cfRule>
  </conditionalFormatting>
  <conditionalFormatting sqref="J74:K75">
    <cfRule type="expression" dxfId="4179" priority="4176" stopIfTrue="1">
      <formula>ISBLANK(J74)=TRUE</formula>
    </cfRule>
    <cfRule type="expression" dxfId="4178" priority="4177" stopIfTrue="1">
      <formula>INDIRECT("第１の３表②!"&amp;CELL("address",CC74))="×××"</formula>
    </cfRule>
    <cfRule type="expression" dxfId="4177" priority="4178" stopIfTrue="1">
      <formula>INDIRECT("第１の３表②!"&amp;CELL("address",CC74))="××"</formula>
    </cfRule>
    <cfRule type="expression" dxfId="4176" priority="4179" stopIfTrue="1">
      <formula>INDIRECT("第１の３表②!"&amp;CELL("address",CC74))="×"</formula>
    </cfRule>
    <cfRule type="expression" dxfId="4175" priority="4180" stopIfTrue="1">
      <formula>ISBLANK(J74)=FALSE</formula>
    </cfRule>
  </conditionalFormatting>
  <conditionalFormatting sqref="M74:N75">
    <cfRule type="expression" dxfId="4174" priority="4171" stopIfTrue="1">
      <formula>ISBLANK(M74)=TRUE</formula>
    </cfRule>
    <cfRule type="expression" dxfId="4173" priority="4172" stopIfTrue="1">
      <formula>INDIRECT("第１の３表②!"&amp;CELL("address",CF74))="×××"</formula>
    </cfRule>
    <cfRule type="expression" dxfId="4172" priority="4173" stopIfTrue="1">
      <formula>INDIRECT("第１の３表②!"&amp;CELL("address",CF74))="××"</formula>
    </cfRule>
    <cfRule type="expression" dxfId="4171" priority="4174" stopIfTrue="1">
      <formula>INDIRECT("第１の３表②!"&amp;CELL("address",CF74))="×"</formula>
    </cfRule>
    <cfRule type="expression" dxfId="4170" priority="4175" stopIfTrue="1">
      <formula>ISBLANK(M74)=FALSE</formula>
    </cfRule>
  </conditionalFormatting>
  <conditionalFormatting sqref="M74:N75">
    <cfRule type="expression" dxfId="4169" priority="4166" stopIfTrue="1">
      <formula>ISBLANK(M74)=TRUE</formula>
    </cfRule>
    <cfRule type="expression" dxfId="4168" priority="4167" stopIfTrue="1">
      <formula>INDIRECT("第１の３表②!"&amp;CELL("address",CF74))="×××"</formula>
    </cfRule>
    <cfRule type="expression" dxfId="4167" priority="4168" stopIfTrue="1">
      <formula>INDIRECT("第１の３表②!"&amp;CELL("address",CF74))="××"</formula>
    </cfRule>
    <cfRule type="expression" dxfId="4166" priority="4169" stopIfTrue="1">
      <formula>INDIRECT("第１の３表②!"&amp;CELL("address",CF74))="×"</formula>
    </cfRule>
    <cfRule type="expression" dxfId="4165" priority="4170" stopIfTrue="1">
      <formula>ISBLANK(M74)=FALSE</formula>
    </cfRule>
  </conditionalFormatting>
  <conditionalFormatting sqref="M74:N75">
    <cfRule type="expression" dxfId="4164" priority="4161" stopIfTrue="1">
      <formula>ISBLANK(M74)=TRUE</formula>
    </cfRule>
    <cfRule type="expression" dxfId="4163" priority="4162" stopIfTrue="1">
      <formula>INDIRECT("第１の３表②!"&amp;CELL("address",CF74))="×××"</formula>
    </cfRule>
    <cfRule type="expression" dxfId="4162" priority="4163" stopIfTrue="1">
      <formula>INDIRECT("第１の３表②!"&amp;CELL("address",CF74))="××"</formula>
    </cfRule>
    <cfRule type="expression" dxfId="4161" priority="4164" stopIfTrue="1">
      <formula>INDIRECT("第１の３表②!"&amp;CELL("address",CF74))="×"</formula>
    </cfRule>
    <cfRule type="expression" dxfId="4160" priority="4165" stopIfTrue="1">
      <formula>ISBLANK(M74)=FALSE</formula>
    </cfRule>
  </conditionalFormatting>
  <conditionalFormatting sqref="P74:Q75">
    <cfRule type="expression" dxfId="4159" priority="4156" stopIfTrue="1">
      <formula>ISBLANK(P74)=TRUE</formula>
    </cfRule>
    <cfRule type="expression" dxfId="4158" priority="4157" stopIfTrue="1">
      <formula>INDIRECT("第１の３表②!"&amp;CELL("address",CI74))="×××"</formula>
    </cfRule>
    <cfRule type="expression" dxfId="4157" priority="4158" stopIfTrue="1">
      <formula>INDIRECT("第１の３表②!"&amp;CELL("address",CI74))="××"</formula>
    </cfRule>
    <cfRule type="expression" dxfId="4156" priority="4159" stopIfTrue="1">
      <formula>INDIRECT("第１の３表②!"&amp;CELL("address",CI74))="×"</formula>
    </cfRule>
    <cfRule type="expression" dxfId="4155" priority="4160" stopIfTrue="1">
      <formula>ISBLANK(P74)=FALSE</formula>
    </cfRule>
  </conditionalFormatting>
  <conditionalFormatting sqref="P74:Q75">
    <cfRule type="expression" dxfId="4154" priority="4151" stopIfTrue="1">
      <formula>ISBLANK(P74)=TRUE</formula>
    </cfRule>
    <cfRule type="expression" dxfId="4153" priority="4152" stopIfTrue="1">
      <formula>INDIRECT("第１の３表②!"&amp;CELL("address",CI74))="×××"</formula>
    </cfRule>
    <cfRule type="expression" dxfId="4152" priority="4153" stopIfTrue="1">
      <formula>INDIRECT("第１の３表②!"&amp;CELL("address",CI74))="××"</formula>
    </cfRule>
    <cfRule type="expression" dxfId="4151" priority="4154" stopIfTrue="1">
      <formula>INDIRECT("第１の３表②!"&amp;CELL("address",CI74))="×"</formula>
    </cfRule>
    <cfRule type="expression" dxfId="4150" priority="4155" stopIfTrue="1">
      <formula>ISBLANK(P74)=FALSE</formula>
    </cfRule>
  </conditionalFormatting>
  <conditionalFormatting sqref="P74:Q75">
    <cfRule type="expression" dxfId="4149" priority="4146" stopIfTrue="1">
      <formula>ISBLANK(P74)=TRUE</formula>
    </cfRule>
    <cfRule type="expression" dxfId="4148" priority="4147" stopIfTrue="1">
      <formula>INDIRECT("第１の３表②!"&amp;CELL("address",CI74))="×××"</formula>
    </cfRule>
    <cfRule type="expression" dxfId="4147" priority="4148" stopIfTrue="1">
      <formula>INDIRECT("第１の３表②!"&amp;CELL("address",CI74))="××"</formula>
    </cfRule>
    <cfRule type="expression" dxfId="4146" priority="4149" stopIfTrue="1">
      <formula>INDIRECT("第１の３表②!"&amp;CELL("address",CI74))="×"</formula>
    </cfRule>
    <cfRule type="expression" dxfId="4145" priority="4150" stopIfTrue="1">
      <formula>ISBLANK(P74)=FALSE</formula>
    </cfRule>
  </conditionalFormatting>
  <conditionalFormatting sqref="S74:T75">
    <cfRule type="expression" dxfId="4144" priority="4141" stopIfTrue="1">
      <formula>ISBLANK(S74)=TRUE</formula>
    </cfRule>
    <cfRule type="expression" dxfId="4143" priority="4142" stopIfTrue="1">
      <formula>INDIRECT("第１の３表②!"&amp;CELL("address",CL74))="×××"</formula>
    </cfRule>
    <cfRule type="expression" dxfId="4142" priority="4143" stopIfTrue="1">
      <formula>INDIRECT("第１の３表②!"&amp;CELL("address",CL74))="××"</formula>
    </cfRule>
    <cfRule type="expression" dxfId="4141" priority="4144" stopIfTrue="1">
      <formula>INDIRECT("第１の３表②!"&amp;CELL("address",CL74))="×"</formula>
    </cfRule>
    <cfRule type="expression" dxfId="4140" priority="4145" stopIfTrue="1">
      <formula>ISBLANK(S74)=FALSE</formula>
    </cfRule>
  </conditionalFormatting>
  <conditionalFormatting sqref="S74:T75">
    <cfRule type="expression" dxfId="4139" priority="4136" stopIfTrue="1">
      <formula>ISBLANK(S74)=TRUE</formula>
    </cfRule>
    <cfRule type="expression" dxfId="4138" priority="4137" stopIfTrue="1">
      <formula>INDIRECT("第１の３表②!"&amp;CELL("address",CL74))="×××"</formula>
    </cfRule>
    <cfRule type="expression" dxfId="4137" priority="4138" stopIfTrue="1">
      <formula>INDIRECT("第１の３表②!"&amp;CELL("address",CL74))="××"</formula>
    </cfRule>
    <cfRule type="expression" dxfId="4136" priority="4139" stopIfTrue="1">
      <formula>INDIRECT("第１の３表②!"&amp;CELL("address",CL74))="×"</formula>
    </cfRule>
    <cfRule type="expression" dxfId="4135" priority="4140" stopIfTrue="1">
      <formula>ISBLANK(S74)=FALSE</formula>
    </cfRule>
  </conditionalFormatting>
  <conditionalFormatting sqref="S74:T75">
    <cfRule type="expression" dxfId="4134" priority="4131" stopIfTrue="1">
      <formula>ISBLANK(S74)=TRUE</formula>
    </cfRule>
    <cfRule type="expression" dxfId="4133" priority="4132" stopIfTrue="1">
      <formula>INDIRECT("第１の３表②!"&amp;CELL("address",CL74))="×××"</formula>
    </cfRule>
    <cfRule type="expression" dxfId="4132" priority="4133" stopIfTrue="1">
      <formula>INDIRECT("第１の３表②!"&amp;CELL("address",CL74))="××"</formula>
    </cfRule>
    <cfRule type="expression" dxfId="4131" priority="4134" stopIfTrue="1">
      <formula>INDIRECT("第１の３表②!"&amp;CELL("address",CL74))="×"</formula>
    </cfRule>
    <cfRule type="expression" dxfId="4130" priority="4135" stopIfTrue="1">
      <formula>ISBLANK(S74)=FALSE</formula>
    </cfRule>
  </conditionalFormatting>
  <conditionalFormatting sqref="V74:W75">
    <cfRule type="expression" dxfId="4129" priority="4126" stopIfTrue="1">
      <formula>ISBLANK(V74)=TRUE</formula>
    </cfRule>
    <cfRule type="expression" dxfId="4128" priority="4127" stopIfTrue="1">
      <formula>INDIRECT("第１の３表②!"&amp;CELL("address",CO74))="×××"</formula>
    </cfRule>
    <cfRule type="expression" dxfId="4127" priority="4128" stopIfTrue="1">
      <formula>INDIRECT("第１の３表②!"&amp;CELL("address",CO74))="××"</formula>
    </cfRule>
    <cfRule type="expression" dxfId="4126" priority="4129" stopIfTrue="1">
      <formula>INDIRECT("第１の３表②!"&amp;CELL("address",CO74))="×"</formula>
    </cfRule>
    <cfRule type="expression" dxfId="4125" priority="4130" stopIfTrue="1">
      <formula>ISBLANK(V74)=FALSE</formula>
    </cfRule>
  </conditionalFormatting>
  <conditionalFormatting sqref="V74:W75">
    <cfRule type="expression" dxfId="4124" priority="4121" stopIfTrue="1">
      <formula>ISBLANK(V74)=TRUE</formula>
    </cfRule>
    <cfRule type="expression" dxfId="4123" priority="4122" stopIfTrue="1">
      <formula>INDIRECT("第１の３表②!"&amp;CELL("address",CO74))="×××"</formula>
    </cfRule>
    <cfRule type="expression" dxfId="4122" priority="4123" stopIfTrue="1">
      <formula>INDIRECT("第１の３表②!"&amp;CELL("address",CO74))="××"</formula>
    </cfRule>
    <cfRule type="expression" dxfId="4121" priority="4124" stopIfTrue="1">
      <formula>INDIRECT("第１の３表②!"&amp;CELL("address",CO74))="×"</formula>
    </cfRule>
    <cfRule type="expression" dxfId="4120" priority="4125" stopIfTrue="1">
      <formula>ISBLANK(V74)=FALSE</formula>
    </cfRule>
  </conditionalFormatting>
  <conditionalFormatting sqref="V74:W75">
    <cfRule type="expression" dxfId="4119" priority="4116" stopIfTrue="1">
      <formula>ISBLANK(V74)=TRUE</formula>
    </cfRule>
    <cfRule type="expression" dxfId="4118" priority="4117" stopIfTrue="1">
      <formula>INDIRECT("第１の３表②!"&amp;CELL("address",CO74))="×××"</formula>
    </cfRule>
    <cfRule type="expression" dxfId="4117" priority="4118" stopIfTrue="1">
      <formula>INDIRECT("第１の３表②!"&amp;CELL("address",CO74))="××"</formula>
    </cfRule>
    <cfRule type="expression" dxfId="4116" priority="4119" stopIfTrue="1">
      <formula>INDIRECT("第１の３表②!"&amp;CELL("address",CO74))="×"</formula>
    </cfRule>
    <cfRule type="expression" dxfId="4115" priority="4120" stopIfTrue="1">
      <formula>ISBLANK(V74)=FALSE</formula>
    </cfRule>
  </conditionalFormatting>
  <conditionalFormatting sqref="Y74:Z75">
    <cfRule type="expression" dxfId="4114" priority="4111" stopIfTrue="1">
      <formula>ISBLANK(Y74)=TRUE</formula>
    </cfRule>
    <cfRule type="expression" dxfId="4113" priority="4112" stopIfTrue="1">
      <formula>INDIRECT("第１の３表②!"&amp;CELL("address",CR74))="×××"</formula>
    </cfRule>
    <cfRule type="expression" dxfId="4112" priority="4113" stopIfTrue="1">
      <formula>INDIRECT("第１の３表②!"&amp;CELL("address",CR74))="××"</formula>
    </cfRule>
    <cfRule type="expression" dxfId="4111" priority="4114" stopIfTrue="1">
      <formula>INDIRECT("第１の３表②!"&amp;CELL("address",CR74))="×"</formula>
    </cfRule>
    <cfRule type="expression" dxfId="4110" priority="4115" stopIfTrue="1">
      <formula>ISBLANK(Y74)=FALSE</formula>
    </cfRule>
  </conditionalFormatting>
  <conditionalFormatting sqref="Y74:Z75">
    <cfRule type="expression" dxfId="4109" priority="4106" stopIfTrue="1">
      <formula>ISBLANK(Y74)=TRUE</formula>
    </cfRule>
    <cfRule type="expression" dxfId="4108" priority="4107" stopIfTrue="1">
      <formula>INDIRECT("第１の３表②!"&amp;CELL("address",CR74))="×××"</formula>
    </cfRule>
    <cfRule type="expression" dxfId="4107" priority="4108" stopIfTrue="1">
      <formula>INDIRECT("第１の３表②!"&amp;CELL("address",CR74))="××"</formula>
    </cfRule>
    <cfRule type="expression" dxfId="4106" priority="4109" stopIfTrue="1">
      <formula>INDIRECT("第１の３表②!"&amp;CELL("address",CR74))="×"</formula>
    </cfRule>
    <cfRule type="expression" dxfId="4105" priority="4110" stopIfTrue="1">
      <formula>ISBLANK(Y74)=FALSE</formula>
    </cfRule>
  </conditionalFormatting>
  <conditionalFormatting sqref="Y74:Z75">
    <cfRule type="expression" dxfId="4104" priority="4101" stopIfTrue="1">
      <formula>ISBLANK(Y74)=TRUE</formula>
    </cfRule>
    <cfRule type="expression" dxfId="4103" priority="4102" stopIfTrue="1">
      <formula>INDIRECT("第１の３表②!"&amp;CELL("address",CR74))="×××"</formula>
    </cfRule>
    <cfRule type="expression" dxfId="4102" priority="4103" stopIfTrue="1">
      <formula>INDIRECT("第１の３表②!"&amp;CELL("address",CR74))="××"</formula>
    </cfRule>
    <cfRule type="expression" dxfId="4101" priority="4104" stopIfTrue="1">
      <formula>INDIRECT("第１の３表②!"&amp;CELL("address",CR74))="×"</formula>
    </cfRule>
    <cfRule type="expression" dxfId="4100" priority="4105" stopIfTrue="1">
      <formula>ISBLANK(Y74)=FALSE</formula>
    </cfRule>
  </conditionalFormatting>
  <conditionalFormatting sqref="AB74:AC75">
    <cfRule type="expression" dxfId="4099" priority="4096" stopIfTrue="1">
      <formula>ISBLANK(AB74)=TRUE</formula>
    </cfRule>
    <cfRule type="expression" dxfId="4098" priority="4097" stopIfTrue="1">
      <formula>INDIRECT("第１の３表②!"&amp;CELL("address",CU74))="×××"</formula>
    </cfRule>
    <cfRule type="expression" dxfId="4097" priority="4098" stopIfTrue="1">
      <formula>INDIRECT("第１の３表②!"&amp;CELL("address",CU74))="××"</formula>
    </cfRule>
    <cfRule type="expression" dxfId="4096" priority="4099" stopIfTrue="1">
      <formula>INDIRECT("第１の３表②!"&amp;CELL("address",CU74))="×"</formula>
    </cfRule>
    <cfRule type="expression" dxfId="4095" priority="4100" stopIfTrue="1">
      <formula>ISBLANK(AB74)=FALSE</formula>
    </cfRule>
  </conditionalFormatting>
  <conditionalFormatting sqref="AB74:AC75">
    <cfRule type="expression" dxfId="4094" priority="4091" stopIfTrue="1">
      <formula>ISBLANK(AB74)=TRUE</formula>
    </cfRule>
    <cfRule type="expression" dxfId="4093" priority="4092" stopIfTrue="1">
      <formula>INDIRECT("第１の３表②!"&amp;CELL("address",CU74))="×××"</formula>
    </cfRule>
    <cfRule type="expression" dxfId="4092" priority="4093" stopIfTrue="1">
      <formula>INDIRECT("第１の３表②!"&amp;CELL("address",CU74))="××"</formula>
    </cfRule>
    <cfRule type="expression" dxfId="4091" priority="4094" stopIfTrue="1">
      <formula>INDIRECT("第１の３表②!"&amp;CELL("address",CU74))="×"</formula>
    </cfRule>
    <cfRule type="expression" dxfId="4090" priority="4095" stopIfTrue="1">
      <formula>ISBLANK(AB74)=FALSE</formula>
    </cfRule>
  </conditionalFormatting>
  <conditionalFormatting sqref="AB74:AC75">
    <cfRule type="expression" dxfId="4089" priority="4086" stopIfTrue="1">
      <formula>ISBLANK(AB74)=TRUE</formula>
    </cfRule>
    <cfRule type="expression" dxfId="4088" priority="4087" stopIfTrue="1">
      <formula>INDIRECT("第１の３表②!"&amp;CELL("address",CU74))="×××"</formula>
    </cfRule>
    <cfRule type="expression" dxfId="4087" priority="4088" stopIfTrue="1">
      <formula>INDIRECT("第１の３表②!"&amp;CELL("address",CU74))="××"</formula>
    </cfRule>
    <cfRule type="expression" dxfId="4086" priority="4089" stopIfTrue="1">
      <formula>INDIRECT("第１の３表②!"&amp;CELL("address",CU74))="×"</formula>
    </cfRule>
    <cfRule type="expression" dxfId="4085" priority="4090" stopIfTrue="1">
      <formula>ISBLANK(AB74)=FALSE</formula>
    </cfRule>
  </conditionalFormatting>
  <conditionalFormatting sqref="AE74:AF75">
    <cfRule type="expression" dxfId="4084" priority="4081" stopIfTrue="1">
      <formula>ISBLANK(AE74)=TRUE</formula>
    </cfRule>
    <cfRule type="expression" dxfId="4083" priority="4082" stopIfTrue="1">
      <formula>INDIRECT("第１の３表②!"&amp;CELL("address",CX74))="×××"</formula>
    </cfRule>
    <cfRule type="expression" dxfId="4082" priority="4083" stopIfTrue="1">
      <formula>INDIRECT("第１の３表②!"&amp;CELL("address",CX74))="××"</formula>
    </cfRule>
    <cfRule type="expression" dxfId="4081" priority="4084" stopIfTrue="1">
      <formula>INDIRECT("第１の３表②!"&amp;CELL("address",CX74))="×"</formula>
    </cfRule>
    <cfRule type="expression" dxfId="4080" priority="4085" stopIfTrue="1">
      <formula>ISBLANK(AE74)=FALSE</formula>
    </cfRule>
  </conditionalFormatting>
  <conditionalFormatting sqref="AE74:AF75">
    <cfRule type="expression" dxfId="4079" priority="4076" stopIfTrue="1">
      <formula>ISBLANK(AE74)=TRUE</formula>
    </cfRule>
    <cfRule type="expression" dxfId="4078" priority="4077" stopIfTrue="1">
      <formula>INDIRECT("第１の３表②!"&amp;CELL("address",CX74))="×××"</formula>
    </cfRule>
    <cfRule type="expression" dxfId="4077" priority="4078" stopIfTrue="1">
      <formula>INDIRECT("第１の３表②!"&amp;CELL("address",CX74))="××"</formula>
    </cfRule>
    <cfRule type="expression" dxfId="4076" priority="4079" stopIfTrue="1">
      <formula>INDIRECT("第１の３表②!"&amp;CELL("address",CX74))="×"</formula>
    </cfRule>
    <cfRule type="expression" dxfId="4075" priority="4080" stopIfTrue="1">
      <formula>ISBLANK(AE74)=FALSE</formula>
    </cfRule>
  </conditionalFormatting>
  <conditionalFormatting sqref="AE74:AF75">
    <cfRule type="expression" dxfId="4074" priority="4071" stopIfTrue="1">
      <formula>ISBLANK(AE74)=TRUE</formula>
    </cfRule>
    <cfRule type="expression" dxfId="4073" priority="4072" stopIfTrue="1">
      <formula>INDIRECT("第１の３表②!"&amp;CELL("address",CX74))="×××"</formula>
    </cfRule>
    <cfRule type="expression" dxfId="4072" priority="4073" stopIfTrue="1">
      <formula>INDIRECT("第１の３表②!"&amp;CELL("address",CX74))="××"</formula>
    </cfRule>
    <cfRule type="expression" dxfId="4071" priority="4074" stopIfTrue="1">
      <formula>INDIRECT("第１の３表②!"&amp;CELL("address",CX74))="×"</formula>
    </cfRule>
    <cfRule type="expression" dxfId="4070" priority="4075" stopIfTrue="1">
      <formula>ISBLANK(AE74)=FALSE</formula>
    </cfRule>
  </conditionalFormatting>
  <conditionalFormatting sqref="AH74:AI75">
    <cfRule type="expression" dxfId="4069" priority="4066" stopIfTrue="1">
      <formula>ISBLANK(AH74)=TRUE</formula>
    </cfRule>
    <cfRule type="expression" dxfId="4068" priority="4067" stopIfTrue="1">
      <formula>INDIRECT("第１の３表②!"&amp;CELL("address",DA74))="×××"</formula>
    </cfRule>
    <cfRule type="expression" dxfId="4067" priority="4068" stopIfTrue="1">
      <formula>INDIRECT("第１の３表②!"&amp;CELL("address",DA74))="××"</formula>
    </cfRule>
    <cfRule type="expression" dxfId="4066" priority="4069" stopIfTrue="1">
      <formula>INDIRECT("第１の３表②!"&amp;CELL("address",DA74))="×"</formula>
    </cfRule>
    <cfRule type="expression" dxfId="4065" priority="4070" stopIfTrue="1">
      <formula>ISBLANK(AH74)=FALSE</formula>
    </cfRule>
  </conditionalFormatting>
  <conditionalFormatting sqref="AH74:AI75">
    <cfRule type="expression" dxfId="4064" priority="4061" stopIfTrue="1">
      <formula>ISBLANK(AH74)=TRUE</formula>
    </cfRule>
    <cfRule type="expression" dxfId="4063" priority="4062" stopIfTrue="1">
      <formula>INDIRECT("第１の３表②!"&amp;CELL("address",DA74))="×××"</formula>
    </cfRule>
    <cfRule type="expression" dxfId="4062" priority="4063" stopIfTrue="1">
      <formula>INDIRECT("第１の３表②!"&amp;CELL("address",DA74))="××"</formula>
    </cfRule>
    <cfRule type="expression" dxfId="4061" priority="4064" stopIfTrue="1">
      <formula>INDIRECT("第１の３表②!"&amp;CELL("address",DA74))="×"</formula>
    </cfRule>
    <cfRule type="expression" dxfId="4060" priority="4065" stopIfTrue="1">
      <formula>ISBLANK(AH74)=FALSE</formula>
    </cfRule>
  </conditionalFormatting>
  <conditionalFormatting sqref="AH74:AI75">
    <cfRule type="expression" dxfId="4059" priority="4056" stopIfTrue="1">
      <formula>ISBLANK(AH74)=TRUE</formula>
    </cfRule>
    <cfRule type="expression" dxfId="4058" priority="4057" stopIfTrue="1">
      <formula>INDIRECT("第１の３表②!"&amp;CELL("address",DA74))="×××"</formula>
    </cfRule>
    <cfRule type="expression" dxfId="4057" priority="4058" stopIfTrue="1">
      <formula>INDIRECT("第１の３表②!"&amp;CELL("address",DA74))="××"</formula>
    </cfRule>
    <cfRule type="expression" dxfId="4056" priority="4059" stopIfTrue="1">
      <formula>INDIRECT("第１の３表②!"&amp;CELL("address",DA74))="×"</formula>
    </cfRule>
    <cfRule type="expression" dxfId="4055" priority="4060" stopIfTrue="1">
      <formula>ISBLANK(AH74)=FALSE</formula>
    </cfRule>
  </conditionalFormatting>
  <conditionalFormatting sqref="AK74:AL75">
    <cfRule type="expression" dxfId="4054" priority="4051" stopIfTrue="1">
      <formula>ISBLANK(AK74)=TRUE</formula>
    </cfRule>
    <cfRule type="expression" dxfId="4053" priority="4052" stopIfTrue="1">
      <formula>INDIRECT("第１の３表②!"&amp;CELL("address",DD74))="×××"</formula>
    </cfRule>
    <cfRule type="expression" dxfId="4052" priority="4053" stopIfTrue="1">
      <formula>INDIRECT("第１の３表②!"&amp;CELL("address",DD74))="××"</formula>
    </cfRule>
    <cfRule type="expression" dxfId="4051" priority="4054" stopIfTrue="1">
      <formula>INDIRECT("第１の３表②!"&amp;CELL("address",DD74))="×"</formula>
    </cfRule>
    <cfRule type="expression" dxfId="4050" priority="4055" stopIfTrue="1">
      <formula>ISBLANK(AK74)=FALSE</formula>
    </cfRule>
  </conditionalFormatting>
  <conditionalFormatting sqref="AK74:AL75">
    <cfRule type="expression" dxfId="4049" priority="4046" stopIfTrue="1">
      <formula>ISBLANK(AK74)=TRUE</formula>
    </cfRule>
    <cfRule type="expression" dxfId="4048" priority="4047" stopIfTrue="1">
      <formula>INDIRECT("第１の３表②!"&amp;CELL("address",DD74))="×××"</formula>
    </cfRule>
    <cfRule type="expression" dxfId="4047" priority="4048" stopIfTrue="1">
      <formula>INDIRECT("第１の３表②!"&amp;CELL("address",DD74))="××"</formula>
    </cfRule>
    <cfRule type="expression" dxfId="4046" priority="4049" stopIfTrue="1">
      <formula>INDIRECT("第１の３表②!"&amp;CELL("address",DD74))="×"</formula>
    </cfRule>
    <cfRule type="expression" dxfId="4045" priority="4050" stopIfTrue="1">
      <formula>ISBLANK(AK74)=FALSE</formula>
    </cfRule>
  </conditionalFormatting>
  <conditionalFormatting sqref="AK74:AL75">
    <cfRule type="expression" dxfId="4044" priority="4041" stopIfTrue="1">
      <formula>ISBLANK(AK74)=TRUE</formula>
    </cfRule>
    <cfRule type="expression" dxfId="4043" priority="4042" stopIfTrue="1">
      <formula>INDIRECT("第１の３表②!"&amp;CELL("address",DD74))="×××"</formula>
    </cfRule>
    <cfRule type="expression" dxfId="4042" priority="4043" stopIfTrue="1">
      <formula>INDIRECT("第１の３表②!"&amp;CELL("address",DD74))="××"</formula>
    </cfRule>
    <cfRule type="expression" dxfId="4041" priority="4044" stopIfTrue="1">
      <formula>INDIRECT("第１の３表②!"&amp;CELL("address",DD74))="×"</formula>
    </cfRule>
    <cfRule type="expression" dxfId="4040" priority="4045" stopIfTrue="1">
      <formula>ISBLANK(AK74)=FALSE</formula>
    </cfRule>
  </conditionalFormatting>
  <conditionalFormatting sqref="AN74:AO75">
    <cfRule type="expression" dxfId="4039" priority="4036" stopIfTrue="1">
      <formula>ISBLANK(AN74)=TRUE</formula>
    </cfRule>
    <cfRule type="expression" dxfId="4038" priority="4037" stopIfTrue="1">
      <formula>INDIRECT("第１の３表②!"&amp;CELL("address",DG74))="×××"</formula>
    </cfRule>
    <cfRule type="expression" dxfId="4037" priority="4038" stopIfTrue="1">
      <formula>INDIRECT("第１の３表②!"&amp;CELL("address",DG74))="××"</formula>
    </cfRule>
    <cfRule type="expression" dxfId="4036" priority="4039" stopIfTrue="1">
      <formula>INDIRECT("第１の３表②!"&amp;CELL("address",DG74))="×"</formula>
    </cfRule>
    <cfRule type="expression" dxfId="4035" priority="4040" stopIfTrue="1">
      <formula>ISBLANK(AN74)=FALSE</formula>
    </cfRule>
  </conditionalFormatting>
  <conditionalFormatting sqref="AN74:AO75">
    <cfRule type="expression" dxfId="4034" priority="4031" stopIfTrue="1">
      <formula>ISBLANK(AN74)=TRUE</formula>
    </cfRule>
    <cfRule type="expression" dxfId="4033" priority="4032" stopIfTrue="1">
      <formula>INDIRECT("第１の３表②!"&amp;CELL("address",DG74))="×××"</formula>
    </cfRule>
    <cfRule type="expression" dxfId="4032" priority="4033" stopIfTrue="1">
      <formula>INDIRECT("第１の３表②!"&amp;CELL("address",DG74))="××"</formula>
    </cfRule>
    <cfRule type="expression" dxfId="4031" priority="4034" stopIfTrue="1">
      <formula>INDIRECT("第１の３表②!"&amp;CELL("address",DG74))="×"</formula>
    </cfRule>
    <cfRule type="expression" dxfId="4030" priority="4035" stopIfTrue="1">
      <formula>ISBLANK(AN74)=FALSE</formula>
    </cfRule>
  </conditionalFormatting>
  <conditionalFormatting sqref="AN74:AO75">
    <cfRule type="expression" dxfId="4029" priority="4026" stopIfTrue="1">
      <formula>ISBLANK(AN74)=TRUE</formula>
    </cfRule>
    <cfRule type="expression" dxfId="4028" priority="4027" stopIfTrue="1">
      <formula>INDIRECT("第１の３表②!"&amp;CELL("address",DG74))="×××"</formula>
    </cfRule>
    <cfRule type="expression" dxfId="4027" priority="4028" stopIfTrue="1">
      <formula>INDIRECT("第１の３表②!"&amp;CELL("address",DG74))="××"</formula>
    </cfRule>
    <cfRule type="expression" dxfId="4026" priority="4029" stopIfTrue="1">
      <formula>INDIRECT("第１の３表②!"&amp;CELL("address",DG74))="×"</formula>
    </cfRule>
    <cfRule type="expression" dxfId="4025" priority="4030" stopIfTrue="1">
      <formula>ISBLANK(AN74)=FALSE</formula>
    </cfRule>
  </conditionalFormatting>
  <conditionalFormatting sqref="AQ74:AR75">
    <cfRule type="expression" dxfId="4024" priority="4021" stopIfTrue="1">
      <formula>ISBLANK(AQ74)=TRUE</formula>
    </cfRule>
    <cfRule type="expression" dxfId="4023" priority="4022" stopIfTrue="1">
      <formula>INDIRECT("第１の３表②!"&amp;CELL("address",DJ74))="×××"</formula>
    </cfRule>
    <cfRule type="expression" dxfId="4022" priority="4023" stopIfTrue="1">
      <formula>INDIRECT("第１の３表②!"&amp;CELL("address",DJ74))="××"</formula>
    </cfRule>
    <cfRule type="expression" dxfId="4021" priority="4024" stopIfTrue="1">
      <formula>INDIRECT("第１の３表②!"&amp;CELL("address",DJ74))="×"</formula>
    </cfRule>
    <cfRule type="expression" dxfId="4020" priority="4025" stopIfTrue="1">
      <formula>ISBLANK(AQ74)=FALSE</formula>
    </cfRule>
  </conditionalFormatting>
  <conditionalFormatting sqref="AQ74:AR75">
    <cfRule type="expression" dxfId="4019" priority="4016" stopIfTrue="1">
      <formula>ISBLANK(AQ74)=TRUE</formula>
    </cfRule>
    <cfRule type="expression" dxfId="4018" priority="4017" stopIfTrue="1">
      <formula>INDIRECT("第１の３表②!"&amp;CELL("address",DJ74))="×××"</formula>
    </cfRule>
    <cfRule type="expression" dxfId="4017" priority="4018" stopIfTrue="1">
      <formula>INDIRECT("第１の３表②!"&amp;CELL("address",DJ74))="××"</formula>
    </cfRule>
    <cfRule type="expression" dxfId="4016" priority="4019" stopIfTrue="1">
      <formula>INDIRECT("第１の３表②!"&amp;CELL("address",DJ74))="×"</formula>
    </cfRule>
    <cfRule type="expression" dxfId="4015" priority="4020" stopIfTrue="1">
      <formula>ISBLANK(AQ74)=FALSE</formula>
    </cfRule>
  </conditionalFormatting>
  <conditionalFormatting sqref="AQ74:AR75">
    <cfRule type="expression" dxfId="4014" priority="4011" stopIfTrue="1">
      <formula>ISBLANK(AQ74)=TRUE</formula>
    </cfRule>
    <cfRule type="expression" dxfId="4013" priority="4012" stopIfTrue="1">
      <formula>INDIRECT("第１の３表②!"&amp;CELL("address",DJ74))="×××"</formula>
    </cfRule>
    <cfRule type="expression" dxfId="4012" priority="4013" stopIfTrue="1">
      <formula>INDIRECT("第１の３表②!"&amp;CELL("address",DJ74))="××"</formula>
    </cfRule>
    <cfRule type="expression" dxfId="4011" priority="4014" stopIfTrue="1">
      <formula>INDIRECT("第１の３表②!"&amp;CELL("address",DJ74))="×"</formula>
    </cfRule>
    <cfRule type="expression" dxfId="4010" priority="4015" stopIfTrue="1">
      <formula>ISBLANK(AQ74)=FALSE</formula>
    </cfRule>
  </conditionalFormatting>
  <conditionalFormatting sqref="AT74:AU75">
    <cfRule type="expression" dxfId="4009" priority="4006" stopIfTrue="1">
      <formula>ISBLANK(AT74)=TRUE</formula>
    </cfRule>
    <cfRule type="expression" dxfId="4008" priority="4007" stopIfTrue="1">
      <formula>INDIRECT("第１の３表②!"&amp;CELL("address",DM74))="×××"</formula>
    </cfRule>
    <cfRule type="expression" dxfId="4007" priority="4008" stopIfTrue="1">
      <formula>INDIRECT("第１の３表②!"&amp;CELL("address",DM74))="××"</formula>
    </cfRule>
    <cfRule type="expression" dxfId="4006" priority="4009" stopIfTrue="1">
      <formula>INDIRECT("第１の３表②!"&amp;CELL("address",DM74))="×"</formula>
    </cfRule>
    <cfRule type="expression" dxfId="4005" priority="4010" stopIfTrue="1">
      <formula>ISBLANK(AT74)=FALSE</formula>
    </cfRule>
  </conditionalFormatting>
  <conditionalFormatting sqref="AT74:AU75">
    <cfRule type="expression" dxfId="4004" priority="4001" stopIfTrue="1">
      <formula>ISBLANK(AT74)=TRUE</formula>
    </cfRule>
    <cfRule type="expression" dxfId="4003" priority="4002" stopIfTrue="1">
      <formula>INDIRECT("第１の３表②!"&amp;CELL("address",DM74))="×××"</formula>
    </cfRule>
    <cfRule type="expression" dxfId="4002" priority="4003" stopIfTrue="1">
      <formula>INDIRECT("第１の３表②!"&amp;CELL("address",DM74))="××"</formula>
    </cfRule>
    <cfRule type="expression" dxfId="4001" priority="4004" stopIfTrue="1">
      <formula>INDIRECT("第１の３表②!"&amp;CELL("address",DM74))="×"</formula>
    </cfRule>
    <cfRule type="expression" dxfId="4000" priority="4005" stopIfTrue="1">
      <formula>ISBLANK(AT74)=FALSE</formula>
    </cfRule>
  </conditionalFormatting>
  <conditionalFormatting sqref="AT74:AU75">
    <cfRule type="expression" dxfId="3999" priority="3996" stopIfTrue="1">
      <formula>ISBLANK(AT74)=TRUE</formula>
    </cfRule>
    <cfRule type="expression" dxfId="3998" priority="3997" stopIfTrue="1">
      <formula>INDIRECT("第１の３表②!"&amp;CELL("address",DM74))="×××"</formula>
    </cfRule>
    <cfRule type="expression" dxfId="3997" priority="3998" stopIfTrue="1">
      <formula>INDIRECT("第１の３表②!"&amp;CELL("address",DM74))="××"</formula>
    </cfRule>
    <cfRule type="expression" dxfId="3996" priority="3999" stopIfTrue="1">
      <formula>INDIRECT("第１の３表②!"&amp;CELL("address",DM74))="×"</formula>
    </cfRule>
    <cfRule type="expression" dxfId="3995" priority="4000" stopIfTrue="1">
      <formula>ISBLANK(AT74)=FALSE</formula>
    </cfRule>
  </conditionalFormatting>
  <conditionalFormatting sqref="AW74:AX75">
    <cfRule type="expression" dxfId="3994" priority="3991" stopIfTrue="1">
      <formula>ISBLANK(AW74)=TRUE</formula>
    </cfRule>
    <cfRule type="expression" dxfId="3993" priority="3992" stopIfTrue="1">
      <formula>INDIRECT("第１の３表②!"&amp;CELL("address",DP74))="×××"</formula>
    </cfRule>
    <cfRule type="expression" dxfId="3992" priority="3993" stopIfTrue="1">
      <formula>INDIRECT("第１の３表②!"&amp;CELL("address",DP74))="××"</formula>
    </cfRule>
    <cfRule type="expression" dxfId="3991" priority="3994" stopIfTrue="1">
      <formula>INDIRECT("第１の３表②!"&amp;CELL("address",DP74))="×"</formula>
    </cfRule>
    <cfRule type="expression" dxfId="3990" priority="3995" stopIfTrue="1">
      <formula>ISBLANK(AW74)=FALSE</formula>
    </cfRule>
  </conditionalFormatting>
  <conditionalFormatting sqref="AW74:AX75">
    <cfRule type="expression" dxfId="3989" priority="3986" stopIfTrue="1">
      <formula>ISBLANK(AW74)=TRUE</formula>
    </cfRule>
    <cfRule type="expression" dxfId="3988" priority="3987" stopIfTrue="1">
      <formula>INDIRECT("第１の３表②!"&amp;CELL("address",DP74))="×××"</formula>
    </cfRule>
    <cfRule type="expression" dxfId="3987" priority="3988" stopIfTrue="1">
      <formula>INDIRECT("第１の３表②!"&amp;CELL("address",DP74))="××"</formula>
    </cfRule>
    <cfRule type="expression" dxfId="3986" priority="3989" stopIfTrue="1">
      <formula>INDIRECT("第１の３表②!"&amp;CELL("address",DP74))="×"</formula>
    </cfRule>
    <cfRule type="expression" dxfId="3985" priority="3990" stopIfTrue="1">
      <formula>ISBLANK(AW74)=FALSE</formula>
    </cfRule>
  </conditionalFormatting>
  <conditionalFormatting sqref="AW74:AX75">
    <cfRule type="expression" dxfId="3984" priority="3981" stopIfTrue="1">
      <formula>ISBLANK(AW74)=TRUE</formula>
    </cfRule>
    <cfRule type="expression" dxfId="3983" priority="3982" stopIfTrue="1">
      <formula>INDIRECT("第１の３表②!"&amp;CELL("address",DP74))="×××"</formula>
    </cfRule>
    <cfRule type="expression" dxfId="3982" priority="3983" stopIfTrue="1">
      <formula>INDIRECT("第１の３表②!"&amp;CELL("address",DP74))="××"</formula>
    </cfRule>
    <cfRule type="expression" dxfId="3981" priority="3984" stopIfTrue="1">
      <formula>INDIRECT("第１の３表②!"&amp;CELL("address",DP74))="×"</formula>
    </cfRule>
    <cfRule type="expression" dxfId="3980" priority="3985" stopIfTrue="1">
      <formula>ISBLANK(AW74)=FALSE</formula>
    </cfRule>
  </conditionalFormatting>
  <conditionalFormatting sqref="AZ74:BA75">
    <cfRule type="expression" dxfId="3979" priority="3976" stopIfTrue="1">
      <formula>ISBLANK(AZ74)=TRUE</formula>
    </cfRule>
    <cfRule type="expression" dxfId="3978" priority="3977" stopIfTrue="1">
      <formula>INDIRECT("第１の３表②!"&amp;CELL("address",DS74))="×××"</formula>
    </cfRule>
    <cfRule type="expression" dxfId="3977" priority="3978" stopIfTrue="1">
      <formula>INDIRECT("第１の３表②!"&amp;CELL("address",DS74))="××"</formula>
    </cfRule>
    <cfRule type="expression" dxfId="3976" priority="3979" stopIfTrue="1">
      <formula>INDIRECT("第１の３表②!"&amp;CELL("address",DS74))="×"</formula>
    </cfRule>
    <cfRule type="expression" dxfId="3975" priority="3980" stopIfTrue="1">
      <formula>ISBLANK(AZ74)=FALSE</formula>
    </cfRule>
  </conditionalFormatting>
  <conditionalFormatting sqref="AZ74:BA75">
    <cfRule type="expression" dxfId="3974" priority="3971" stopIfTrue="1">
      <formula>ISBLANK(AZ74)=TRUE</formula>
    </cfRule>
    <cfRule type="expression" dxfId="3973" priority="3972" stopIfTrue="1">
      <formula>INDIRECT("第１の３表②!"&amp;CELL("address",DS74))="×××"</formula>
    </cfRule>
    <cfRule type="expression" dxfId="3972" priority="3973" stopIfTrue="1">
      <formula>INDIRECT("第１の３表②!"&amp;CELL("address",DS74))="××"</formula>
    </cfRule>
    <cfRule type="expression" dxfId="3971" priority="3974" stopIfTrue="1">
      <formula>INDIRECT("第１の３表②!"&amp;CELL("address",DS74))="×"</formula>
    </cfRule>
    <cfRule type="expression" dxfId="3970" priority="3975" stopIfTrue="1">
      <formula>ISBLANK(AZ74)=FALSE</formula>
    </cfRule>
  </conditionalFormatting>
  <conditionalFormatting sqref="AZ74:BA75">
    <cfRule type="expression" dxfId="3969" priority="3966" stopIfTrue="1">
      <formula>ISBLANK(AZ74)=TRUE</formula>
    </cfRule>
    <cfRule type="expression" dxfId="3968" priority="3967" stopIfTrue="1">
      <formula>INDIRECT("第１の３表②!"&amp;CELL("address",DS74))="×××"</formula>
    </cfRule>
    <cfRule type="expression" dxfId="3967" priority="3968" stopIfTrue="1">
      <formula>INDIRECT("第１の３表②!"&amp;CELL("address",DS74))="××"</formula>
    </cfRule>
    <cfRule type="expression" dxfId="3966" priority="3969" stopIfTrue="1">
      <formula>INDIRECT("第１の３表②!"&amp;CELL("address",DS74))="×"</formula>
    </cfRule>
    <cfRule type="expression" dxfId="3965" priority="3970" stopIfTrue="1">
      <formula>ISBLANK(AZ74)=FALSE</formula>
    </cfRule>
  </conditionalFormatting>
  <conditionalFormatting sqref="BC74:BD75">
    <cfRule type="expression" dxfId="3964" priority="3961" stopIfTrue="1">
      <formula>ISBLANK(BC74)=TRUE</formula>
    </cfRule>
    <cfRule type="expression" dxfId="3963" priority="3962" stopIfTrue="1">
      <formula>INDIRECT("第１の３表②!"&amp;CELL("address",DV74))="×××"</formula>
    </cfRule>
    <cfRule type="expression" dxfId="3962" priority="3963" stopIfTrue="1">
      <formula>INDIRECT("第１の３表②!"&amp;CELL("address",DV74))="××"</formula>
    </cfRule>
    <cfRule type="expression" dxfId="3961" priority="3964" stopIfTrue="1">
      <formula>INDIRECT("第１の３表②!"&amp;CELL("address",DV74))="×"</formula>
    </cfRule>
    <cfRule type="expression" dxfId="3960" priority="3965" stopIfTrue="1">
      <formula>ISBLANK(BC74)=FALSE</formula>
    </cfRule>
  </conditionalFormatting>
  <conditionalFormatting sqref="BC74:BD75">
    <cfRule type="expression" dxfId="3959" priority="3956" stopIfTrue="1">
      <formula>ISBLANK(BC74)=TRUE</formula>
    </cfRule>
    <cfRule type="expression" dxfId="3958" priority="3957" stopIfTrue="1">
      <formula>INDIRECT("第１の３表②!"&amp;CELL("address",DV74))="×××"</formula>
    </cfRule>
    <cfRule type="expression" dxfId="3957" priority="3958" stopIfTrue="1">
      <formula>INDIRECT("第１の３表②!"&amp;CELL("address",DV74))="××"</formula>
    </cfRule>
    <cfRule type="expression" dxfId="3956" priority="3959" stopIfTrue="1">
      <formula>INDIRECT("第１の３表②!"&amp;CELL("address",DV74))="×"</formula>
    </cfRule>
    <cfRule type="expression" dxfId="3955" priority="3960" stopIfTrue="1">
      <formula>ISBLANK(BC74)=FALSE</formula>
    </cfRule>
  </conditionalFormatting>
  <conditionalFormatting sqref="BC74:BD75">
    <cfRule type="expression" dxfId="3954" priority="3951" stopIfTrue="1">
      <formula>ISBLANK(BC74)=TRUE</formula>
    </cfRule>
    <cfRule type="expression" dxfId="3953" priority="3952" stopIfTrue="1">
      <formula>INDIRECT("第１の３表②!"&amp;CELL("address",DV74))="×××"</formula>
    </cfRule>
    <cfRule type="expression" dxfId="3952" priority="3953" stopIfTrue="1">
      <formula>INDIRECT("第１の３表②!"&amp;CELL("address",DV74))="××"</formula>
    </cfRule>
    <cfRule type="expression" dxfId="3951" priority="3954" stopIfTrue="1">
      <formula>INDIRECT("第１の３表②!"&amp;CELL("address",DV74))="×"</formula>
    </cfRule>
    <cfRule type="expression" dxfId="3950" priority="3955" stopIfTrue="1">
      <formula>ISBLANK(BC74)=FALSE</formula>
    </cfRule>
  </conditionalFormatting>
  <conditionalFormatting sqref="BF74:BG75">
    <cfRule type="expression" dxfId="3949" priority="3946" stopIfTrue="1">
      <formula>ISBLANK(BF74)=TRUE</formula>
    </cfRule>
    <cfRule type="expression" dxfId="3948" priority="3947" stopIfTrue="1">
      <formula>INDIRECT("第１の３表②!"&amp;CELL("address",DY74))="×××"</formula>
    </cfRule>
    <cfRule type="expression" dxfId="3947" priority="3948" stopIfTrue="1">
      <formula>INDIRECT("第１の３表②!"&amp;CELL("address",DY74))="××"</formula>
    </cfRule>
    <cfRule type="expression" dxfId="3946" priority="3949" stopIfTrue="1">
      <formula>INDIRECT("第１の３表②!"&amp;CELL("address",DY74))="×"</formula>
    </cfRule>
    <cfRule type="expression" dxfId="3945" priority="3950" stopIfTrue="1">
      <formula>ISBLANK(BF74)=FALSE</formula>
    </cfRule>
  </conditionalFormatting>
  <conditionalFormatting sqref="BF74:BG75">
    <cfRule type="expression" dxfId="3944" priority="3941" stopIfTrue="1">
      <formula>ISBLANK(BF74)=TRUE</formula>
    </cfRule>
    <cfRule type="expression" dxfId="3943" priority="3942" stopIfTrue="1">
      <formula>INDIRECT("第１の３表②!"&amp;CELL("address",DY74))="×××"</formula>
    </cfRule>
    <cfRule type="expression" dxfId="3942" priority="3943" stopIfTrue="1">
      <formula>INDIRECT("第１の３表②!"&amp;CELL("address",DY74))="××"</formula>
    </cfRule>
    <cfRule type="expression" dxfId="3941" priority="3944" stopIfTrue="1">
      <formula>INDIRECT("第１の３表②!"&amp;CELL("address",DY74))="×"</formula>
    </cfRule>
    <cfRule type="expression" dxfId="3940" priority="3945" stopIfTrue="1">
      <formula>ISBLANK(BF74)=FALSE</formula>
    </cfRule>
  </conditionalFormatting>
  <conditionalFormatting sqref="BF74:BG75">
    <cfRule type="expression" dxfId="3939" priority="3936" stopIfTrue="1">
      <formula>ISBLANK(BF74)=TRUE</formula>
    </cfRule>
    <cfRule type="expression" dxfId="3938" priority="3937" stopIfTrue="1">
      <formula>INDIRECT("第１の３表②!"&amp;CELL("address",DY74))="×××"</formula>
    </cfRule>
    <cfRule type="expression" dxfId="3937" priority="3938" stopIfTrue="1">
      <formula>INDIRECT("第１の３表②!"&amp;CELL("address",DY74))="××"</formula>
    </cfRule>
    <cfRule type="expression" dxfId="3936" priority="3939" stopIfTrue="1">
      <formula>INDIRECT("第１の３表②!"&amp;CELL("address",DY74))="×"</formula>
    </cfRule>
    <cfRule type="expression" dxfId="3935" priority="3940" stopIfTrue="1">
      <formula>ISBLANK(BF74)=FALSE</formula>
    </cfRule>
  </conditionalFormatting>
  <conditionalFormatting sqref="BI74:BJ75">
    <cfRule type="expression" dxfId="3934" priority="3931" stopIfTrue="1">
      <formula>ISBLANK(BI74)=TRUE</formula>
    </cfRule>
    <cfRule type="expression" dxfId="3933" priority="3932" stopIfTrue="1">
      <formula>INDIRECT("第１の３表②!"&amp;CELL("address",EB74))="×××"</formula>
    </cfRule>
    <cfRule type="expression" dxfId="3932" priority="3933" stopIfTrue="1">
      <formula>INDIRECT("第１の３表②!"&amp;CELL("address",EB74))="××"</formula>
    </cfRule>
    <cfRule type="expression" dxfId="3931" priority="3934" stopIfTrue="1">
      <formula>INDIRECT("第１の３表②!"&amp;CELL("address",EB74))="×"</formula>
    </cfRule>
    <cfRule type="expression" dxfId="3930" priority="3935" stopIfTrue="1">
      <formula>ISBLANK(BI74)=FALSE</formula>
    </cfRule>
  </conditionalFormatting>
  <conditionalFormatting sqref="BI74:BJ75">
    <cfRule type="expression" dxfId="3929" priority="3926" stopIfTrue="1">
      <formula>ISBLANK(BI74)=TRUE</formula>
    </cfRule>
    <cfRule type="expression" dxfId="3928" priority="3927" stopIfTrue="1">
      <formula>INDIRECT("第１の３表②!"&amp;CELL("address",EB74))="×××"</formula>
    </cfRule>
    <cfRule type="expression" dxfId="3927" priority="3928" stopIfTrue="1">
      <formula>INDIRECT("第１の３表②!"&amp;CELL("address",EB74))="××"</formula>
    </cfRule>
    <cfRule type="expression" dxfId="3926" priority="3929" stopIfTrue="1">
      <formula>INDIRECT("第１の３表②!"&amp;CELL("address",EB74))="×"</formula>
    </cfRule>
    <cfRule type="expression" dxfId="3925" priority="3930" stopIfTrue="1">
      <formula>ISBLANK(BI74)=FALSE</formula>
    </cfRule>
  </conditionalFormatting>
  <conditionalFormatting sqref="BI74:BJ75">
    <cfRule type="expression" dxfId="3924" priority="3921" stopIfTrue="1">
      <formula>ISBLANK(BI74)=TRUE</formula>
    </cfRule>
    <cfRule type="expression" dxfId="3923" priority="3922" stopIfTrue="1">
      <formula>INDIRECT("第１の３表②!"&amp;CELL("address",EB74))="×××"</formula>
    </cfRule>
    <cfRule type="expression" dxfId="3922" priority="3923" stopIfTrue="1">
      <formula>INDIRECT("第１の３表②!"&amp;CELL("address",EB74))="××"</formula>
    </cfRule>
    <cfRule type="expression" dxfId="3921" priority="3924" stopIfTrue="1">
      <formula>INDIRECT("第１の３表②!"&amp;CELL("address",EB74))="×"</formula>
    </cfRule>
    <cfRule type="expression" dxfId="3920" priority="3925" stopIfTrue="1">
      <formula>ISBLANK(BI74)=FALSE</formula>
    </cfRule>
  </conditionalFormatting>
  <conditionalFormatting sqref="BL74:BM75">
    <cfRule type="expression" dxfId="3919" priority="3916" stopIfTrue="1">
      <formula>ISBLANK(BL74)=TRUE</formula>
    </cfRule>
    <cfRule type="expression" dxfId="3918" priority="3917" stopIfTrue="1">
      <formula>INDIRECT("第１の３表②!"&amp;CELL("address",EE74))="×××"</formula>
    </cfRule>
    <cfRule type="expression" dxfId="3917" priority="3918" stopIfTrue="1">
      <formula>INDIRECT("第１の３表②!"&amp;CELL("address",EE74))="××"</formula>
    </cfRule>
    <cfRule type="expression" dxfId="3916" priority="3919" stopIfTrue="1">
      <formula>INDIRECT("第１の３表②!"&amp;CELL("address",EE74))="×"</formula>
    </cfRule>
    <cfRule type="expression" dxfId="3915" priority="3920" stopIfTrue="1">
      <formula>ISBLANK(BL74)=FALSE</formula>
    </cfRule>
  </conditionalFormatting>
  <conditionalFormatting sqref="BL74:BM75">
    <cfRule type="expression" dxfId="3914" priority="3911" stopIfTrue="1">
      <formula>ISBLANK(BL74)=TRUE</formula>
    </cfRule>
    <cfRule type="expression" dxfId="3913" priority="3912" stopIfTrue="1">
      <formula>INDIRECT("第１の３表②!"&amp;CELL("address",EE74))="×××"</formula>
    </cfRule>
    <cfRule type="expression" dxfId="3912" priority="3913" stopIfTrue="1">
      <formula>INDIRECT("第１の３表②!"&amp;CELL("address",EE74))="××"</formula>
    </cfRule>
    <cfRule type="expression" dxfId="3911" priority="3914" stopIfTrue="1">
      <formula>INDIRECT("第１の３表②!"&amp;CELL("address",EE74))="×"</formula>
    </cfRule>
    <cfRule type="expression" dxfId="3910" priority="3915" stopIfTrue="1">
      <formula>ISBLANK(BL74)=FALSE</formula>
    </cfRule>
  </conditionalFormatting>
  <conditionalFormatting sqref="BL74:BM75">
    <cfRule type="expression" dxfId="3909" priority="3906" stopIfTrue="1">
      <formula>ISBLANK(BL74)=TRUE</formula>
    </cfRule>
    <cfRule type="expression" dxfId="3908" priority="3907" stopIfTrue="1">
      <formula>INDIRECT("第１の３表②!"&amp;CELL("address",EE74))="×××"</formula>
    </cfRule>
    <cfRule type="expression" dxfId="3907" priority="3908" stopIfTrue="1">
      <formula>INDIRECT("第１の３表②!"&amp;CELL("address",EE74))="××"</formula>
    </cfRule>
    <cfRule type="expression" dxfId="3906" priority="3909" stopIfTrue="1">
      <formula>INDIRECT("第１の３表②!"&amp;CELL("address",EE74))="×"</formula>
    </cfRule>
    <cfRule type="expression" dxfId="3905" priority="3910" stopIfTrue="1">
      <formula>ISBLANK(BL74)=FALSE</formula>
    </cfRule>
  </conditionalFormatting>
  <conditionalFormatting sqref="BO74:BP75">
    <cfRule type="expression" dxfId="3904" priority="3901" stopIfTrue="1">
      <formula>ISBLANK(BO74)=TRUE</formula>
    </cfRule>
    <cfRule type="expression" dxfId="3903" priority="3902" stopIfTrue="1">
      <formula>INDIRECT("第１の３表②!"&amp;CELL("address",EH74))="×××"</formula>
    </cfRule>
    <cfRule type="expression" dxfId="3902" priority="3903" stopIfTrue="1">
      <formula>INDIRECT("第１の３表②!"&amp;CELL("address",EH74))="××"</formula>
    </cfRule>
    <cfRule type="expression" dxfId="3901" priority="3904" stopIfTrue="1">
      <formula>INDIRECT("第１の３表②!"&amp;CELL("address",EH74))="×"</formula>
    </cfRule>
    <cfRule type="expression" dxfId="3900" priority="3905" stopIfTrue="1">
      <formula>ISBLANK(BO74)=FALSE</formula>
    </cfRule>
  </conditionalFormatting>
  <conditionalFormatting sqref="BO74:BP75">
    <cfRule type="expression" dxfId="3899" priority="3896" stopIfTrue="1">
      <formula>ISBLANK(BO74)=TRUE</formula>
    </cfRule>
    <cfRule type="expression" dxfId="3898" priority="3897" stopIfTrue="1">
      <formula>INDIRECT("第１の３表②!"&amp;CELL("address",EH74))="×××"</formula>
    </cfRule>
    <cfRule type="expression" dxfId="3897" priority="3898" stopIfTrue="1">
      <formula>INDIRECT("第１の３表②!"&amp;CELL("address",EH74))="××"</formula>
    </cfRule>
    <cfRule type="expression" dxfId="3896" priority="3899" stopIfTrue="1">
      <formula>INDIRECT("第１の３表②!"&amp;CELL("address",EH74))="×"</formula>
    </cfRule>
    <cfRule type="expression" dxfId="3895" priority="3900" stopIfTrue="1">
      <formula>ISBLANK(BO74)=FALSE</formula>
    </cfRule>
  </conditionalFormatting>
  <conditionalFormatting sqref="BO74:BP75">
    <cfRule type="expression" dxfId="3894" priority="3891" stopIfTrue="1">
      <formula>ISBLANK(BO74)=TRUE</formula>
    </cfRule>
    <cfRule type="expression" dxfId="3893" priority="3892" stopIfTrue="1">
      <formula>INDIRECT("第１の３表②!"&amp;CELL("address",EH74))="×××"</formula>
    </cfRule>
    <cfRule type="expression" dxfId="3892" priority="3893" stopIfTrue="1">
      <formula>INDIRECT("第１の３表②!"&amp;CELL("address",EH74))="××"</formula>
    </cfRule>
    <cfRule type="expression" dxfId="3891" priority="3894" stopIfTrue="1">
      <formula>INDIRECT("第１の３表②!"&amp;CELL("address",EH74))="×"</formula>
    </cfRule>
    <cfRule type="expression" dxfId="3890" priority="3895" stopIfTrue="1">
      <formula>ISBLANK(BO74)=FALSE</formula>
    </cfRule>
  </conditionalFormatting>
  <conditionalFormatting sqref="G77:H78">
    <cfRule type="expression" dxfId="3889" priority="3886" stopIfTrue="1">
      <formula>ISBLANK(G77)=TRUE</formula>
    </cfRule>
    <cfRule type="expression" dxfId="3888" priority="3887" stopIfTrue="1">
      <formula>INDIRECT("第１の３表②!"&amp;CELL("address",BZ77))="×××"</formula>
    </cfRule>
    <cfRule type="expression" dxfId="3887" priority="3888" stopIfTrue="1">
      <formula>INDIRECT("第１の３表②!"&amp;CELL("address",BZ77))="××"</formula>
    </cfRule>
    <cfRule type="expression" dxfId="3886" priority="3889" stopIfTrue="1">
      <formula>INDIRECT("第１の３表②!"&amp;CELL("address",BZ77))="×"</formula>
    </cfRule>
    <cfRule type="expression" dxfId="3885" priority="3890" stopIfTrue="1">
      <formula>ISBLANK(G77)=FALSE</formula>
    </cfRule>
  </conditionalFormatting>
  <conditionalFormatting sqref="G77:H78">
    <cfRule type="expression" dxfId="3884" priority="3881" stopIfTrue="1">
      <formula>ISBLANK(G77)=TRUE</formula>
    </cfRule>
    <cfRule type="expression" dxfId="3883" priority="3882" stopIfTrue="1">
      <formula>INDIRECT("第１の３表②!"&amp;CELL("address",BZ77))="×××"</formula>
    </cfRule>
    <cfRule type="expression" dxfId="3882" priority="3883" stopIfTrue="1">
      <formula>INDIRECT("第１の３表②!"&amp;CELL("address",BZ77))="××"</formula>
    </cfRule>
    <cfRule type="expression" dxfId="3881" priority="3884" stopIfTrue="1">
      <formula>INDIRECT("第１の３表②!"&amp;CELL("address",BZ77))="×"</formula>
    </cfRule>
    <cfRule type="expression" dxfId="3880" priority="3885" stopIfTrue="1">
      <formula>ISBLANK(G77)=FALSE</formula>
    </cfRule>
  </conditionalFormatting>
  <conditionalFormatting sqref="G77:H78">
    <cfRule type="expression" dxfId="3879" priority="3876" stopIfTrue="1">
      <formula>ISBLANK(G77)=TRUE</formula>
    </cfRule>
    <cfRule type="expression" dxfId="3878" priority="3877" stopIfTrue="1">
      <formula>INDIRECT("第１の３表②!"&amp;CELL("address",BZ77))="×××"</formula>
    </cfRule>
    <cfRule type="expression" dxfId="3877" priority="3878" stopIfTrue="1">
      <formula>INDIRECT("第１の３表②!"&amp;CELL("address",BZ77))="××"</formula>
    </cfRule>
    <cfRule type="expression" dxfId="3876" priority="3879" stopIfTrue="1">
      <formula>INDIRECT("第１の３表②!"&amp;CELL("address",BZ77))="×"</formula>
    </cfRule>
    <cfRule type="expression" dxfId="3875" priority="3880" stopIfTrue="1">
      <formula>ISBLANK(G77)=FALSE</formula>
    </cfRule>
  </conditionalFormatting>
  <conditionalFormatting sqref="J77:K78">
    <cfRule type="expression" dxfId="3874" priority="3871" stopIfTrue="1">
      <formula>ISBLANK(J77)=TRUE</formula>
    </cfRule>
    <cfRule type="expression" dxfId="3873" priority="3872" stopIfTrue="1">
      <formula>INDIRECT("第１の３表②!"&amp;CELL("address",CC77))="×××"</formula>
    </cfRule>
    <cfRule type="expression" dxfId="3872" priority="3873" stopIfTrue="1">
      <formula>INDIRECT("第１の３表②!"&amp;CELL("address",CC77))="××"</formula>
    </cfRule>
    <cfRule type="expression" dxfId="3871" priority="3874" stopIfTrue="1">
      <formula>INDIRECT("第１の３表②!"&amp;CELL("address",CC77))="×"</formula>
    </cfRule>
    <cfRule type="expression" dxfId="3870" priority="3875" stopIfTrue="1">
      <formula>ISBLANK(J77)=FALSE</formula>
    </cfRule>
  </conditionalFormatting>
  <conditionalFormatting sqref="J77:K78">
    <cfRule type="expression" dxfId="3869" priority="3866" stopIfTrue="1">
      <formula>ISBLANK(J77)=TRUE</formula>
    </cfRule>
    <cfRule type="expression" dxfId="3868" priority="3867" stopIfTrue="1">
      <formula>INDIRECT("第１の３表②!"&amp;CELL("address",CC77))="×××"</formula>
    </cfRule>
    <cfRule type="expression" dxfId="3867" priority="3868" stopIfTrue="1">
      <formula>INDIRECT("第１の３表②!"&amp;CELL("address",CC77))="××"</formula>
    </cfRule>
    <cfRule type="expression" dxfId="3866" priority="3869" stopIfTrue="1">
      <formula>INDIRECT("第１の３表②!"&amp;CELL("address",CC77))="×"</formula>
    </cfRule>
    <cfRule type="expression" dxfId="3865" priority="3870" stopIfTrue="1">
      <formula>ISBLANK(J77)=FALSE</formula>
    </cfRule>
  </conditionalFormatting>
  <conditionalFormatting sqref="J77:K78">
    <cfRule type="expression" dxfId="3864" priority="3861" stopIfTrue="1">
      <formula>ISBLANK(J77)=TRUE</formula>
    </cfRule>
    <cfRule type="expression" dxfId="3863" priority="3862" stopIfTrue="1">
      <formula>INDIRECT("第１の３表②!"&amp;CELL("address",CC77))="×××"</formula>
    </cfRule>
    <cfRule type="expression" dxfId="3862" priority="3863" stopIfTrue="1">
      <formula>INDIRECT("第１の３表②!"&amp;CELL("address",CC77))="××"</formula>
    </cfRule>
    <cfRule type="expression" dxfId="3861" priority="3864" stopIfTrue="1">
      <formula>INDIRECT("第１の３表②!"&amp;CELL("address",CC77))="×"</formula>
    </cfRule>
    <cfRule type="expression" dxfId="3860" priority="3865" stopIfTrue="1">
      <formula>ISBLANK(J77)=FALSE</formula>
    </cfRule>
  </conditionalFormatting>
  <conditionalFormatting sqref="M77:N78">
    <cfRule type="expression" dxfId="3859" priority="3856" stopIfTrue="1">
      <formula>ISBLANK(M77)=TRUE</formula>
    </cfRule>
    <cfRule type="expression" dxfId="3858" priority="3857" stopIfTrue="1">
      <formula>INDIRECT("第１の３表②!"&amp;CELL("address",CF77))="×××"</formula>
    </cfRule>
    <cfRule type="expression" dxfId="3857" priority="3858" stopIfTrue="1">
      <formula>INDIRECT("第１の３表②!"&amp;CELL("address",CF77))="××"</formula>
    </cfRule>
    <cfRule type="expression" dxfId="3856" priority="3859" stopIfTrue="1">
      <formula>INDIRECT("第１の３表②!"&amp;CELL("address",CF77))="×"</formula>
    </cfRule>
    <cfRule type="expression" dxfId="3855" priority="3860" stopIfTrue="1">
      <formula>ISBLANK(M77)=FALSE</formula>
    </cfRule>
  </conditionalFormatting>
  <conditionalFormatting sqref="M77:N78">
    <cfRule type="expression" dxfId="3854" priority="3851" stopIfTrue="1">
      <formula>ISBLANK(M77)=TRUE</formula>
    </cfRule>
    <cfRule type="expression" dxfId="3853" priority="3852" stopIfTrue="1">
      <formula>INDIRECT("第１の３表②!"&amp;CELL("address",CF77))="×××"</formula>
    </cfRule>
    <cfRule type="expression" dxfId="3852" priority="3853" stopIfTrue="1">
      <formula>INDIRECT("第１の３表②!"&amp;CELL("address",CF77))="××"</formula>
    </cfRule>
    <cfRule type="expression" dxfId="3851" priority="3854" stopIfTrue="1">
      <formula>INDIRECT("第１の３表②!"&amp;CELL("address",CF77))="×"</formula>
    </cfRule>
    <cfRule type="expression" dxfId="3850" priority="3855" stopIfTrue="1">
      <formula>ISBLANK(M77)=FALSE</formula>
    </cfRule>
  </conditionalFormatting>
  <conditionalFormatting sqref="M77:N78">
    <cfRule type="expression" dxfId="3849" priority="3846" stopIfTrue="1">
      <formula>ISBLANK(M77)=TRUE</formula>
    </cfRule>
    <cfRule type="expression" dxfId="3848" priority="3847" stopIfTrue="1">
      <formula>INDIRECT("第１の３表②!"&amp;CELL("address",CF77))="×××"</formula>
    </cfRule>
    <cfRule type="expression" dxfId="3847" priority="3848" stopIfTrue="1">
      <formula>INDIRECT("第１の３表②!"&amp;CELL("address",CF77))="××"</formula>
    </cfRule>
    <cfRule type="expression" dxfId="3846" priority="3849" stopIfTrue="1">
      <formula>INDIRECT("第１の３表②!"&amp;CELL("address",CF77))="×"</formula>
    </cfRule>
    <cfRule type="expression" dxfId="3845" priority="3850" stopIfTrue="1">
      <formula>ISBLANK(M77)=FALSE</formula>
    </cfRule>
  </conditionalFormatting>
  <conditionalFormatting sqref="P77:Q78">
    <cfRule type="expression" dxfId="3844" priority="3841" stopIfTrue="1">
      <formula>ISBLANK(P77)=TRUE</formula>
    </cfRule>
    <cfRule type="expression" dxfId="3843" priority="3842" stopIfTrue="1">
      <formula>INDIRECT("第１の３表②!"&amp;CELL("address",CI77))="×××"</formula>
    </cfRule>
    <cfRule type="expression" dxfId="3842" priority="3843" stopIfTrue="1">
      <formula>INDIRECT("第１の３表②!"&amp;CELL("address",CI77))="××"</formula>
    </cfRule>
    <cfRule type="expression" dxfId="3841" priority="3844" stopIfTrue="1">
      <formula>INDIRECT("第１の３表②!"&amp;CELL("address",CI77))="×"</formula>
    </cfRule>
    <cfRule type="expression" dxfId="3840" priority="3845" stopIfTrue="1">
      <formula>ISBLANK(P77)=FALSE</formula>
    </cfRule>
  </conditionalFormatting>
  <conditionalFormatting sqref="P77:Q78">
    <cfRule type="expression" dxfId="3839" priority="3836" stopIfTrue="1">
      <formula>ISBLANK(P77)=TRUE</formula>
    </cfRule>
    <cfRule type="expression" dxfId="3838" priority="3837" stopIfTrue="1">
      <formula>INDIRECT("第１の３表②!"&amp;CELL("address",CI77))="×××"</formula>
    </cfRule>
    <cfRule type="expression" dxfId="3837" priority="3838" stopIfTrue="1">
      <formula>INDIRECT("第１の３表②!"&amp;CELL("address",CI77))="××"</formula>
    </cfRule>
    <cfRule type="expression" dxfId="3836" priority="3839" stopIfTrue="1">
      <formula>INDIRECT("第１の３表②!"&amp;CELL("address",CI77))="×"</formula>
    </cfRule>
    <cfRule type="expression" dxfId="3835" priority="3840" stopIfTrue="1">
      <formula>ISBLANK(P77)=FALSE</formula>
    </cfRule>
  </conditionalFormatting>
  <conditionalFormatting sqref="P77:Q78">
    <cfRule type="expression" dxfId="3834" priority="3831" stopIfTrue="1">
      <formula>ISBLANK(P77)=TRUE</formula>
    </cfRule>
    <cfRule type="expression" dxfId="3833" priority="3832" stopIfTrue="1">
      <formula>INDIRECT("第１の３表②!"&amp;CELL("address",CI77))="×××"</formula>
    </cfRule>
    <cfRule type="expression" dxfId="3832" priority="3833" stopIfTrue="1">
      <formula>INDIRECT("第１の３表②!"&amp;CELL("address",CI77))="××"</formula>
    </cfRule>
    <cfRule type="expression" dxfId="3831" priority="3834" stopIfTrue="1">
      <formula>INDIRECT("第１の３表②!"&amp;CELL("address",CI77))="×"</formula>
    </cfRule>
    <cfRule type="expression" dxfId="3830" priority="3835" stopIfTrue="1">
      <formula>ISBLANK(P77)=FALSE</formula>
    </cfRule>
  </conditionalFormatting>
  <conditionalFormatting sqref="S77:T78">
    <cfRule type="expression" dxfId="3829" priority="3826" stopIfTrue="1">
      <formula>ISBLANK(S77)=TRUE</formula>
    </cfRule>
    <cfRule type="expression" dxfId="3828" priority="3827" stopIfTrue="1">
      <formula>INDIRECT("第１の３表②!"&amp;CELL("address",CL77))="×××"</formula>
    </cfRule>
    <cfRule type="expression" dxfId="3827" priority="3828" stopIfTrue="1">
      <formula>INDIRECT("第１の３表②!"&amp;CELL("address",CL77))="××"</formula>
    </cfRule>
    <cfRule type="expression" dxfId="3826" priority="3829" stopIfTrue="1">
      <formula>INDIRECT("第１の３表②!"&amp;CELL("address",CL77))="×"</formula>
    </cfRule>
    <cfRule type="expression" dxfId="3825" priority="3830" stopIfTrue="1">
      <formula>ISBLANK(S77)=FALSE</formula>
    </cfRule>
  </conditionalFormatting>
  <conditionalFormatting sqref="S77:T78">
    <cfRule type="expression" dxfId="3824" priority="3821" stopIfTrue="1">
      <formula>ISBLANK(S77)=TRUE</formula>
    </cfRule>
    <cfRule type="expression" dxfId="3823" priority="3822" stopIfTrue="1">
      <formula>INDIRECT("第１の３表②!"&amp;CELL("address",CL77))="×××"</formula>
    </cfRule>
    <cfRule type="expression" dxfId="3822" priority="3823" stopIfTrue="1">
      <formula>INDIRECT("第１の３表②!"&amp;CELL("address",CL77))="××"</formula>
    </cfRule>
    <cfRule type="expression" dxfId="3821" priority="3824" stopIfTrue="1">
      <formula>INDIRECT("第１の３表②!"&amp;CELL("address",CL77))="×"</formula>
    </cfRule>
    <cfRule type="expression" dxfId="3820" priority="3825" stopIfTrue="1">
      <formula>ISBLANK(S77)=FALSE</formula>
    </cfRule>
  </conditionalFormatting>
  <conditionalFormatting sqref="S77:T78">
    <cfRule type="expression" dxfId="3819" priority="3816" stopIfTrue="1">
      <formula>ISBLANK(S77)=TRUE</formula>
    </cfRule>
    <cfRule type="expression" dxfId="3818" priority="3817" stopIfTrue="1">
      <formula>INDIRECT("第１の３表②!"&amp;CELL("address",CL77))="×××"</formula>
    </cfRule>
    <cfRule type="expression" dxfId="3817" priority="3818" stopIfTrue="1">
      <formula>INDIRECT("第１の３表②!"&amp;CELL("address",CL77))="××"</formula>
    </cfRule>
    <cfRule type="expression" dxfId="3816" priority="3819" stopIfTrue="1">
      <formula>INDIRECT("第１の３表②!"&amp;CELL("address",CL77))="×"</formula>
    </cfRule>
    <cfRule type="expression" dxfId="3815" priority="3820" stopIfTrue="1">
      <formula>ISBLANK(S77)=FALSE</formula>
    </cfRule>
  </conditionalFormatting>
  <conditionalFormatting sqref="V77:W78">
    <cfRule type="expression" dxfId="3814" priority="3811" stopIfTrue="1">
      <formula>ISBLANK(V77)=TRUE</formula>
    </cfRule>
    <cfRule type="expression" dxfId="3813" priority="3812" stopIfTrue="1">
      <formula>INDIRECT("第１の３表②!"&amp;CELL("address",CO77))="×××"</formula>
    </cfRule>
    <cfRule type="expression" dxfId="3812" priority="3813" stopIfTrue="1">
      <formula>INDIRECT("第１の３表②!"&amp;CELL("address",CO77))="××"</formula>
    </cfRule>
    <cfRule type="expression" dxfId="3811" priority="3814" stopIfTrue="1">
      <formula>INDIRECT("第１の３表②!"&amp;CELL("address",CO77))="×"</formula>
    </cfRule>
    <cfRule type="expression" dxfId="3810" priority="3815" stopIfTrue="1">
      <formula>ISBLANK(V77)=FALSE</formula>
    </cfRule>
  </conditionalFormatting>
  <conditionalFormatting sqref="V77:W78">
    <cfRule type="expression" dxfId="3809" priority="3806" stopIfTrue="1">
      <formula>ISBLANK(V77)=TRUE</formula>
    </cfRule>
    <cfRule type="expression" dxfId="3808" priority="3807" stopIfTrue="1">
      <formula>INDIRECT("第１の３表②!"&amp;CELL("address",CO77))="×××"</formula>
    </cfRule>
    <cfRule type="expression" dxfId="3807" priority="3808" stopIfTrue="1">
      <formula>INDIRECT("第１の３表②!"&amp;CELL("address",CO77))="××"</formula>
    </cfRule>
    <cfRule type="expression" dxfId="3806" priority="3809" stopIfTrue="1">
      <formula>INDIRECT("第１の３表②!"&amp;CELL("address",CO77))="×"</formula>
    </cfRule>
    <cfRule type="expression" dxfId="3805" priority="3810" stopIfTrue="1">
      <formula>ISBLANK(V77)=FALSE</formula>
    </cfRule>
  </conditionalFormatting>
  <conditionalFormatting sqref="V77:W78">
    <cfRule type="expression" dxfId="3804" priority="3801" stopIfTrue="1">
      <formula>ISBLANK(V77)=TRUE</formula>
    </cfRule>
    <cfRule type="expression" dxfId="3803" priority="3802" stopIfTrue="1">
      <formula>INDIRECT("第１の３表②!"&amp;CELL("address",CO77))="×××"</formula>
    </cfRule>
    <cfRule type="expression" dxfId="3802" priority="3803" stopIfTrue="1">
      <formula>INDIRECT("第１の３表②!"&amp;CELL("address",CO77))="××"</formula>
    </cfRule>
    <cfRule type="expression" dxfId="3801" priority="3804" stopIfTrue="1">
      <formula>INDIRECT("第１の３表②!"&amp;CELL("address",CO77))="×"</formula>
    </cfRule>
    <cfRule type="expression" dxfId="3800" priority="3805" stopIfTrue="1">
      <formula>ISBLANK(V77)=FALSE</formula>
    </cfRule>
  </conditionalFormatting>
  <conditionalFormatting sqref="Y77:Z78">
    <cfRule type="expression" dxfId="3799" priority="3796" stopIfTrue="1">
      <formula>ISBLANK(Y77)=TRUE</formula>
    </cfRule>
    <cfRule type="expression" dxfId="3798" priority="3797" stopIfTrue="1">
      <formula>INDIRECT("第１の３表②!"&amp;CELL("address",CR77))="×××"</formula>
    </cfRule>
    <cfRule type="expression" dxfId="3797" priority="3798" stopIfTrue="1">
      <formula>INDIRECT("第１の３表②!"&amp;CELL("address",CR77))="××"</formula>
    </cfRule>
    <cfRule type="expression" dxfId="3796" priority="3799" stopIfTrue="1">
      <formula>INDIRECT("第１の３表②!"&amp;CELL("address",CR77))="×"</formula>
    </cfRule>
    <cfRule type="expression" dxfId="3795" priority="3800" stopIfTrue="1">
      <formula>ISBLANK(Y77)=FALSE</formula>
    </cfRule>
  </conditionalFormatting>
  <conditionalFormatting sqref="Y77:Z78">
    <cfRule type="expression" dxfId="3794" priority="3791" stopIfTrue="1">
      <formula>ISBLANK(Y77)=TRUE</formula>
    </cfRule>
    <cfRule type="expression" dxfId="3793" priority="3792" stopIfTrue="1">
      <formula>INDIRECT("第１の３表②!"&amp;CELL("address",CR77))="×××"</formula>
    </cfRule>
    <cfRule type="expression" dxfId="3792" priority="3793" stopIfTrue="1">
      <formula>INDIRECT("第１の３表②!"&amp;CELL("address",CR77))="××"</formula>
    </cfRule>
    <cfRule type="expression" dxfId="3791" priority="3794" stopIfTrue="1">
      <formula>INDIRECT("第１の３表②!"&amp;CELL("address",CR77))="×"</formula>
    </cfRule>
    <cfRule type="expression" dxfId="3790" priority="3795" stopIfTrue="1">
      <formula>ISBLANK(Y77)=FALSE</formula>
    </cfRule>
  </conditionalFormatting>
  <conditionalFormatting sqref="Y77:Z78">
    <cfRule type="expression" dxfId="3789" priority="3786" stopIfTrue="1">
      <formula>ISBLANK(Y77)=TRUE</formula>
    </cfRule>
    <cfRule type="expression" dxfId="3788" priority="3787" stopIfTrue="1">
      <formula>INDIRECT("第１の３表②!"&amp;CELL("address",CR77))="×××"</formula>
    </cfRule>
    <cfRule type="expression" dxfId="3787" priority="3788" stopIfTrue="1">
      <formula>INDIRECT("第１の３表②!"&amp;CELL("address",CR77))="××"</formula>
    </cfRule>
    <cfRule type="expression" dxfId="3786" priority="3789" stopIfTrue="1">
      <formula>INDIRECT("第１の３表②!"&amp;CELL("address",CR77))="×"</formula>
    </cfRule>
    <cfRule type="expression" dxfId="3785" priority="3790" stopIfTrue="1">
      <formula>ISBLANK(Y77)=FALSE</formula>
    </cfRule>
  </conditionalFormatting>
  <conditionalFormatting sqref="AB77:AC78">
    <cfRule type="expression" dxfId="3784" priority="3781" stopIfTrue="1">
      <formula>ISBLANK(AB77)=TRUE</formula>
    </cfRule>
    <cfRule type="expression" dxfId="3783" priority="3782" stopIfTrue="1">
      <formula>INDIRECT("第１の３表②!"&amp;CELL("address",CU77))="×××"</formula>
    </cfRule>
    <cfRule type="expression" dxfId="3782" priority="3783" stopIfTrue="1">
      <formula>INDIRECT("第１の３表②!"&amp;CELL("address",CU77))="××"</formula>
    </cfRule>
    <cfRule type="expression" dxfId="3781" priority="3784" stopIfTrue="1">
      <formula>INDIRECT("第１の３表②!"&amp;CELL("address",CU77))="×"</formula>
    </cfRule>
    <cfRule type="expression" dxfId="3780" priority="3785" stopIfTrue="1">
      <formula>ISBLANK(AB77)=FALSE</formula>
    </cfRule>
  </conditionalFormatting>
  <conditionalFormatting sqref="AB77:AC78">
    <cfRule type="expression" dxfId="3779" priority="3776" stopIfTrue="1">
      <formula>ISBLANK(AB77)=TRUE</formula>
    </cfRule>
    <cfRule type="expression" dxfId="3778" priority="3777" stopIfTrue="1">
      <formula>INDIRECT("第１の３表②!"&amp;CELL("address",CU77))="×××"</formula>
    </cfRule>
    <cfRule type="expression" dxfId="3777" priority="3778" stopIfTrue="1">
      <formula>INDIRECT("第１の３表②!"&amp;CELL("address",CU77))="××"</formula>
    </cfRule>
    <cfRule type="expression" dxfId="3776" priority="3779" stopIfTrue="1">
      <formula>INDIRECT("第１の３表②!"&amp;CELL("address",CU77))="×"</formula>
    </cfRule>
    <cfRule type="expression" dxfId="3775" priority="3780" stopIfTrue="1">
      <formula>ISBLANK(AB77)=FALSE</formula>
    </cfRule>
  </conditionalFormatting>
  <conditionalFormatting sqref="AB77:AC78">
    <cfRule type="expression" dxfId="3774" priority="3771" stopIfTrue="1">
      <formula>ISBLANK(AB77)=TRUE</formula>
    </cfRule>
    <cfRule type="expression" dxfId="3773" priority="3772" stopIfTrue="1">
      <formula>INDIRECT("第１の３表②!"&amp;CELL("address",CU77))="×××"</formula>
    </cfRule>
    <cfRule type="expression" dxfId="3772" priority="3773" stopIfTrue="1">
      <formula>INDIRECT("第１の３表②!"&amp;CELL("address",CU77))="××"</formula>
    </cfRule>
    <cfRule type="expression" dxfId="3771" priority="3774" stopIfTrue="1">
      <formula>INDIRECT("第１の３表②!"&amp;CELL("address",CU77))="×"</formula>
    </cfRule>
    <cfRule type="expression" dxfId="3770" priority="3775" stopIfTrue="1">
      <formula>ISBLANK(AB77)=FALSE</formula>
    </cfRule>
  </conditionalFormatting>
  <conditionalFormatting sqref="AE77:AF78">
    <cfRule type="expression" dxfId="3769" priority="3766" stopIfTrue="1">
      <formula>ISBLANK(AE77)=TRUE</formula>
    </cfRule>
    <cfRule type="expression" dxfId="3768" priority="3767" stopIfTrue="1">
      <formula>INDIRECT("第１の３表②!"&amp;CELL("address",CX77))="×××"</formula>
    </cfRule>
    <cfRule type="expression" dxfId="3767" priority="3768" stopIfTrue="1">
      <formula>INDIRECT("第１の３表②!"&amp;CELL("address",CX77))="××"</formula>
    </cfRule>
    <cfRule type="expression" dxfId="3766" priority="3769" stopIfTrue="1">
      <formula>INDIRECT("第１の３表②!"&amp;CELL("address",CX77))="×"</formula>
    </cfRule>
    <cfRule type="expression" dxfId="3765" priority="3770" stopIfTrue="1">
      <formula>ISBLANK(AE77)=FALSE</formula>
    </cfRule>
  </conditionalFormatting>
  <conditionalFormatting sqref="AE77:AF78">
    <cfRule type="expression" dxfId="3764" priority="3761" stopIfTrue="1">
      <formula>ISBLANK(AE77)=TRUE</formula>
    </cfRule>
    <cfRule type="expression" dxfId="3763" priority="3762" stopIfTrue="1">
      <formula>INDIRECT("第１の３表②!"&amp;CELL("address",CX77))="×××"</formula>
    </cfRule>
    <cfRule type="expression" dxfId="3762" priority="3763" stopIfTrue="1">
      <formula>INDIRECT("第１の３表②!"&amp;CELL("address",CX77))="××"</formula>
    </cfRule>
    <cfRule type="expression" dxfId="3761" priority="3764" stopIfTrue="1">
      <formula>INDIRECT("第１の３表②!"&amp;CELL("address",CX77))="×"</formula>
    </cfRule>
    <cfRule type="expression" dxfId="3760" priority="3765" stopIfTrue="1">
      <formula>ISBLANK(AE77)=FALSE</formula>
    </cfRule>
  </conditionalFormatting>
  <conditionalFormatting sqref="AE77:AF78">
    <cfRule type="expression" dxfId="3759" priority="3756" stopIfTrue="1">
      <formula>ISBLANK(AE77)=TRUE</formula>
    </cfRule>
    <cfRule type="expression" dxfId="3758" priority="3757" stopIfTrue="1">
      <formula>INDIRECT("第１の３表②!"&amp;CELL("address",CX77))="×××"</formula>
    </cfRule>
    <cfRule type="expression" dxfId="3757" priority="3758" stopIfTrue="1">
      <formula>INDIRECT("第１の３表②!"&amp;CELL("address",CX77))="××"</formula>
    </cfRule>
    <cfRule type="expression" dxfId="3756" priority="3759" stopIfTrue="1">
      <formula>INDIRECT("第１の３表②!"&amp;CELL("address",CX77))="×"</formula>
    </cfRule>
    <cfRule type="expression" dxfId="3755" priority="3760" stopIfTrue="1">
      <formula>ISBLANK(AE77)=FALSE</formula>
    </cfRule>
  </conditionalFormatting>
  <conditionalFormatting sqref="AH77:AI78">
    <cfRule type="expression" dxfId="3754" priority="3751" stopIfTrue="1">
      <formula>ISBLANK(AH77)=TRUE</formula>
    </cfRule>
    <cfRule type="expression" dxfId="3753" priority="3752" stopIfTrue="1">
      <formula>INDIRECT("第１の３表②!"&amp;CELL("address",DA77))="×××"</formula>
    </cfRule>
    <cfRule type="expression" dxfId="3752" priority="3753" stopIfTrue="1">
      <formula>INDIRECT("第１の３表②!"&amp;CELL("address",DA77))="××"</formula>
    </cfRule>
    <cfRule type="expression" dxfId="3751" priority="3754" stopIfTrue="1">
      <formula>INDIRECT("第１の３表②!"&amp;CELL("address",DA77))="×"</formula>
    </cfRule>
    <cfRule type="expression" dxfId="3750" priority="3755" stopIfTrue="1">
      <formula>ISBLANK(AH77)=FALSE</formula>
    </cfRule>
  </conditionalFormatting>
  <conditionalFormatting sqref="AH77:AI78">
    <cfRule type="expression" dxfId="3749" priority="3746" stopIfTrue="1">
      <formula>ISBLANK(AH77)=TRUE</formula>
    </cfRule>
    <cfRule type="expression" dxfId="3748" priority="3747" stopIfTrue="1">
      <formula>INDIRECT("第１の３表②!"&amp;CELL("address",DA77))="×××"</formula>
    </cfRule>
    <cfRule type="expression" dxfId="3747" priority="3748" stopIfTrue="1">
      <formula>INDIRECT("第１の３表②!"&amp;CELL("address",DA77))="××"</formula>
    </cfRule>
    <cfRule type="expression" dxfId="3746" priority="3749" stopIfTrue="1">
      <formula>INDIRECT("第１の３表②!"&amp;CELL("address",DA77))="×"</formula>
    </cfRule>
    <cfRule type="expression" dxfId="3745" priority="3750" stopIfTrue="1">
      <formula>ISBLANK(AH77)=FALSE</formula>
    </cfRule>
  </conditionalFormatting>
  <conditionalFormatting sqref="AH77:AI78">
    <cfRule type="expression" dxfId="3744" priority="3741" stopIfTrue="1">
      <formula>ISBLANK(AH77)=TRUE</formula>
    </cfRule>
    <cfRule type="expression" dxfId="3743" priority="3742" stopIfTrue="1">
      <formula>INDIRECT("第１の３表②!"&amp;CELL("address",DA77))="×××"</formula>
    </cfRule>
    <cfRule type="expression" dxfId="3742" priority="3743" stopIfTrue="1">
      <formula>INDIRECT("第１の３表②!"&amp;CELL("address",DA77))="××"</formula>
    </cfRule>
    <cfRule type="expression" dxfId="3741" priority="3744" stopIfTrue="1">
      <formula>INDIRECT("第１の３表②!"&amp;CELL("address",DA77))="×"</formula>
    </cfRule>
    <cfRule type="expression" dxfId="3740" priority="3745" stopIfTrue="1">
      <formula>ISBLANK(AH77)=FALSE</formula>
    </cfRule>
  </conditionalFormatting>
  <conditionalFormatting sqref="AK77:AL78">
    <cfRule type="expression" dxfId="3739" priority="3736" stopIfTrue="1">
      <formula>ISBLANK(AK77)=TRUE</formula>
    </cfRule>
    <cfRule type="expression" dxfId="3738" priority="3737" stopIfTrue="1">
      <formula>INDIRECT("第１の３表②!"&amp;CELL("address",DD77))="×××"</formula>
    </cfRule>
    <cfRule type="expression" dxfId="3737" priority="3738" stopIfTrue="1">
      <formula>INDIRECT("第１の３表②!"&amp;CELL("address",DD77))="××"</formula>
    </cfRule>
    <cfRule type="expression" dxfId="3736" priority="3739" stopIfTrue="1">
      <formula>INDIRECT("第１の３表②!"&amp;CELL("address",DD77))="×"</formula>
    </cfRule>
    <cfRule type="expression" dxfId="3735" priority="3740" stopIfTrue="1">
      <formula>ISBLANK(AK77)=FALSE</formula>
    </cfRule>
  </conditionalFormatting>
  <conditionalFormatting sqref="AK77:AL78">
    <cfRule type="expression" dxfId="3734" priority="3731" stopIfTrue="1">
      <formula>ISBLANK(AK77)=TRUE</formula>
    </cfRule>
    <cfRule type="expression" dxfId="3733" priority="3732" stopIfTrue="1">
      <formula>INDIRECT("第１の３表②!"&amp;CELL("address",DD77))="×××"</formula>
    </cfRule>
    <cfRule type="expression" dxfId="3732" priority="3733" stopIfTrue="1">
      <formula>INDIRECT("第１の３表②!"&amp;CELL("address",DD77))="××"</formula>
    </cfRule>
    <cfRule type="expression" dxfId="3731" priority="3734" stopIfTrue="1">
      <formula>INDIRECT("第１の３表②!"&amp;CELL("address",DD77))="×"</formula>
    </cfRule>
    <cfRule type="expression" dxfId="3730" priority="3735" stopIfTrue="1">
      <formula>ISBLANK(AK77)=FALSE</formula>
    </cfRule>
  </conditionalFormatting>
  <conditionalFormatting sqref="AK77:AL78">
    <cfRule type="expression" dxfId="3729" priority="3726" stopIfTrue="1">
      <formula>ISBLANK(AK77)=TRUE</formula>
    </cfRule>
    <cfRule type="expression" dxfId="3728" priority="3727" stopIfTrue="1">
      <formula>INDIRECT("第１の３表②!"&amp;CELL("address",DD77))="×××"</formula>
    </cfRule>
    <cfRule type="expression" dxfId="3727" priority="3728" stopIfTrue="1">
      <formula>INDIRECT("第１の３表②!"&amp;CELL("address",DD77))="××"</formula>
    </cfRule>
    <cfRule type="expression" dxfId="3726" priority="3729" stopIfTrue="1">
      <formula>INDIRECT("第１の３表②!"&amp;CELL("address",DD77))="×"</formula>
    </cfRule>
    <cfRule type="expression" dxfId="3725" priority="3730" stopIfTrue="1">
      <formula>ISBLANK(AK77)=FALSE</formula>
    </cfRule>
  </conditionalFormatting>
  <conditionalFormatting sqref="AN77:AO78">
    <cfRule type="expression" dxfId="3724" priority="3721" stopIfTrue="1">
      <formula>ISBLANK(AN77)=TRUE</formula>
    </cfRule>
    <cfRule type="expression" dxfId="3723" priority="3722" stopIfTrue="1">
      <formula>INDIRECT("第１の３表②!"&amp;CELL("address",DG77))="×××"</formula>
    </cfRule>
    <cfRule type="expression" dxfId="3722" priority="3723" stopIfTrue="1">
      <formula>INDIRECT("第１の３表②!"&amp;CELL("address",DG77))="××"</formula>
    </cfRule>
    <cfRule type="expression" dxfId="3721" priority="3724" stopIfTrue="1">
      <formula>INDIRECT("第１の３表②!"&amp;CELL("address",DG77))="×"</formula>
    </cfRule>
    <cfRule type="expression" dxfId="3720" priority="3725" stopIfTrue="1">
      <formula>ISBLANK(AN77)=FALSE</formula>
    </cfRule>
  </conditionalFormatting>
  <conditionalFormatting sqref="AN77:AO78">
    <cfRule type="expression" dxfId="3719" priority="3716" stopIfTrue="1">
      <formula>ISBLANK(AN77)=TRUE</formula>
    </cfRule>
    <cfRule type="expression" dxfId="3718" priority="3717" stopIfTrue="1">
      <formula>INDIRECT("第１の３表②!"&amp;CELL("address",DG77))="×××"</formula>
    </cfRule>
    <cfRule type="expression" dxfId="3717" priority="3718" stopIfTrue="1">
      <formula>INDIRECT("第１の３表②!"&amp;CELL("address",DG77))="××"</formula>
    </cfRule>
    <cfRule type="expression" dxfId="3716" priority="3719" stopIfTrue="1">
      <formula>INDIRECT("第１の３表②!"&amp;CELL("address",DG77))="×"</formula>
    </cfRule>
    <cfRule type="expression" dxfId="3715" priority="3720" stopIfTrue="1">
      <formula>ISBLANK(AN77)=FALSE</formula>
    </cfRule>
  </conditionalFormatting>
  <conditionalFormatting sqref="AN77:AO78">
    <cfRule type="expression" dxfId="3714" priority="3711" stopIfTrue="1">
      <formula>ISBLANK(AN77)=TRUE</formula>
    </cfRule>
    <cfRule type="expression" dxfId="3713" priority="3712" stopIfTrue="1">
      <formula>INDIRECT("第１の３表②!"&amp;CELL("address",DG77))="×××"</formula>
    </cfRule>
    <cfRule type="expression" dxfId="3712" priority="3713" stopIfTrue="1">
      <formula>INDIRECT("第１の３表②!"&amp;CELL("address",DG77))="××"</formula>
    </cfRule>
    <cfRule type="expression" dxfId="3711" priority="3714" stopIfTrue="1">
      <formula>INDIRECT("第１の３表②!"&amp;CELL("address",DG77))="×"</formula>
    </cfRule>
    <cfRule type="expression" dxfId="3710" priority="3715" stopIfTrue="1">
      <formula>ISBLANK(AN77)=FALSE</formula>
    </cfRule>
  </conditionalFormatting>
  <conditionalFormatting sqref="AQ77:AR78">
    <cfRule type="expression" dxfId="3709" priority="3706" stopIfTrue="1">
      <formula>ISBLANK(AQ77)=TRUE</formula>
    </cfRule>
    <cfRule type="expression" dxfId="3708" priority="3707" stopIfTrue="1">
      <formula>INDIRECT("第１の３表②!"&amp;CELL("address",DJ77))="×××"</formula>
    </cfRule>
    <cfRule type="expression" dxfId="3707" priority="3708" stopIfTrue="1">
      <formula>INDIRECT("第１の３表②!"&amp;CELL("address",DJ77))="××"</formula>
    </cfRule>
    <cfRule type="expression" dxfId="3706" priority="3709" stopIfTrue="1">
      <formula>INDIRECT("第１の３表②!"&amp;CELL("address",DJ77))="×"</formula>
    </cfRule>
    <cfRule type="expression" dxfId="3705" priority="3710" stopIfTrue="1">
      <formula>ISBLANK(AQ77)=FALSE</formula>
    </cfRule>
  </conditionalFormatting>
  <conditionalFormatting sqref="AQ77:AR78">
    <cfRule type="expression" dxfId="3704" priority="3701" stopIfTrue="1">
      <formula>ISBLANK(AQ77)=TRUE</formula>
    </cfRule>
    <cfRule type="expression" dxfId="3703" priority="3702" stopIfTrue="1">
      <formula>INDIRECT("第１の３表②!"&amp;CELL("address",DJ77))="×××"</formula>
    </cfRule>
    <cfRule type="expression" dxfId="3702" priority="3703" stopIfTrue="1">
      <formula>INDIRECT("第１の３表②!"&amp;CELL("address",DJ77))="××"</formula>
    </cfRule>
    <cfRule type="expression" dxfId="3701" priority="3704" stopIfTrue="1">
      <formula>INDIRECT("第１の３表②!"&amp;CELL("address",DJ77))="×"</formula>
    </cfRule>
    <cfRule type="expression" dxfId="3700" priority="3705" stopIfTrue="1">
      <formula>ISBLANK(AQ77)=FALSE</formula>
    </cfRule>
  </conditionalFormatting>
  <conditionalFormatting sqref="AQ77:AR78">
    <cfRule type="expression" dxfId="3699" priority="3696" stopIfTrue="1">
      <formula>ISBLANK(AQ77)=TRUE</formula>
    </cfRule>
    <cfRule type="expression" dxfId="3698" priority="3697" stopIfTrue="1">
      <formula>INDIRECT("第１の３表②!"&amp;CELL("address",DJ77))="×××"</formula>
    </cfRule>
    <cfRule type="expression" dxfId="3697" priority="3698" stopIfTrue="1">
      <formula>INDIRECT("第１の３表②!"&amp;CELL("address",DJ77))="××"</formula>
    </cfRule>
    <cfRule type="expression" dxfId="3696" priority="3699" stopIfTrue="1">
      <formula>INDIRECT("第１の３表②!"&amp;CELL("address",DJ77))="×"</formula>
    </cfRule>
    <cfRule type="expression" dxfId="3695" priority="3700" stopIfTrue="1">
      <formula>ISBLANK(AQ77)=FALSE</formula>
    </cfRule>
  </conditionalFormatting>
  <conditionalFormatting sqref="AT77:AU78">
    <cfRule type="expression" dxfId="3694" priority="3691" stopIfTrue="1">
      <formula>ISBLANK(AT77)=TRUE</formula>
    </cfRule>
    <cfRule type="expression" dxfId="3693" priority="3692" stopIfTrue="1">
      <formula>INDIRECT("第１の３表②!"&amp;CELL("address",DM77))="×××"</formula>
    </cfRule>
    <cfRule type="expression" dxfId="3692" priority="3693" stopIfTrue="1">
      <formula>INDIRECT("第１の３表②!"&amp;CELL("address",DM77))="××"</formula>
    </cfRule>
    <cfRule type="expression" dxfId="3691" priority="3694" stopIfTrue="1">
      <formula>INDIRECT("第１の３表②!"&amp;CELL("address",DM77))="×"</formula>
    </cfRule>
    <cfRule type="expression" dxfId="3690" priority="3695" stopIfTrue="1">
      <formula>ISBLANK(AT77)=FALSE</formula>
    </cfRule>
  </conditionalFormatting>
  <conditionalFormatting sqref="AT77:AU78">
    <cfRule type="expression" dxfId="3689" priority="3686" stopIfTrue="1">
      <formula>ISBLANK(AT77)=TRUE</formula>
    </cfRule>
    <cfRule type="expression" dxfId="3688" priority="3687" stopIfTrue="1">
      <formula>INDIRECT("第１の３表②!"&amp;CELL("address",DM77))="×××"</formula>
    </cfRule>
    <cfRule type="expression" dxfId="3687" priority="3688" stopIfTrue="1">
      <formula>INDIRECT("第１の３表②!"&amp;CELL("address",DM77))="××"</formula>
    </cfRule>
    <cfRule type="expression" dxfId="3686" priority="3689" stopIfTrue="1">
      <formula>INDIRECT("第１の３表②!"&amp;CELL("address",DM77))="×"</formula>
    </cfRule>
    <cfRule type="expression" dxfId="3685" priority="3690" stopIfTrue="1">
      <formula>ISBLANK(AT77)=FALSE</formula>
    </cfRule>
  </conditionalFormatting>
  <conditionalFormatting sqref="AT77:AU78">
    <cfRule type="expression" dxfId="3684" priority="3681" stopIfTrue="1">
      <formula>ISBLANK(AT77)=TRUE</formula>
    </cfRule>
    <cfRule type="expression" dxfId="3683" priority="3682" stopIfTrue="1">
      <formula>INDIRECT("第１の３表②!"&amp;CELL("address",DM77))="×××"</formula>
    </cfRule>
    <cfRule type="expression" dxfId="3682" priority="3683" stopIfTrue="1">
      <formula>INDIRECT("第１の３表②!"&amp;CELL("address",DM77))="××"</formula>
    </cfRule>
    <cfRule type="expression" dxfId="3681" priority="3684" stopIfTrue="1">
      <formula>INDIRECT("第１の３表②!"&amp;CELL("address",DM77))="×"</formula>
    </cfRule>
    <cfRule type="expression" dxfId="3680" priority="3685" stopIfTrue="1">
      <formula>ISBLANK(AT77)=FALSE</formula>
    </cfRule>
  </conditionalFormatting>
  <conditionalFormatting sqref="AW77:AX78">
    <cfRule type="expression" dxfId="3679" priority="3676" stopIfTrue="1">
      <formula>ISBLANK(AW77)=TRUE</formula>
    </cfRule>
    <cfRule type="expression" dxfId="3678" priority="3677" stopIfTrue="1">
      <formula>INDIRECT("第１の３表②!"&amp;CELL("address",DP77))="×××"</formula>
    </cfRule>
    <cfRule type="expression" dxfId="3677" priority="3678" stopIfTrue="1">
      <formula>INDIRECT("第１の３表②!"&amp;CELL("address",DP77))="××"</formula>
    </cfRule>
    <cfRule type="expression" dxfId="3676" priority="3679" stopIfTrue="1">
      <formula>INDIRECT("第１の３表②!"&amp;CELL("address",DP77))="×"</formula>
    </cfRule>
    <cfRule type="expression" dxfId="3675" priority="3680" stopIfTrue="1">
      <formula>ISBLANK(AW77)=FALSE</formula>
    </cfRule>
  </conditionalFormatting>
  <conditionalFormatting sqref="AW77:AX78">
    <cfRule type="expression" dxfId="3674" priority="3671" stopIfTrue="1">
      <formula>ISBLANK(AW77)=TRUE</formula>
    </cfRule>
    <cfRule type="expression" dxfId="3673" priority="3672" stopIfTrue="1">
      <formula>INDIRECT("第１の３表②!"&amp;CELL("address",DP77))="×××"</formula>
    </cfRule>
    <cfRule type="expression" dxfId="3672" priority="3673" stopIfTrue="1">
      <formula>INDIRECT("第１の３表②!"&amp;CELL("address",DP77))="××"</formula>
    </cfRule>
    <cfRule type="expression" dxfId="3671" priority="3674" stopIfTrue="1">
      <formula>INDIRECT("第１の３表②!"&amp;CELL("address",DP77))="×"</formula>
    </cfRule>
    <cfRule type="expression" dxfId="3670" priority="3675" stopIfTrue="1">
      <formula>ISBLANK(AW77)=FALSE</formula>
    </cfRule>
  </conditionalFormatting>
  <conditionalFormatting sqref="AW77:AX78">
    <cfRule type="expression" dxfId="3669" priority="3666" stopIfTrue="1">
      <formula>ISBLANK(AW77)=TRUE</formula>
    </cfRule>
    <cfRule type="expression" dxfId="3668" priority="3667" stopIfTrue="1">
      <formula>INDIRECT("第１の３表②!"&amp;CELL("address",DP77))="×××"</formula>
    </cfRule>
    <cfRule type="expression" dxfId="3667" priority="3668" stopIfTrue="1">
      <formula>INDIRECT("第１の３表②!"&amp;CELL("address",DP77))="××"</formula>
    </cfRule>
    <cfRule type="expression" dxfId="3666" priority="3669" stopIfTrue="1">
      <formula>INDIRECT("第１の３表②!"&amp;CELL("address",DP77))="×"</formula>
    </cfRule>
    <cfRule type="expression" dxfId="3665" priority="3670" stopIfTrue="1">
      <formula>ISBLANK(AW77)=FALSE</formula>
    </cfRule>
  </conditionalFormatting>
  <conditionalFormatting sqref="AZ77:BA78">
    <cfRule type="expression" dxfId="3664" priority="3661" stopIfTrue="1">
      <formula>ISBLANK(AZ77)=TRUE</formula>
    </cfRule>
    <cfRule type="expression" dxfId="3663" priority="3662" stopIfTrue="1">
      <formula>INDIRECT("第１の３表②!"&amp;CELL("address",DS77))="×××"</formula>
    </cfRule>
    <cfRule type="expression" dxfId="3662" priority="3663" stopIfTrue="1">
      <formula>INDIRECT("第１の３表②!"&amp;CELL("address",DS77))="××"</formula>
    </cfRule>
    <cfRule type="expression" dxfId="3661" priority="3664" stopIfTrue="1">
      <formula>INDIRECT("第１の３表②!"&amp;CELL("address",DS77))="×"</formula>
    </cfRule>
    <cfRule type="expression" dxfId="3660" priority="3665" stopIfTrue="1">
      <formula>ISBLANK(AZ77)=FALSE</formula>
    </cfRule>
  </conditionalFormatting>
  <conditionalFormatting sqref="AZ77:BA78">
    <cfRule type="expression" dxfId="3659" priority="3656" stopIfTrue="1">
      <formula>ISBLANK(AZ77)=TRUE</formula>
    </cfRule>
    <cfRule type="expression" dxfId="3658" priority="3657" stopIfTrue="1">
      <formula>INDIRECT("第１の３表②!"&amp;CELL("address",DS77))="×××"</formula>
    </cfRule>
    <cfRule type="expression" dxfId="3657" priority="3658" stopIfTrue="1">
      <formula>INDIRECT("第１の３表②!"&amp;CELL("address",DS77))="××"</formula>
    </cfRule>
    <cfRule type="expression" dxfId="3656" priority="3659" stopIfTrue="1">
      <formula>INDIRECT("第１の３表②!"&amp;CELL("address",DS77))="×"</formula>
    </cfRule>
    <cfRule type="expression" dxfId="3655" priority="3660" stopIfTrue="1">
      <formula>ISBLANK(AZ77)=FALSE</formula>
    </cfRule>
  </conditionalFormatting>
  <conditionalFormatting sqref="AZ77:BA78">
    <cfRule type="expression" dxfId="3654" priority="3651" stopIfTrue="1">
      <formula>ISBLANK(AZ77)=TRUE</formula>
    </cfRule>
    <cfRule type="expression" dxfId="3653" priority="3652" stopIfTrue="1">
      <formula>INDIRECT("第１の３表②!"&amp;CELL("address",DS77))="×××"</formula>
    </cfRule>
    <cfRule type="expression" dxfId="3652" priority="3653" stopIfTrue="1">
      <formula>INDIRECT("第１の３表②!"&amp;CELL("address",DS77))="××"</formula>
    </cfRule>
    <cfRule type="expression" dxfId="3651" priority="3654" stopIfTrue="1">
      <formula>INDIRECT("第１の３表②!"&amp;CELL("address",DS77))="×"</formula>
    </cfRule>
    <cfRule type="expression" dxfId="3650" priority="3655" stopIfTrue="1">
      <formula>ISBLANK(AZ77)=FALSE</formula>
    </cfRule>
  </conditionalFormatting>
  <conditionalFormatting sqref="BC77:BD78">
    <cfRule type="expression" dxfId="3649" priority="3646" stopIfTrue="1">
      <formula>ISBLANK(BC77)=TRUE</formula>
    </cfRule>
    <cfRule type="expression" dxfId="3648" priority="3647" stopIfTrue="1">
      <formula>INDIRECT("第１の３表②!"&amp;CELL("address",DV77))="×××"</formula>
    </cfRule>
    <cfRule type="expression" dxfId="3647" priority="3648" stopIfTrue="1">
      <formula>INDIRECT("第１の３表②!"&amp;CELL("address",DV77))="××"</formula>
    </cfRule>
    <cfRule type="expression" dxfId="3646" priority="3649" stopIfTrue="1">
      <formula>INDIRECT("第１の３表②!"&amp;CELL("address",DV77))="×"</formula>
    </cfRule>
    <cfRule type="expression" dxfId="3645" priority="3650" stopIfTrue="1">
      <formula>ISBLANK(BC77)=FALSE</formula>
    </cfRule>
  </conditionalFormatting>
  <conditionalFormatting sqref="BC77:BD78">
    <cfRule type="expression" dxfId="3644" priority="3641" stopIfTrue="1">
      <formula>ISBLANK(BC77)=TRUE</formula>
    </cfRule>
    <cfRule type="expression" dxfId="3643" priority="3642" stopIfTrue="1">
      <formula>INDIRECT("第１の３表②!"&amp;CELL("address",DV77))="×××"</formula>
    </cfRule>
    <cfRule type="expression" dxfId="3642" priority="3643" stopIfTrue="1">
      <formula>INDIRECT("第１の３表②!"&amp;CELL("address",DV77))="××"</formula>
    </cfRule>
    <cfRule type="expression" dxfId="3641" priority="3644" stopIfTrue="1">
      <formula>INDIRECT("第１の３表②!"&amp;CELL("address",DV77))="×"</formula>
    </cfRule>
    <cfRule type="expression" dxfId="3640" priority="3645" stopIfTrue="1">
      <formula>ISBLANK(BC77)=FALSE</formula>
    </cfRule>
  </conditionalFormatting>
  <conditionalFormatting sqref="BC77:BD78">
    <cfRule type="expression" dxfId="3639" priority="3636" stopIfTrue="1">
      <formula>ISBLANK(BC77)=TRUE</formula>
    </cfRule>
    <cfRule type="expression" dxfId="3638" priority="3637" stopIfTrue="1">
      <formula>INDIRECT("第１の３表②!"&amp;CELL("address",DV77))="×××"</formula>
    </cfRule>
    <cfRule type="expression" dxfId="3637" priority="3638" stopIfTrue="1">
      <formula>INDIRECT("第１の３表②!"&amp;CELL("address",DV77))="××"</formula>
    </cfRule>
    <cfRule type="expression" dxfId="3636" priority="3639" stopIfTrue="1">
      <formula>INDIRECT("第１の３表②!"&amp;CELL("address",DV77))="×"</formula>
    </cfRule>
    <cfRule type="expression" dxfId="3635" priority="3640" stopIfTrue="1">
      <formula>ISBLANK(BC77)=FALSE</formula>
    </cfRule>
  </conditionalFormatting>
  <conditionalFormatting sqref="BF77:BG78">
    <cfRule type="expression" dxfId="3634" priority="3631" stopIfTrue="1">
      <formula>ISBLANK(BF77)=TRUE</formula>
    </cfRule>
    <cfRule type="expression" dxfId="3633" priority="3632" stopIfTrue="1">
      <formula>INDIRECT("第１の３表②!"&amp;CELL("address",DY77))="×××"</formula>
    </cfRule>
    <cfRule type="expression" dxfId="3632" priority="3633" stopIfTrue="1">
      <formula>INDIRECT("第１の３表②!"&amp;CELL("address",DY77))="××"</formula>
    </cfRule>
    <cfRule type="expression" dxfId="3631" priority="3634" stopIfTrue="1">
      <formula>INDIRECT("第１の３表②!"&amp;CELL("address",DY77))="×"</formula>
    </cfRule>
    <cfRule type="expression" dxfId="3630" priority="3635" stopIfTrue="1">
      <formula>ISBLANK(BF77)=FALSE</formula>
    </cfRule>
  </conditionalFormatting>
  <conditionalFormatting sqref="BF77:BG78">
    <cfRule type="expression" dxfId="3629" priority="3626" stopIfTrue="1">
      <formula>ISBLANK(BF77)=TRUE</formula>
    </cfRule>
    <cfRule type="expression" dxfId="3628" priority="3627" stopIfTrue="1">
      <formula>INDIRECT("第１の３表②!"&amp;CELL("address",DY77))="×××"</formula>
    </cfRule>
    <cfRule type="expression" dxfId="3627" priority="3628" stopIfTrue="1">
      <formula>INDIRECT("第１の３表②!"&amp;CELL("address",DY77))="××"</formula>
    </cfRule>
    <cfRule type="expression" dxfId="3626" priority="3629" stopIfTrue="1">
      <formula>INDIRECT("第１の３表②!"&amp;CELL("address",DY77))="×"</formula>
    </cfRule>
    <cfRule type="expression" dxfId="3625" priority="3630" stopIfTrue="1">
      <formula>ISBLANK(BF77)=FALSE</formula>
    </cfRule>
  </conditionalFormatting>
  <conditionalFormatting sqref="BF77:BG78">
    <cfRule type="expression" dxfId="3624" priority="3621" stopIfTrue="1">
      <formula>ISBLANK(BF77)=TRUE</formula>
    </cfRule>
    <cfRule type="expression" dxfId="3623" priority="3622" stopIfTrue="1">
      <formula>INDIRECT("第１の３表②!"&amp;CELL("address",DY77))="×××"</formula>
    </cfRule>
    <cfRule type="expression" dxfId="3622" priority="3623" stopIfTrue="1">
      <formula>INDIRECT("第１の３表②!"&amp;CELL("address",DY77))="××"</formula>
    </cfRule>
    <cfRule type="expression" dxfId="3621" priority="3624" stopIfTrue="1">
      <formula>INDIRECT("第１の３表②!"&amp;CELL("address",DY77))="×"</formula>
    </cfRule>
    <cfRule type="expression" dxfId="3620" priority="3625" stopIfTrue="1">
      <formula>ISBLANK(BF77)=FALSE</formula>
    </cfRule>
  </conditionalFormatting>
  <conditionalFormatting sqref="BI77:BJ78">
    <cfRule type="expression" dxfId="3619" priority="3616" stopIfTrue="1">
      <formula>ISBLANK(BI77)=TRUE</formula>
    </cfRule>
    <cfRule type="expression" dxfId="3618" priority="3617" stopIfTrue="1">
      <formula>INDIRECT("第１の３表②!"&amp;CELL("address",EB77))="×××"</formula>
    </cfRule>
    <cfRule type="expression" dxfId="3617" priority="3618" stopIfTrue="1">
      <formula>INDIRECT("第１の３表②!"&amp;CELL("address",EB77))="××"</formula>
    </cfRule>
    <cfRule type="expression" dxfId="3616" priority="3619" stopIfTrue="1">
      <formula>INDIRECT("第１の３表②!"&amp;CELL("address",EB77))="×"</formula>
    </cfRule>
    <cfRule type="expression" dxfId="3615" priority="3620" stopIfTrue="1">
      <formula>ISBLANK(BI77)=FALSE</formula>
    </cfRule>
  </conditionalFormatting>
  <conditionalFormatting sqref="BI77:BJ78">
    <cfRule type="expression" dxfId="3614" priority="3611" stopIfTrue="1">
      <formula>ISBLANK(BI77)=TRUE</formula>
    </cfRule>
    <cfRule type="expression" dxfId="3613" priority="3612" stopIfTrue="1">
      <formula>INDIRECT("第１の３表②!"&amp;CELL("address",EB77))="×××"</formula>
    </cfRule>
    <cfRule type="expression" dxfId="3612" priority="3613" stopIfTrue="1">
      <formula>INDIRECT("第１の３表②!"&amp;CELL("address",EB77))="××"</formula>
    </cfRule>
    <cfRule type="expression" dxfId="3611" priority="3614" stopIfTrue="1">
      <formula>INDIRECT("第１の３表②!"&amp;CELL("address",EB77))="×"</formula>
    </cfRule>
    <cfRule type="expression" dxfId="3610" priority="3615" stopIfTrue="1">
      <formula>ISBLANK(BI77)=FALSE</formula>
    </cfRule>
  </conditionalFormatting>
  <conditionalFormatting sqref="BI77:BJ78">
    <cfRule type="expression" dxfId="3609" priority="3606" stopIfTrue="1">
      <formula>ISBLANK(BI77)=TRUE</formula>
    </cfRule>
    <cfRule type="expression" dxfId="3608" priority="3607" stopIfTrue="1">
      <formula>INDIRECT("第１の３表②!"&amp;CELL("address",EB77))="×××"</formula>
    </cfRule>
    <cfRule type="expression" dxfId="3607" priority="3608" stopIfTrue="1">
      <formula>INDIRECT("第１の３表②!"&amp;CELL("address",EB77))="××"</formula>
    </cfRule>
    <cfRule type="expression" dxfId="3606" priority="3609" stopIfTrue="1">
      <formula>INDIRECT("第１の３表②!"&amp;CELL("address",EB77))="×"</formula>
    </cfRule>
    <cfRule type="expression" dxfId="3605" priority="3610" stopIfTrue="1">
      <formula>ISBLANK(BI77)=FALSE</formula>
    </cfRule>
  </conditionalFormatting>
  <conditionalFormatting sqref="BL77:BM78">
    <cfRule type="expression" dxfId="3604" priority="3601" stopIfTrue="1">
      <formula>ISBLANK(BL77)=TRUE</formula>
    </cfRule>
    <cfRule type="expression" dxfId="3603" priority="3602" stopIfTrue="1">
      <formula>INDIRECT("第１の３表②!"&amp;CELL("address",EE77))="×××"</formula>
    </cfRule>
    <cfRule type="expression" dxfId="3602" priority="3603" stopIfTrue="1">
      <formula>INDIRECT("第１の３表②!"&amp;CELL("address",EE77))="××"</formula>
    </cfRule>
    <cfRule type="expression" dxfId="3601" priority="3604" stopIfTrue="1">
      <formula>INDIRECT("第１の３表②!"&amp;CELL("address",EE77))="×"</formula>
    </cfRule>
    <cfRule type="expression" dxfId="3600" priority="3605" stopIfTrue="1">
      <formula>ISBLANK(BL77)=FALSE</formula>
    </cfRule>
  </conditionalFormatting>
  <conditionalFormatting sqref="BL77:BM78">
    <cfRule type="expression" dxfId="3599" priority="3596" stopIfTrue="1">
      <formula>ISBLANK(BL77)=TRUE</formula>
    </cfRule>
    <cfRule type="expression" dxfId="3598" priority="3597" stopIfTrue="1">
      <formula>INDIRECT("第１の３表②!"&amp;CELL("address",EE77))="×××"</formula>
    </cfRule>
    <cfRule type="expression" dxfId="3597" priority="3598" stopIfTrue="1">
      <formula>INDIRECT("第１の３表②!"&amp;CELL("address",EE77))="××"</formula>
    </cfRule>
    <cfRule type="expression" dxfId="3596" priority="3599" stopIfTrue="1">
      <formula>INDIRECT("第１の３表②!"&amp;CELL("address",EE77))="×"</formula>
    </cfRule>
    <cfRule type="expression" dxfId="3595" priority="3600" stopIfTrue="1">
      <formula>ISBLANK(BL77)=FALSE</formula>
    </cfRule>
  </conditionalFormatting>
  <conditionalFormatting sqref="BL77:BM78">
    <cfRule type="expression" dxfId="3594" priority="3591" stopIfTrue="1">
      <formula>ISBLANK(BL77)=TRUE</formula>
    </cfRule>
    <cfRule type="expression" dxfId="3593" priority="3592" stopIfTrue="1">
      <formula>INDIRECT("第１の３表②!"&amp;CELL("address",EE77))="×××"</formula>
    </cfRule>
    <cfRule type="expression" dxfId="3592" priority="3593" stopIfTrue="1">
      <formula>INDIRECT("第１の３表②!"&amp;CELL("address",EE77))="××"</formula>
    </cfRule>
    <cfRule type="expression" dxfId="3591" priority="3594" stopIfTrue="1">
      <formula>INDIRECT("第１の３表②!"&amp;CELL("address",EE77))="×"</formula>
    </cfRule>
    <cfRule type="expression" dxfId="3590" priority="3595" stopIfTrue="1">
      <formula>ISBLANK(BL77)=FALSE</formula>
    </cfRule>
  </conditionalFormatting>
  <conditionalFormatting sqref="BO77:BP78">
    <cfRule type="expression" dxfId="3589" priority="3586" stopIfTrue="1">
      <formula>ISBLANK(BO77)=TRUE</formula>
    </cfRule>
    <cfRule type="expression" dxfId="3588" priority="3587" stopIfTrue="1">
      <formula>INDIRECT("第１の３表②!"&amp;CELL("address",EH77))="×××"</formula>
    </cfRule>
    <cfRule type="expression" dxfId="3587" priority="3588" stopIfTrue="1">
      <formula>INDIRECT("第１の３表②!"&amp;CELL("address",EH77))="××"</formula>
    </cfRule>
    <cfRule type="expression" dxfId="3586" priority="3589" stopIfTrue="1">
      <formula>INDIRECT("第１の３表②!"&amp;CELL("address",EH77))="×"</formula>
    </cfRule>
    <cfRule type="expression" dxfId="3585" priority="3590" stopIfTrue="1">
      <formula>ISBLANK(BO77)=FALSE</formula>
    </cfRule>
  </conditionalFormatting>
  <conditionalFormatting sqref="BO77:BP78">
    <cfRule type="expression" dxfId="3584" priority="3581" stopIfTrue="1">
      <formula>ISBLANK(BO77)=TRUE</formula>
    </cfRule>
    <cfRule type="expression" dxfId="3583" priority="3582" stopIfTrue="1">
      <formula>INDIRECT("第１の３表②!"&amp;CELL("address",EH77))="×××"</formula>
    </cfRule>
    <cfRule type="expression" dxfId="3582" priority="3583" stopIfTrue="1">
      <formula>INDIRECT("第１の３表②!"&amp;CELL("address",EH77))="××"</formula>
    </cfRule>
    <cfRule type="expression" dxfId="3581" priority="3584" stopIfTrue="1">
      <formula>INDIRECT("第１の３表②!"&amp;CELL("address",EH77))="×"</formula>
    </cfRule>
    <cfRule type="expression" dxfId="3580" priority="3585" stopIfTrue="1">
      <formula>ISBLANK(BO77)=FALSE</formula>
    </cfRule>
  </conditionalFormatting>
  <conditionalFormatting sqref="BO77:BP78">
    <cfRule type="expression" dxfId="3579" priority="3576" stopIfTrue="1">
      <formula>ISBLANK(BO77)=TRUE</formula>
    </cfRule>
    <cfRule type="expression" dxfId="3578" priority="3577" stopIfTrue="1">
      <formula>INDIRECT("第１の３表②!"&amp;CELL("address",EH77))="×××"</formula>
    </cfRule>
    <cfRule type="expression" dxfId="3577" priority="3578" stopIfTrue="1">
      <formula>INDIRECT("第１の３表②!"&amp;CELL("address",EH77))="××"</formula>
    </cfRule>
    <cfRule type="expression" dxfId="3576" priority="3579" stopIfTrue="1">
      <formula>INDIRECT("第１の３表②!"&amp;CELL("address",EH77))="×"</formula>
    </cfRule>
    <cfRule type="expression" dxfId="3575" priority="3580" stopIfTrue="1">
      <formula>ISBLANK(BO77)=FALSE</formula>
    </cfRule>
  </conditionalFormatting>
  <conditionalFormatting sqref="G80:H81">
    <cfRule type="expression" dxfId="3574" priority="3571" stopIfTrue="1">
      <formula>ISBLANK(G80)=TRUE</formula>
    </cfRule>
    <cfRule type="expression" dxfId="3573" priority="3572" stopIfTrue="1">
      <formula>INDIRECT("第１の３表②!"&amp;CELL("address",BZ80))="×××"</formula>
    </cfRule>
    <cfRule type="expression" dxfId="3572" priority="3573" stopIfTrue="1">
      <formula>INDIRECT("第１の３表②!"&amp;CELL("address",BZ80))="××"</formula>
    </cfRule>
    <cfRule type="expression" dxfId="3571" priority="3574" stopIfTrue="1">
      <formula>INDIRECT("第１の３表②!"&amp;CELL("address",BZ80))="×"</formula>
    </cfRule>
    <cfRule type="expression" dxfId="3570" priority="3575" stopIfTrue="1">
      <formula>ISBLANK(G80)=FALSE</formula>
    </cfRule>
  </conditionalFormatting>
  <conditionalFormatting sqref="G80:H81">
    <cfRule type="expression" dxfId="3569" priority="3566" stopIfTrue="1">
      <formula>ISBLANK(G80)=TRUE</formula>
    </cfRule>
    <cfRule type="expression" dxfId="3568" priority="3567" stopIfTrue="1">
      <formula>INDIRECT("第１の３表②!"&amp;CELL("address",BZ80))="×××"</formula>
    </cfRule>
    <cfRule type="expression" dxfId="3567" priority="3568" stopIfTrue="1">
      <formula>INDIRECT("第１の３表②!"&amp;CELL("address",BZ80))="××"</formula>
    </cfRule>
    <cfRule type="expression" dxfId="3566" priority="3569" stopIfTrue="1">
      <formula>INDIRECT("第１の３表②!"&amp;CELL("address",BZ80))="×"</formula>
    </cfRule>
    <cfRule type="expression" dxfId="3565" priority="3570" stopIfTrue="1">
      <formula>ISBLANK(G80)=FALSE</formula>
    </cfRule>
  </conditionalFormatting>
  <conditionalFormatting sqref="J80:K81">
    <cfRule type="expression" dxfId="3564" priority="3561" stopIfTrue="1">
      <formula>ISBLANK(J80)=TRUE</formula>
    </cfRule>
    <cfRule type="expression" dxfId="3563" priority="3562" stopIfTrue="1">
      <formula>INDIRECT("第１の３表②!"&amp;CELL("address",CC80))="×××"</formula>
    </cfRule>
    <cfRule type="expression" dxfId="3562" priority="3563" stopIfTrue="1">
      <formula>INDIRECT("第１の３表②!"&amp;CELL("address",CC80))="××"</formula>
    </cfRule>
    <cfRule type="expression" dxfId="3561" priority="3564" stopIfTrue="1">
      <formula>INDIRECT("第１の３表②!"&amp;CELL("address",CC80))="×"</formula>
    </cfRule>
    <cfRule type="expression" dxfId="3560" priority="3565" stopIfTrue="1">
      <formula>ISBLANK(J80)=FALSE</formula>
    </cfRule>
  </conditionalFormatting>
  <conditionalFormatting sqref="J80:K81">
    <cfRule type="expression" dxfId="3559" priority="3556" stopIfTrue="1">
      <formula>ISBLANK(J80)=TRUE</formula>
    </cfRule>
    <cfRule type="expression" dxfId="3558" priority="3557" stopIfTrue="1">
      <formula>INDIRECT("第１の３表②!"&amp;CELL("address",CC80))="×××"</formula>
    </cfRule>
    <cfRule type="expression" dxfId="3557" priority="3558" stopIfTrue="1">
      <formula>INDIRECT("第１の３表②!"&amp;CELL("address",CC80))="××"</formula>
    </cfRule>
    <cfRule type="expression" dxfId="3556" priority="3559" stopIfTrue="1">
      <formula>INDIRECT("第１の３表②!"&amp;CELL("address",CC80))="×"</formula>
    </cfRule>
    <cfRule type="expression" dxfId="3555" priority="3560" stopIfTrue="1">
      <formula>ISBLANK(J80)=FALSE</formula>
    </cfRule>
  </conditionalFormatting>
  <conditionalFormatting sqref="M80:N81">
    <cfRule type="expression" dxfId="3554" priority="3551" stopIfTrue="1">
      <formula>ISBLANK(M80)=TRUE</formula>
    </cfRule>
    <cfRule type="expression" dxfId="3553" priority="3552" stopIfTrue="1">
      <formula>INDIRECT("第１の３表②!"&amp;CELL("address",CF80))="×××"</formula>
    </cfRule>
    <cfRule type="expression" dxfId="3552" priority="3553" stopIfTrue="1">
      <formula>INDIRECT("第１の３表②!"&amp;CELL("address",CF80))="××"</formula>
    </cfRule>
    <cfRule type="expression" dxfId="3551" priority="3554" stopIfTrue="1">
      <formula>INDIRECT("第１の３表②!"&amp;CELL("address",CF80))="×"</formula>
    </cfRule>
    <cfRule type="expression" dxfId="3550" priority="3555" stopIfTrue="1">
      <formula>ISBLANK(M80)=FALSE</formula>
    </cfRule>
  </conditionalFormatting>
  <conditionalFormatting sqref="M80:N81">
    <cfRule type="expression" dxfId="3549" priority="3546" stopIfTrue="1">
      <formula>ISBLANK(M80)=TRUE</formula>
    </cfRule>
    <cfRule type="expression" dxfId="3548" priority="3547" stopIfTrue="1">
      <formula>INDIRECT("第１の３表②!"&amp;CELL("address",CF80))="×××"</formula>
    </cfRule>
    <cfRule type="expression" dxfId="3547" priority="3548" stopIfTrue="1">
      <formula>INDIRECT("第１の３表②!"&amp;CELL("address",CF80))="××"</formula>
    </cfRule>
    <cfRule type="expression" dxfId="3546" priority="3549" stopIfTrue="1">
      <formula>INDIRECT("第１の３表②!"&amp;CELL("address",CF80))="×"</formula>
    </cfRule>
    <cfRule type="expression" dxfId="3545" priority="3550" stopIfTrue="1">
      <formula>ISBLANK(M80)=FALSE</formula>
    </cfRule>
  </conditionalFormatting>
  <conditionalFormatting sqref="P80:Q81">
    <cfRule type="expression" dxfId="3544" priority="3541" stopIfTrue="1">
      <formula>ISBLANK(P80)=TRUE</formula>
    </cfRule>
    <cfRule type="expression" dxfId="3543" priority="3542" stopIfTrue="1">
      <formula>INDIRECT("第１の３表②!"&amp;CELL("address",CI80))="×××"</formula>
    </cfRule>
    <cfRule type="expression" dxfId="3542" priority="3543" stopIfTrue="1">
      <formula>INDIRECT("第１の３表②!"&amp;CELL("address",CI80))="××"</formula>
    </cfRule>
    <cfRule type="expression" dxfId="3541" priority="3544" stopIfTrue="1">
      <formula>INDIRECT("第１の３表②!"&amp;CELL("address",CI80))="×"</formula>
    </cfRule>
    <cfRule type="expression" dxfId="3540" priority="3545" stopIfTrue="1">
      <formula>ISBLANK(P80)=FALSE</formula>
    </cfRule>
  </conditionalFormatting>
  <conditionalFormatting sqref="P80:Q81">
    <cfRule type="expression" dxfId="3539" priority="3536" stopIfTrue="1">
      <formula>ISBLANK(P80)=TRUE</formula>
    </cfRule>
    <cfRule type="expression" dxfId="3538" priority="3537" stopIfTrue="1">
      <formula>INDIRECT("第１の３表②!"&amp;CELL("address",CI80))="×××"</formula>
    </cfRule>
    <cfRule type="expression" dxfId="3537" priority="3538" stopIfTrue="1">
      <formula>INDIRECT("第１の３表②!"&amp;CELL("address",CI80))="××"</formula>
    </cfRule>
    <cfRule type="expression" dxfId="3536" priority="3539" stopIfTrue="1">
      <formula>INDIRECT("第１の３表②!"&amp;CELL("address",CI80))="×"</formula>
    </cfRule>
    <cfRule type="expression" dxfId="3535" priority="3540" stopIfTrue="1">
      <formula>ISBLANK(P80)=FALSE</formula>
    </cfRule>
  </conditionalFormatting>
  <conditionalFormatting sqref="S80:T81">
    <cfRule type="expression" dxfId="3534" priority="3531" stopIfTrue="1">
      <formula>ISBLANK(S80)=TRUE</formula>
    </cfRule>
    <cfRule type="expression" dxfId="3533" priority="3532" stopIfTrue="1">
      <formula>INDIRECT("第１の３表②!"&amp;CELL("address",CL80))="×××"</formula>
    </cfRule>
    <cfRule type="expression" dxfId="3532" priority="3533" stopIfTrue="1">
      <formula>INDIRECT("第１の３表②!"&amp;CELL("address",CL80))="××"</formula>
    </cfRule>
    <cfRule type="expression" dxfId="3531" priority="3534" stopIfTrue="1">
      <formula>INDIRECT("第１の３表②!"&amp;CELL("address",CL80))="×"</formula>
    </cfRule>
    <cfRule type="expression" dxfId="3530" priority="3535" stopIfTrue="1">
      <formula>ISBLANK(S80)=FALSE</formula>
    </cfRule>
  </conditionalFormatting>
  <conditionalFormatting sqref="S80:T81">
    <cfRule type="expression" dxfId="3529" priority="3526" stopIfTrue="1">
      <formula>ISBLANK(S80)=TRUE</formula>
    </cfRule>
    <cfRule type="expression" dxfId="3528" priority="3527" stopIfTrue="1">
      <formula>INDIRECT("第１の３表②!"&amp;CELL("address",CL80))="×××"</formula>
    </cfRule>
    <cfRule type="expression" dxfId="3527" priority="3528" stopIfTrue="1">
      <formula>INDIRECT("第１の３表②!"&amp;CELL("address",CL80))="××"</formula>
    </cfRule>
    <cfRule type="expression" dxfId="3526" priority="3529" stopIfTrue="1">
      <formula>INDIRECT("第１の３表②!"&amp;CELL("address",CL80))="×"</formula>
    </cfRule>
    <cfRule type="expression" dxfId="3525" priority="3530" stopIfTrue="1">
      <formula>ISBLANK(S80)=FALSE</formula>
    </cfRule>
  </conditionalFormatting>
  <conditionalFormatting sqref="V80:W81">
    <cfRule type="expression" dxfId="3524" priority="3521" stopIfTrue="1">
      <formula>ISBLANK(V80)=TRUE</formula>
    </cfRule>
    <cfRule type="expression" dxfId="3523" priority="3522" stopIfTrue="1">
      <formula>INDIRECT("第１の３表②!"&amp;CELL("address",CO80))="×××"</formula>
    </cfRule>
    <cfRule type="expression" dxfId="3522" priority="3523" stopIfTrue="1">
      <formula>INDIRECT("第１の３表②!"&amp;CELL("address",CO80))="××"</formula>
    </cfRule>
    <cfRule type="expression" dxfId="3521" priority="3524" stopIfTrue="1">
      <formula>INDIRECT("第１の３表②!"&amp;CELL("address",CO80))="×"</formula>
    </cfRule>
    <cfRule type="expression" dxfId="3520" priority="3525" stopIfTrue="1">
      <formula>ISBLANK(V80)=FALSE</formula>
    </cfRule>
  </conditionalFormatting>
  <conditionalFormatting sqref="V80:W81">
    <cfRule type="expression" dxfId="3519" priority="3516" stopIfTrue="1">
      <formula>ISBLANK(V80)=TRUE</formula>
    </cfRule>
    <cfRule type="expression" dxfId="3518" priority="3517" stopIfTrue="1">
      <formula>INDIRECT("第１の３表②!"&amp;CELL("address",CO80))="×××"</formula>
    </cfRule>
    <cfRule type="expression" dxfId="3517" priority="3518" stopIfTrue="1">
      <formula>INDIRECT("第１の３表②!"&amp;CELL("address",CO80))="××"</formula>
    </cfRule>
    <cfRule type="expression" dxfId="3516" priority="3519" stopIfTrue="1">
      <formula>INDIRECT("第１の３表②!"&amp;CELL("address",CO80))="×"</formula>
    </cfRule>
    <cfRule type="expression" dxfId="3515" priority="3520" stopIfTrue="1">
      <formula>ISBLANK(V80)=FALSE</formula>
    </cfRule>
  </conditionalFormatting>
  <conditionalFormatting sqref="Y80:Z81">
    <cfRule type="expression" dxfId="3514" priority="3511" stopIfTrue="1">
      <formula>ISBLANK(Y80)=TRUE</formula>
    </cfRule>
    <cfRule type="expression" dxfId="3513" priority="3512" stopIfTrue="1">
      <formula>INDIRECT("第１の３表②!"&amp;CELL("address",CR80))="×××"</formula>
    </cfRule>
    <cfRule type="expression" dxfId="3512" priority="3513" stopIfTrue="1">
      <formula>INDIRECT("第１の３表②!"&amp;CELL("address",CR80))="××"</formula>
    </cfRule>
    <cfRule type="expression" dxfId="3511" priority="3514" stopIfTrue="1">
      <formula>INDIRECT("第１の３表②!"&amp;CELL("address",CR80))="×"</formula>
    </cfRule>
    <cfRule type="expression" dxfId="3510" priority="3515" stopIfTrue="1">
      <formula>ISBLANK(Y80)=FALSE</formula>
    </cfRule>
  </conditionalFormatting>
  <conditionalFormatting sqref="Y80:Z81">
    <cfRule type="expression" dxfId="3509" priority="3506" stopIfTrue="1">
      <formula>ISBLANK(Y80)=TRUE</formula>
    </cfRule>
    <cfRule type="expression" dxfId="3508" priority="3507" stopIfTrue="1">
      <formula>INDIRECT("第１の３表②!"&amp;CELL("address",CR80))="×××"</formula>
    </cfRule>
    <cfRule type="expression" dxfId="3507" priority="3508" stopIfTrue="1">
      <formula>INDIRECT("第１の３表②!"&amp;CELL("address",CR80))="××"</formula>
    </cfRule>
    <cfRule type="expression" dxfId="3506" priority="3509" stopIfTrue="1">
      <formula>INDIRECT("第１の３表②!"&amp;CELL("address",CR80))="×"</formula>
    </cfRule>
    <cfRule type="expression" dxfId="3505" priority="3510" stopIfTrue="1">
      <formula>ISBLANK(Y80)=FALSE</formula>
    </cfRule>
  </conditionalFormatting>
  <conditionalFormatting sqref="AB80:AC81">
    <cfRule type="expression" dxfId="3504" priority="3501" stopIfTrue="1">
      <formula>ISBLANK(AB80)=TRUE</formula>
    </cfRule>
    <cfRule type="expression" dxfId="3503" priority="3502" stopIfTrue="1">
      <formula>INDIRECT("第１の３表②!"&amp;CELL("address",CU80))="×××"</formula>
    </cfRule>
    <cfRule type="expression" dxfId="3502" priority="3503" stopIfTrue="1">
      <formula>INDIRECT("第１の３表②!"&amp;CELL("address",CU80))="××"</formula>
    </cfRule>
    <cfRule type="expression" dxfId="3501" priority="3504" stopIfTrue="1">
      <formula>INDIRECT("第１の３表②!"&amp;CELL("address",CU80))="×"</formula>
    </cfRule>
    <cfRule type="expression" dxfId="3500" priority="3505" stopIfTrue="1">
      <formula>ISBLANK(AB80)=FALSE</formula>
    </cfRule>
  </conditionalFormatting>
  <conditionalFormatting sqref="AB80:AC81">
    <cfRule type="expression" dxfId="3499" priority="3496" stopIfTrue="1">
      <formula>ISBLANK(AB80)=TRUE</formula>
    </cfRule>
    <cfRule type="expression" dxfId="3498" priority="3497" stopIfTrue="1">
      <formula>INDIRECT("第１の３表②!"&amp;CELL("address",CU80))="×××"</formula>
    </cfRule>
    <cfRule type="expression" dxfId="3497" priority="3498" stopIfTrue="1">
      <formula>INDIRECT("第１の３表②!"&amp;CELL("address",CU80))="××"</formula>
    </cfRule>
    <cfRule type="expression" dxfId="3496" priority="3499" stopIfTrue="1">
      <formula>INDIRECT("第１の３表②!"&amp;CELL("address",CU80))="×"</formula>
    </cfRule>
    <cfRule type="expression" dxfId="3495" priority="3500" stopIfTrue="1">
      <formula>ISBLANK(AB80)=FALSE</formula>
    </cfRule>
  </conditionalFormatting>
  <conditionalFormatting sqref="AE80:AF81">
    <cfRule type="expression" dxfId="3494" priority="3491" stopIfTrue="1">
      <formula>ISBLANK(AE80)=TRUE</formula>
    </cfRule>
    <cfRule type="expression" dxfId="3493" priority="3492" stopIfTrue="1">
      <formula>INDIRECT("第１の３表②!"&amp;CELL("address",CX80))="×××"</formula>
    </cfRule>
    <cfRule type="expression" dxfId="3492" priority="3493" stopIfTrue="1">
      <formula>INDIRECT("第１の３表②!"&amp;CELL("address",CX80))="××"</formula>
    </cfRule>
    <cfRule type="expression" dxfId="3491" priority="3494" stopIfTrue="1">
      <formula>INDIRECT("第１の３表②!"&amp;CELL("address",CX80))="×"</formula>
    </cfRule>
    <cfRule type="expression" dxfId="3490" priority="3495" stopIfTrue="1">
      <formula>ISBLANK(AE80)=FALSE</formula>
    </cfRule>
  </conditionalFormatting>
  <conditionalFormatting sqref="AE80:AF81">
    <cfRule type="expression" dxfId="3489" priority="3486" stopIfTrue="1">
      <formula>ISBLANK(AE80)=TRUE</formula>
    </cfRule>
    <cfRule type="expression" dxfId="3488" priority="3487" stopIfTrue="1">
      <formula>INDIRECT("第１の３表②!"&amp;CELL("address",CX80))="×××"</formula>
    </cfRule>
    <cfRule type="expression" dxfId="3487" priority="3488" stopIfTrue="1">
      <formula>INDIRECT("第１の３表②!"&amp;CELL("address",CX80))="××"</formula>
    </cfRule>
    <cfRule type="expression" dxfId="3486" priority="3489" stopIfTrue="1">
      <formula>INDIRECT("第１の３表②!"&amp;CELL("address",CX80))="×"</formula>
    </cfRule>
    <cfRule type="expression" dxfId="3485" priority="3490" stopIfTrue="1">
      <formula>ISBLANK(AE80)=FALSE</formula>
    </cfRule>
  </conditionalFormatting>
  <conditionalFormatting sqref="AH80:AI81">
    <cfRule type="expression" dxfId="3484" priority="3481" stopIfTrue="1">
      <formula>ISBLANK(AH80)=TRUE</formula>
    </cfRule>
    <cfRule type="expression" dxfId="3483" priority="3482" stopIfTrue="1">
      <formula>INDIRECT("第１の３表②!"&amp;CELL("address",DA80))="×××"</formula>
    </cfRule>
    <cfRule type="expression" dxfId="3482" priority="3483" stopIfTrue="1">
      <formula>INDIRECT("第１の３表②!"&amp;CELL("address",DA80))="××"</formula>
    </cfRule>
    <cfRule type="expression" dxfId="3481" priority="3484" stopIfTrue="1">
      <formula>INDIRECT("第１の３表②!"&amp;CELL("address",DA80))="×"</formula>
    </cfRule>
    <cfRule type="expression" dxfId="3480" priority="3485" stopIfTrue="1">
      <formula>ISBLANK(AH80)=FALSE</formula>
    </cfRule>
  </conditionalFormatting>
  <conditionalFormatting sqref="AH80:AI81">
    <cfRule type="expression" dxfId="3479" priority="3476" stopIfTrue="1">
      <formula>ISBLANK(AH80)=TRUE</formula>
    </cfRule>
    <cfRule type="expression" dxfId="3478" priority="3477" stopIfTrue="1">
      <formula>INDIRECT("第１の３表②!"&amp;CELL("address",DA80))="×××"</formula>
    </cfRule>
    <cfRule type="expression" dxfId="3477" priority="3478" stopIfTrue="1">
      <formula>INDIRECT("第１の３表②!"&amp;CELL("address",DA80))="××"</formula>
    </cfRule>
    <cfRule type="expression" dxfId="3476" priority="3479" stopIfTrue="1">
      <formula>INDIRECT("第１の３表②!"&amp;CELL("address",DA80))="×"</formula>
    </cfRule>
    <cfRule type="expression" dxfId="3475" priority="3480" stopIfTrue="1">
      <formula>ISBLANK(AH80)=FALSE</formula>
    </cfRule>
  </conditionalFormatting>
  <conditionalFormatting sqref="AK80:AL81">
    <cfRule type="expression" dxfId="3474" priority="3471" stopIfTrue="1">
      <formula>ISBLANK(AK80)=TRUE</formula>
    </cfRule>
    <cfRule type="expression" dxfId="3473" priority="3472" stopIfTrue="1">
      <formula>INDIRECT("第１の３表②!"&amp;CELL("address",DD80))="×××"</formula>
    </cfRule>
    <cfRule type="expression" dxfId="3472" priority="3473" stopIfTrue="1">
      <formula>INDIRECT("第１の３表②!"&amp;CELL("address",DD80))="××"</formula>
    </cfRule>
    <cfRule type="expression" dxfId="3471" priority="3474" stopIfTrue="1">
      <formula>INDIRECT("第１の３表②!"&amp;CELL("address",DD80))="×"</formula>
    </cfRule>
    <cfRule type="expression" dxfId="3470" priority="3475" stopIfTrue="1">
      <formula>ISBLANK(AK80)=FALSE</formula>
    </cfRule>
  </conditionalFormatting>
  <conditionalFormatting sqref="AK80:AL81">
    <cfRule type="expression" dxfId="3469" priority="3466" stopIfTrue="1">
      <formula>ISBLANK(AK80)=TRUE</formula>
    </cfRule>
    <cfRule type="expression" dxfId="3468" priority="3467" stopIfTrue="1">
      <formula>INDIRECT("第１の３表②!"&amp;CELL("address",DD80))="×××"</formula>
    </cfRule>
    <cfRule type="expression" dxfId="3467" priority="3468" stopIfTrue="1">
      <formula>INDIRECT("第１の３表②!"&amp;CELL("address",DD80))="××"</formula>
    </cfRule>
    <cfRule type="expression" dxfId="3466" priority="3469" stopIfTrue="1">
      <formula>INDIRECT("第１の３表②!"&amp;CELL("address",DD80))="×"</formula>
    </cfRule>
    <cfRule type="expression" dxfId="3465" priority="3470" stopIfTrue="1">
      <formula>ISBLANK(AK80)=FALSE</formula>
    </cfRule>
  </conditionalFormatting>
  <conditionalFormatting sqref="AN80:AO81">
    <cfRule type="expression" dxfId="3464" priority="3461" stopIfTrue="1">
      <formula>ISBLANK(AN80)=TRUE</formula>
    </cfRule>
    <cfRule type="expression" dxfId="3463" priority="3462" stopIfTrue="1">
      <formula>INDIRECT("第１の３表②!"&amp;CELL("address",DG80))="×××"</formula>
    </cfRule>
    <cfRule type="expression" dxfId="3462" priority="3463" stopIfTrue="1">
      <formula>INDIRECT("第１の３表②!"&amp;CELL("address",DG80))="××"</formula>
    </cfRule>
    <cfRule type="expression" dxfId="3461" priority="3464" stopIfTrue="1">
      <formula>INDIRECT("第１の３表②!"&amp;CELL("address",DG80))="×"</formula>
    </cfRule>
    <cfRule type="expression" dxfId="3460" priority="3465" stopIfTrue="1">
      <formula>ISBLANK(AN80)=FALSE</formula>
    </cfRule>
  </conditionalFormatting>
  <conditionalFormatting sqref="AN80:AO81">
    <cfRule type="expression" dxfId="3459" priority="3456" stopIfTrue="1">
      <formula>ISBLANK(AN80)=TRUE</formula>
    </cfRule>
    <cfRule type="expression" dxfId="3458" priority="3457" stopIfTrue="1">
      <formula>INDIRECT("第１の３表②!"&amp;CELL("address",DG80))="×××"</formula>
    </cfRule>
    <cfRule type="expression" dxfId="3457" priority="3458" stopIfTrue="1">
      <formula>INDIRECT("第１の３表②!"&amp;CELL("address",DG80))="××"</formula>
    </cfRule>
    <cfRule type="expression" dxfId="3456" priority="3459" stopIfTrue="1">
      <formula>INDIRECT("第１の３表②!"&amp;CELL("address",DG80))="×"</formula>
    </cfRule>
    <cfRule type="expression" dxfId="3455" priority="3460" stopIfTrue="1">
      <formula>ISBLANK(AN80)=FALSE</formula>
    </cfRule>
  </conditionalFormatting>
  <conditionalFormatting sqref="AQ80:AR81">
    <cfRule type="expression" dxfId="3454" priority="3451" stopIfTrue="1">
      <formula>ISBLANK(AQ80)=TRUE</formula>
    </cfRule>
    <cfRule type="expression" dxfId="3453" priority="3452" stopIfTrue="1">
      <formula>INDIRECT("第１の３表②!"&amp;CELL("address",DJ80))="×××"</formula>
    </cfRule>
    <cfRule type="expression" dxfId="3452" priority="3453" stopIfTrue="1">
      <formula>INDIRECT("第１の３表②!"&amp;CELL("address",DJ80))="××"</formula>
    </cfRule>
    <cfRule type="expression" dxfId="3451" priority="3454" stopIfTrue="1">
      <formula>INDIRECT("第１の３表②!"&amp;CELL("address",DJ80))="×"</formula>
    </cfRule>
    <cfRule type="expression" dxfId="3450" priority="3455" stopIfTrue="1">
      <formula>ISBLANK(AQ80)=FALSE</formula>
    </cfRule>
  </conditionalFormatting>
  <conditionalFormatting sqref="AQ80:AR81">
    <cfRule type="expression" dxfId="3449" priority="3446" stopIfTrue="1">
      <formula>ISBLANK(AQ80)=TRUE</formula>
    </cfRule>
    <cfRule type="expression" dxfId="3448" priority="3447" stopIfTrue="1">
      <formula>INDIRECT("第１の３表②!"&amp;CELL("address",DJ80))="×××"</formula>
    </cfRule>
    <cfRule type="expression" dxfId="3447" priority="3448" stopIfTrue="1">
      <formula>INDIRECT("第１の３表②!"&amp;CELL("address",DJ80))="××"</formula>
    </cfRule>
    <cfRule type="expression" dxfId="3446" priority="3449" stopIfTrue="1">
      <formula>INDIRECT("第１の３表②!"&amp;CELL("address",DJ80))="×"</formula>
    </cfRule>
    <cfRule type="expression" dxfId="3445" priority="3450" stopIfTrue="1">
      <formula>ISBLANK(AQ80)=FALSE</formula>
    </cfRule>
  </conditionalFormatting>
  <conditionalFormatting sqref="AT80:AU81">
    <cfRule type="expression" dxfId="3444" priority="3441" stopIfTrue="1">
      <formula>ISBLANK(AT80)=TRUE</formula>
    </cfRule>
    <cfRule type="expression" dxfId="3443" priority="3442" stopIfTrue="1">
      <formula>INDIRECT("第１の３表②!"&amp;CELL("address",DM80))="×××"</formula>
    </cfRule>
    <cfRule type="expression" dxfId="3442" priority="3443" stopIfTrue="1">
      <formula>INDIRECT("第１の３表②!"&amp;CELL("address",DM80))="××"</formula>
    </cfRule>
    <cfRule type="expression" dxfId="3441" priority="3444" stopIfTrue="1">
      <formula>INDIRECT("第１の３表②!"&amp;CELL("address",DM80))="×"</formula>
    </cfRule>
    <cfRule type="expression" dxfId="3440" priority="3445" stopIfTrue="1">
      <formula>ISBLANK(AT80)=FALSE</formula>
    </cfRule>
  </conditionalFormatting>
  <conditionalFormatting sqref="AT80:AU81">
    <cfRule type="expression" dxfId="3439" priority="3436" stopIfTrue="1">
      <formula>ISBLANK(AT80)=TRUE</formula>
    </cfRule>
    <cfRule type="expression" dxfId="3438" priority="3437" stopIfTrue="1">
      <formula>INDIRECT("第１の３表②!"&amp;CELL("address",DM80))="×××"</formula>
    </cfRule>
    <cfRule type="expression" dxfId="3437" priority="3438" stopIfTrue="1">
      <formula>INDIRECT("第１の３表②!"&amp;CELL("address",DM80))="××"</formula>
    </cfRule>
    <cfRule type="expression" dxfId="3436" priority="3439" stopIfTrue="1">
      <formula>INDIRECT("第１の３表②!"&amp;CELL("address",DM80))="×"</formula>
    </cfRule>
    <cfRule type="expression" dxfId="3435" priority="3440" stopIfTrue="1">
      <formula>ISBLANK(AT80)=FALSE</formula>
    </cfRule>
  </conditionalFormatting>
  <conditionalFormatting sqref="AW80:AX81">
    <cfRule type="expression" dxfId="3434" priority="3431" stopIfTrue="1">
      <formula>ISBLANK(AW80)=TRUE</formula>
    </cfRule>
    <cfRule type="expression" dxfId="3433" priority="3432" stopIfTrue="1">
      <formula>INDIRECT("第１の３表②!"&amp;CELL("address",DP80))="×××"</formula>
    </cfRule>
    <cfRule type="expression" dxfId="3432" priority="3433" stopIfTrue="1">
      <formula>INDIRECT("第１の３表②!"&amp;CELL("address",DP80))="××"</formula>
    </cfRule>
    <cfRule type="expression" dxfId="3431" priority="3434" stopIfTrue="1">
      <formula>INDIRECT("第１の３表②!"&amp;CELL("address",DP80))="×"</formula>
    </cfRule>
    <cfRule type="expression" dxfId="3430" priority="3435" stopIfTrue="1">
      <formula>ISBLANK(AW80)=FALSE</formula>
    </cfRule>
  </conditionalFormatting>
  <conditionalFormatting sqref="AW80:AX81">
    <cfRule type="expression" dxfId="3429" priority="3426" stopIfTrue="1">
      <formula>ISBLANK(AW80)=TRUE</formula>
    </cfRule>
    <cfRule type="expression" dxfId="3428" priority="3427" stopIfTrue="1">
      <formula>INDIRECT("第１の３表②!"&amp;CELL("address",DP80))="×××"</formula>
    </cfRule>
    <cfRule type="expression" dxfId="3427" priority="3428" stopIfTrue="1">
      <formula>INDIRECT("第１の３表②!"&amp;CELL("address",DP80))="××"</formula>
    </cfRule>
    <cfRule type="expression" dxfId="3426" priority="3429" stopIfTrue="1">
      <formula>INDIRECT("第１の３表②!"&amp;CELL("address",DP80))="×"</formula>
    </cfRule>
    <cfRule type="expression" dxfId="3425" priority="3430" stopIfTrue="1">
      <formula>ISBLANK(AW80)=FALSE</formula>
    </cfRule>
  </conditionalFormatting>
  <conditionalFormatting sqref="AZ80:BA81">
    <cfRule type="expression" dxfId="3424" priority="3421" stopIfTrue="1">
      <formula>ISBLANK(AZ80)=TRUE</formula>
    </cfRule>
    <cfRule type="expression" dxfId="3423" priority="3422" stopIfTrue="1">
      <formula>INDIRECT("第１の３表②!"&amp;CELL("address",DS80))="×××"</formula>
    </cfRule>
    <cfRule type="expression" dxfId="3422" priority="3423" stopIfTrue="1">
      <formula>INDIRECT("第１の３表②!"&amp;CELL("address",DS80))="××"</formula>
    </cfRule>
    <cfRule type="expression" dxfId="3421" priority="3424" stopIfTrue="1">
      <formula>INDIRECT("第１の３表②!"&amp;CELL("address",DS80))="×"</formula>
    </cfRule>
    <cfRule type="expression" dxfId="3420" priority="3425" stopIfTrue="1">
      <formula>ISBLANK(AZ80)=FALSE</formula>
    </cfRule>
  </conditionalFormatting>
  <conditionalFormatting sqref="AZ80:BA81">
    <cfRule type="expression" dxfId="3419" priority="3416" stopIfTrue="1">
      <formula>ISBLANK(AZ80)=TRUE</formula>
    </cfRule>
    <cfRule type="expression" dxfId="3418" priority="3417" stopIfTrue="1">
      <formula>INDIRECT("第１の３表②!"&amp;CELL("address",DS80))="×××"</formula>
    </cfRule>
    <cfRule type="expression" dxfId="3417" priority="3418" stopIfTrue="1">
      <formula>INDIRECT("第１の３表②!"&amp;CELL("address",DS80))="××"</formula>
    </cfRule>
    <cfRule type="expression" dxfId="3416" priority="3419" stopIfTrue="1">
      <formula>INDIRECT("第１の３表②!"&amp;CELL("address",DS80))="×"</formula>
    </cfRule>
    <cfRule type="expression" dxfId="3415" priority="3420" stopIfTrue="1">
      <formula>ISBLANK(AZ80)=FALSE</formula>
    </cfRule>
  </conditionalFormatting>
  <conditionalFormatting sqref="BC80:BD81">
    <cfRule type="expression" dxfId="3414" priority="3411" stopIfTrue="1">
      <formula>ISBLANK(BC80)=TRUE</formula>
    </cfRule>
    <cfRule type="expression" dxfId="3413" priority="3412" stopIfTrue="1">
      <formula>INDIRECT("第１の３表②!"&amp;CELL("address",DV80))="×××"</formula>
    </cfRule>
    <cfRule type="expression" dxfId="3412" priority="3413" stopIfTrue="1">
      <formula>INDIRECT("第１の３表②!"&amp;CELL("address",DV80))="××"</formula>
    </cfRule>
    <cfRule type="expression" dxfId="3411" priority="3414" stopIfTrue="1">
      <formula>INDIRECT("第１の３表②!"&amp;CELL("address",DV80))="×"</formula>
    </cfRule>
    <cfRule type="expression" dxfId="3410" priority="3415" stopIfTrue="1">
      <formula>ISBLANK(BC80)=FALSE</formula>
    </cfRule>
  </conditionalFormatting>
  <conditionalFormatting sqref="BC80:BD81">
    <cfRule type="expression" dxfId="3409" priority="3406" stopIfTrue="1">
      <formula>ISBLANK(BC80)=TRUE</formula>
    </cfRule>
    <cfRule type="expression" dxfId="3408" priority="3407" stopIfTrue="1">
      <formula>INDIRECT("第１の３表②!"&amp;CELL("address",DV80))="×××"</formula>
    </cfRule>
    <cfRule type="expression" dxfId="3407" priority="3408" stopIfTrue="1">
      <formula>INDIRECT("第１の３表②!"&amp;CELL("address",DV80))="××"</formula>
    </cfRule>
    <cfRule type="expression" dxfId="3406" priority="3409" stopIfTrue="1">
      <formula>INDIRECT("第１の３表②!"&amp;CELL("address",DV80))="×"</formula>
    </cfRule>
    <cfRule type="expression" dxfId="3405" priority="3410" stopIfTrue="1">
      <formula>ISBLANK(BC80)=FALSE</formula>
    </cfRule>
  </conditionalFormatting>
  <conditionalFormatting sqref="BF80:BG81">
    <cfRule type="expression" dxfId="3404" priority="3401" stopIfTrue="1">
      <formula>ISBLANK(BF80)=TRUE</formula>
    </cfRule>
    <cfRule type="expression" dxfId="3403" priority="3402" stopIfTrue="1">
      <formula>INDIRECT("第１の３表②!"&amp;CELL("address",DY80))="×××"</formula>
    </cfRule>
    <cfRule type="expression" dxfId="3402" priority="3403" stopIfTrue="1">
      <formula>INDIRECT("第１の３表②!"&amp;CELL("address",DY80))="××"</formula>
    </cfRule>
    <cfRule type="expression" dxfId="3401" priority="3404" stopIfTrue="1">
      <formula>INDIRECT("第１の３表②!"&amp;CELL("address",DY80))="×"</formula>
    </cfRule>
    <cfRule type="expression" dxfId="3400" priority="3405" stopIfTrue="1">
      <formula>ISBLANK(BF80)=FALSE</formula>
    </cfRule>
  </conditionalFormatting>
  <conditionalFormatting sqref="BF80:BG81">
    <cfRule type="expression" dxfId="3399" priority="3396" stopIfTrue="1">
      <formula>ISBLANK(BF80)=TRUE</formula>
    </cfRule>
    <cfRule type="expression" dxfId="3398" priority="3397" stopIfTrue="1">
      <formula>INDIRECT("第１の３表②!"&amp;CELL("address",DY80))="×××"</formula>
    </cfRule>
    <cfRule type="expression" dxfId="3397" priority="3398" stopIfTrue="1">
      <formula>INDIRECT("第１の３表②!"&amp;CELL("address",DY80))="××"</formula>
    </cfRule>
    <cfRule type="expression" dxfId="3396" priority="3399" stopIfTrue="1">
      <formula>INDIRECT("第１の３表②!"&amp;CELL("address",DY80))="×"</formula>
    </cfRule>
    <cfRule type="expression" dxfId="3395" priority="3400" stopIfTrue="1">
      <formula>ISBLANK(BF80)=FALSE</formula>
    </cfRule>
  </conditionalFormatting>
  <conditionalFormatting sqref="BI80:BJ81">
    <cfRule type="expression" dxfId="3394" priority="3391" stopIfTrue="1">
      <formula>ISBLANK(BI80)=TRUE</formula>
    </cfRule>
    <cfRule type="expression" dxfId="3393" priority="3392" stopIfTrue="1">
      <formula>INDIRECT("第１の３表②!"&amp;CELL("address",EB80))="×××"</formula>
    </cfRule>
    <cfRule type="expression" dxfId="3392" priority="3393" stopIfTrue="1">
      <formula>INDIRECT("第１の３表②!"&amp;CELL("address",EB80))="××"</formula>
    </cfRule>
    <cfRule type="expression" dxfId="3391" priority="3394" stopIfTrue="1">
      <formula>INDIRECT("第１の３表②!"&amp;CELL("address",EB80))="×"</formula>
    </cfRule>
    <cfRule type="expression" dxfId="3390" priority="3395" stopIfTrue="1">
      <formula>ISBLANK(BI80)=FALSE</formula>
    </cfRule>
  </conditionalFormatting>
  <conditionalFormatting sqref="BI80:BJ81">
    <cfRule type="expression" dxfId="3389" priority="3386" stopIfTrue="1">
      <formula>ISBLANK(BI80)=TRUE</formula>
    </cfRule>
    <cfRule type="expression" dxfId="3388" priority="3387" stopIfTrue="1">
      <formula>INDIRECT("第１の３表②!"&amp;CELL("address",EB80))="×××"</formula>
    </cfRule>
    <cfRule type="expression" dxfId="3387" priority="3388" stopIfTrue="1">
      <formula>INDIRECT("第１の３表②!"&amp;CELL("address",EB80))="××"</formula>
    </cfRule>
    <cfRule type="expression" dxfId="3386" priority="3389" stopIfTrue="1">
      <formula>INDIRECT("第１の３表②!"&amp;CELL("address",EB80))="×"</formula>
    </cfRule>
    <cfRule type="expression" dxfId="3385" priority="3390" stopIfTrue="1">
      <formula>ISBLANK(BI80)=FALSE</formula>
    </cfRule>
  </conditionalFormatting>
  <conditionalFormatting sqref="BL80:BM81">
    <cfRule type="expression" dxfId="3384" priority="3381" stopIfTrue="1">
      <formula>ISBLANK(BL80)=TRUE</formula>
    </cfRule>
    <cfRule type="expression" dxfId="3383" priority="3382" stopIfTrue="1">
      <formula>INDIRECT("第１の３表②!"&amp;CELL("address",EE80))="×××"</formula>
    </cfRule>
    <cfRule type="expression" dxfId="3382" priority="3383" stopIfTrue="1">
      <formula>INDIRECT("第１の３表②!"&amp;CELL("address",EE80))="××"</formula>
    </cfRule>
    <cfRule type="expression" dxfId="3381" priority="3384" stopIfTrue="1">
      <formula>INDIRECT("第１の３表②!"&amp;CELL("address",EE80))="×"</formula>
    </cfRule>
    <cfRule type="expression" dxfId="3380" priority="3385" stopIfTrue="1">
      <formula>ISBLANK(BL80)=FALSE</formula>
    </cfRule>
  </conditionalFormatting>
  <conditionalFormatting sqref="BL80:BM81">
    <cfRule type="expression" dxfId="3379" priority="3376" stopIfTrue="1">
      <formula>ISBLANK(BL80)=TRUE</formula>
    </cfRule>
    <cfRule type="expression" dxfId="3378" priority="3377" stopIfTrue="1">
      <formula>INDIRECT("第１の３表②!"&amp;CELL("address",EE80))="×××"</formula>
    </cfRule>
    <cfRule type="expression" dxfId="3377" priority="3378" stopIfTrue="1">
      <formula>INDIRECT("第１の３表②!"&amp;CELL("address",EE80))="××"</formula>
    </cfRule>
    <cfRule type="expression" dxfId="3376" priority="3379" stopIfTrue="1">
      <formula>INDIRECT("第１の３表②!"&amp;CELL("address",EE80))="×"</formula>
    </cfRule>
    <cfRule type="expression" dxfId="3375" priority="3380" stopIfTrue="1">
      <formula>ISBLANK(BL80)=FALSE</formula>
    </cfRule>
  </conditionalFormatting>
  <conditionalFormatting sqref="BO80:BP81">
    <cfRule type="expression" dxfId="3374" priority="3371" stopIfTrue="1">
      <formula>ISBLANK(BO80)=TRUE</formula>
    </cfRule>
    <cfRule type="expression" dxfId="3373" priority="3372" stopIfTrue="1">
      <formula>INDIRECT("第１の３表②!"&amp;CELL("address",EH80))="×××"</formula>
    </cfRule>
    <cfRule type="expression" dxfId="3372" priority="3373" stopIfTrue="1">
      <formula>INDIRECT("第１の３表②!"&amp;CELL("address",EH80))="××"</formula>
    </cfRule>
    <cfRule type="expression" dxfId="3371" priority="3374" stopIfTrue="1">
      <formula>INDIRECT("第１の３表②!"&amp;CELL("address",EH80))="×"</formula>
    </cfRule>
    <cfRule type="expression" dxfId="3370" priority="3375" stopIfTrue="1">
      <formula>ISBLANK(BO80)=FALSE</formula>
    </cfRule>
  </conditionalFormatting>
  <conditionalFormatting sqref="BO80:BP81">
    <cfRule type="expression" dxfId="3369" priority="3366" stopIfTrue="1">
      <formula>ISBLANK(BO80)=TRUE</formula>
    </cfRule>
    <cfRule type="expression" dxfId="3368" priority="3367" stopIfTrue="1">
      <formula>INDIRECT("第１の３表②!"&amp;CELL("address",EH80))="×××"</formula>
    </cfRule>
    <cfRule type="expression" dxfId="3367" priority="3368" stopIfTrue="1">
      <formula>INDIRECT("第１の３表②!"&amp;CELL("address",EH80))="××"</formula>
    </cfRule>
    <cfRule type="expression" dxfId="3366" priority="3369" stopIfTrue="1">
      <formula>INDIRECT("第１の３表②!"&amp;CELL("address",EH80))="×"</formula>
    </cfRule>
    <cfRule type="expression" dxfId="3365" priority="3370" stopIfTrue="1">
      <formula>ISBLANK(BO80)=FALSE</formula>
    </cfRule>
  </conditionalFormatting>
  <conditionalFormatting sqref="G83:H84">
    <cfRule type="expression" dxfId="3364" priority="3361" stopIfTrue="1">
      <formula>ISBLANK(G83)=TRUE</formula>
    </cfRule>
    <cfRule type="expression" dxfId="3363" priority="3362" stopIfTrue="1">
      <formula>INDIRECT("第１の３表②!"&amp;CELL("address",BZ83))="×××"</formula>
    </cfRule>
    <cfRule type="expression" dxfId="3362" priority="3363" stopIfTrue="1">
      <formula>INDIRECT("第１の３表②!"&amp;CELL("address",BZ83))="××"</formula>
    </cfRule>
    <cfRule type="expression" dxfId="3361" priority="3364" stopIfTrue="1">
      <formula>INDIRECT("第１の３表②!"&amp;CELL("address",BZ83))="×"</formula>
    </cfRule>
    <cfRule type="expression" dxfId="3360" priority="3365" stopIfTrue="1">
      <formula>ISBLANK(G83)=FALSE</formula>
    </cfRule>
  </conditionalFormatting>
  <conditionalFormatting sqref="G83:H84">
    <cfRule type="expression" dxfId="3359" priority="3356" stopIfTrue="1">
      <formula>ISBLANK(G83)=TRUE</formula>
    </cfRule>
    <cfRule type="expression" dxfId="3358" priority="3357" stopIfTrue="1">
      <formula>INDIRECT("第１の３表②!"&amp;CELL("address",BZ83))="×××"</formula>
    </cfRule>
    <cfRule type="expression" dxfId="3357" priority="3358" stopIfTrue="1">
      <formula>INDIRECT("第１の３表②!"&amp;CELL("address",BZ83))="××"</formula>
    </cfRule>
    <cfRule type="expression" dxfId="3356" priority="3359" stopIfTrue="1">
      <formula>INDIRECT("第１の３表②!"&amp;CELL("address",BZ83))="×"</formula>
    </cfRule>
    <cfRule type="expression" dxfId="3355" priority="3360" stopIfTrue="1">
      <formula>ISBLANK(G83)=FALSE</formula>
    </cfRule>
  </conditionalFormatting>
  <conditionalFormatting sqref="J83:K84">
    <cfRule type="expression" dxfId="3354" priority="3351" stopIfTrue="1">
      <formula>ISBLANK(J83)=TRUE</formula>
    </cfRule>
    <cfRule type="expression" dxfId="3353" priority="3352" stopIfTrue="1">
      <formula>INDIRECT("第１の３表②!"&amp;CELL("address",CC83))="×××"</formula>
    </cfRule>
    <cfRule type="expression" dxfId="3352" priority="3353" stopIfTrue="1">
      <formula>INDIRECT("第１の３表②!"&amp;CELL("address",CC83))="××"</formula>
    </cfRule>
    <cfRule type="expression" dxfId="3351" priority="3354" stopIfTrue="1">
      <formula>INDIRECT("第１の３表②!"&amp;CELL("address",CC83))="×"</formula>
    </cfRule>
    <cfRule type="expression" dxfId="3350" priority="3355" stopIfTrue="1">
      <formula>ISBLANK(J83)=FALSE</formula>
    </cfRule>
  </conditionalFormatting>
  <conditionalFormatting sqref="J83:K84">
    <cfRule type="expression" dxfId="3349" priority="3346" stopIfTrue="1">
      <formula>ISBLANK(J83)=TRUE</formula>
    </cfRule>
    <cfRule type="expression" dxfId="3348" priority="3347" stopIfTrue="1">
      <formula>INDIRECT("第１の３表②!"&amp;CELL("address",CC83))="×××"</formula>
    </cfRule>
    <cfRule type="expression" dxfId="3347" priority="3348" stopIfTrue="1">
      <formula>INDIRECT("第１の３表②!"&amp;CELL("address",CC83))="××"</formula>
    </cfRule>
    <cfRule type="expression" dxfId="3346" priority="3349" stopIfTrue="1">
      <formula>INDIRECT("第１の３表②!"&amp;CELL("address",CC83))="×"</formula>
    </cfRule>
    <cfRule type="expression" dxfId="3345" priority="3350" stopIfTrue="1">
      <formula>ISBLANK(J83)=FALSE</formula>
    </cfRule>
  </conditionalFormatting>
  <conditionalFormatting sqref="M83:N84">
    <cfRule type="expression" dxfId="3344" priority="3341" stopIfTrue="1">
      <formula>ISBLANK(M83)=TRUE</formula>
    </cfRule>
    <cfRule type="expression" dxfId="3343" priority="3342" stopIfTrue="1">
      <formula>INDIRECT("第１の３表②!"&amp;CELL("address",CF83))="×××"</formula>
    </cfRule>
    <cfRule type="expression" dxfId="3342" priority="3343" stopIfTrue="1">
      <formula>INDIRECT("第１の３表②!"&amp;CELL("address",CF83))="××"</formula>
    </cfRule>
    <cfRule type="expression" dxfId="3341" priority="3344" stopIfTrue="1">
      <formula>INDIRECT("第１の３表②!"&amp;CELL("address",CF83))="×"</formula>
    </cfRule>
    <cfRule type="expression" dxfId="3340" priority="3345" stopIfTrue="1">
      <formula>ISBLANK(M83)=FALSE</formula>
    </cfRule>
  </conditionalFormatting>
  <conditionalFormatting sqref="M83:N84">
    <cfRule type="expression" dxfId="3339" priority="3336" stopIfTrue="1">
      <formula>ISBLANK(M83)=TRUE</formula>
    </cfRule>
    <cfRule type="expression" dxfId="3338" priority="3337" stopIfTrue="1">
      <formula>INDIRECT("第１の３表②!"&amp;CELL("address",CF83))="×××"</formula>
    </cfRule>
    <cfRule type="expression" dxfId="3337" priority="3338" stopIfTrue="1">
      <formula>INDIRECT("第１の３表②!"&amp;CELL("address",CF83))="××"</formula>
    </cfRule>
    <cfRule type="expression" dxfId="3336" priority="3339" stopIfTrue="1">
      <formula>INDIRECT("第１の３表②!"&amp;CELL("address",CF83))="×"</formula>
    </cfRule>
    <cfRule type="expression" dxfId="3335" priority="3340" stopIfTrue="1">
      <formula>ISBLANK(M83)=FALSE</formula>
    </cfRule>
  </conditionalFormatting>
  <conditionalFormatting sqref="P83:Q84">
    <cfRule type="expression" dxfId="3334" priority="3331" stopIfTrue="1">
      <formula>ISBLANK(P83)=TRUE</formula>
    </cfRule>
    <cfRule type="expression" dxfId="3333" priority="3332" stopIfTrue="1">
      <formula>INDIRECT("第１の３表②!"&amp;CELL("address",CI83))="×××"</formula>
    </cfRule>
    <cfRule type="expression" dxfId="3332" priority="3333" stopIfTrue="1">
      <formula>INDIRECT("第１の３表②!"&amp;CELL("address",CI83))="××"</formula>
    </cfRule>
    <cfRule type="expression" dxfId="3331" priority="3334" stopIfTrue="1">
      <formula>INDIRECT("第１の３表②!"&amp;CELL("address",CI83))="×"</formula>
    </cfRule>
    <cfRule type="expression" dxfId="3330" priority="3335" stopIfTrue="1">
      <formula>ISBLANK(P83)=FALSE</formula>
    </cfRule>
  </conditionalFormatting>
  <conditionalFormatting sqref="P83:Q84">
    <cfRule type="expression" dxfId="3329" priority="3326" stopIfTrue="1">
      <formula>ISBLANK(P83)=TRUE</formula>
    </cfRule>
    <cfRule type="expression" dxfId="3328" priority="3327" stopIfTrue="1">
      <formula>INDIRECT("第１の３表②!"&amp;CELL("address",CI83))="×××"</formula>
    </cfRule>
    <cfRule type="expression" dxfId="3327" priority="3328" stopIfTrue="1">
      <formula>INDIRECT("第１の３表②!"&amp;CELL("address",CI83))="××"</formula>
    </cfRule>
    <cfRule type="expression" dxfId="3326" priority="3329" stopIfTrue="1">
      <formula>INDIRECT("第１の３表②!"&amp;CELL("address",CI83))="×"</formula>
    </cfRule>
    <cfRule type="expression" dxfId="3325" priority="3330" stopIfTrue="1">
      <formula>ISBLANK(P83)=FALSE</formula>
    </cfRule>
  </conditionalFormatting>
  <conditionalFormatting sqref="S83:T84">
    <cfRule type="expression" dxfId="3324" priority="3321" stopIfTrue="1">
      <formula>ISBLANK(S83)=TRUE</formula>
    </cfRule>
    <cfRule type="expression" dxfId="3323" priority="3322" stopIfTrue="1">
      <formula>INDIRECT("第１の３表②!"&amp;CELL("address",CL83))="×××"</formula>
    </cfRule>
    <cfRule type="expression" dxfId="3322" priority="3323" stopIfTrue="1">
      <formula>INDIRECT("第１の３表②!"&amp;CELL("address",CL83))="××"</formula>
    </cfRule>
    <cfRule type="expression" dxfId="3321" priority="3324" stopIfTrue="1">
      <formula>INDIRECT("第１の３表②!"&amp;CELL("address",CL83))="×"</formula>
    </cfRule>
    <cfRule type="expression" dxfId="3320" priority="3325" stopIfTrue="1">
      <formula>ISBLANK(S83)=FALSE</formula>
    </cfRule>
  </conditionalFormatting>
  <conditionalFormatting sqref="S83:T84">
    <cfRule type="expression" dxfId="3319" priority="3316" stopIfTrue="1">
      <formula>ISBLANK(S83)=TRUE</formula>
    </cfRule>
    <cfRule type="expression" dxfId="3318" priority="3317" stopIfTrue="1">
      <formula>INDIRECT("第１の３表②!"&amp;CELL("address",CL83))="×××"</formula>
    </cfRule>
    <cfRule type="expression" dxfId="3317" priority="3318" stopIfTrue="1">
      <formula>INDIRECT("第１の３表②!"&amp;CELL("address",CL83))="××"</formula>
    </cfRule>
    <cfRule type="expression" dxfId="3316" priority="3319" stopIfTrue="1">
      <formula>INDIRECT("第１の３表②!"&amp;CELL("address",CL83))="×"</formula>
    </cfRule>
    <cfRule type="expression" dxfId="3315" priority="3320" stopIfTrue="1">
      <formula>ISBLANK(S83)=FALSE</formula>
    </cfRule>
  </conditionalFormatting>
  <conditionalFormatting sqref="V83:W84">
    <cfRule type="expression" dxfId="3314" priority="3311" stopIfTrue="1">
      <formula>ISBLANK(V83)=TRUE</formula>
    </cfRule>
    <cfRule type="expression" dxfId="3313" priority="3312" stopIfTrue="1">
      <formula>INDIRECT("第１の３表②!"&amp;CELL("address",CO83))="×××"</formula>
    </cfRule>
    <cfRule type="expression" dxfId="3312" priority="3313" stopIfTrue="1">
      <formula>INDIRECT("第１の３表②!"&amp;CELL("address",CO83))="××"</formula>
    </cfRule>
    <cfRule type="expression" dxfId="3311" priority="3314" stopIfTrue="1">
      <formula>INDIRECT("第１の３表②!"&amp;CELL("address",CO83))="×"</formula>
    </cfRule>
    <cfRule type="expression" dxfId="3310" priority="3315" stopIfTrue="1">
      <formula>ISBLANK(V83)=FALSE</formula>
    </cfRule>
  </conditionalFormatting>
  <conditionalFormatting sqref="V83:W84">
    <cfRule type="expression" dxfId="3309" priority="3306" stopIfTrue="1">
      <formula>ISBLANK(V83)=TRUE</formula>
    </cfRule>
    <cfRule type="expression" dxfId="3308" priority="3307" stopIfTrue="1">
      <formula>INDIRECT("第１の３表②!"&amp;CELL("address",CO83))="×××"</formula>
    </cfRule>
    <cfRule type="expression" dxfId="3307" priority="3308" stopIfTrue="1">
      <formula>INDIRECT("第１の３表②!"&amp;CELL("address",CO83))="××"</formula>
    </cfRule>
    <cfRule type="expression" dxfId="3306" priority="3309" stopIfTrue="1">
      <formula>INDIRECT("第１の３表②!"&amp;CELL("address",CO83))="×"</formula>
    </cfRule>
    <cfRule type="expression" dxfId="3305" priority="3310" stopIfTrue="1">
      <formula>ISBLANK(V83)=FALSE</formula>
    </cfRule>
  </conditionalFormatting>
  <conditionalFormatting sqref="Y83:Z84">
    <cfRule type="expression" dxfId="3304" priority="3301" stopIfTrue="1">
      <formula>ISBLANK(Y83)=TRUE</formula>
    </cfRule>
    <cfRule type="expression" dxfId="3303" priority="3302" stopIfTrue="1">
      <formula>INDIRECT("第１の３表②!"&amp;CELL("address",CR83))="×××"</formula>
    </cfRule>
    <cfRule type="expression" dxfId="3302" priority="3303" stopIfTrue="1">
      <formula>INDIRECT("第１の３表②!"&amp;CELL("address",CR83))="××"</formula>
    </cfRule>
    <cfRule type="expression" dxfId="3301" priority="3304" stopIfTrue="1">
      <formula>INDIRECT("第１の３表②!"&amp;CELL("address",CR83))="×"</formula>
    </cfRule>
    <cfRule type="expression" dxfId="3300" priority="3305" stopIfTrue="1">
      <formula>ISBLANK(Y83)=FALSE</formula>
    </cfRule>
  </conditionalFormatting>
  <conditionalFormatting sqref="Y83:Z84">
    <cfRule type="expression" dxfId="3299" priority="3296" stopIfTrue="1">
      <formula>ISBLANK(Y83)=TRUE</formula>
    </cfRule>
    <cfRule type="expression" dxfId="3298" priority="3297" stopIfTrue="1">
      <formula>INDIRECT("第１の３表②!"&amp;CELL("address",CR83))="×××"</formula>
    </cfRule>
    <cfRule type="expression" dxfId="3297" priority="3298" stopIfTrue="1">
      <formula>INDIRECT("第１の３表②!"&amp;CELL("address",CR83))="××"</formula>
    </cfRule>
    <cfRule type="expression" dxfId="3296" priority="3299" stopIfTrue="1">
      <formula>INDIRECT("第１の３表②!"&amp;CELL("address",CR83))="×"</formula>
    </cfRule>
    <cfRule type="expression" dxfId="3295" priority="3300" stopIfTrue="1">
      <formula>ISBLANK(Y83)=FALSE</formula>
    </cfRule>
  </conditionalFormatting>
  <conditionalFormatting sqref="AB83:AC84">
    <cfRule type="expression" dxfId="3294" priority="3291" stopIfTrue="1">
      <formula>ISBLANK(AB83)=TRUE</formula>
    </cfRule>
    <cfRule type="expression" dxfId="3293" priority="3292" stopIfTrue="1">
      <formula>INDIRECT("第１の３表②!"&amp;CELL("address",CU83))="×××"</formula>
    </cfRule>
    <cfRule type="expression" dxfId="3292" priority="3293" stopIfTrue="1">
      <formula>INDIRECT("第１の３表②!"&amp;CELL("address",CU83))="××"</formula>
    </cfRule>
    <cfRule type="expression" dxfId="3291" priority="3294" stopIfTrue="1">
      <formula>INDIRECT("第１の３表②!"&amp;CELL("address",CU83))="×"</formula>
    </cfRule>
    <cfRule type="expression" dxfId="3290" priority="3295" stopIfTrue="1">
      <formula>ISBLANK(AB83)=FALSE</formula>
    </cfRule>
  </conditionalFormatting>
  <conditionalFormatting sqref="AB83:AC84">
    <cfRule type="expression" dxfId="3289" priority="3286" stopIfTrue="1">
      <formula>ISBLANK(AB83)=TRUE</formula>
    </cfRule>
    <cfRule type="expression" dxfId="3288" priority="3287" stopIfTrue="1">
      <formula>INDIRECT("第１の３表②!"&amp;CELL("address",CU83))="×××"</formula>
    </cfRule>
    <cfRule type="expression" dxfId="3287" priority="3288" stopIfTrue="1">
      <formula>INDIRECT("第１の３表②!"&amp;CELL("address",CU83))="××"</formula>
    </cfRule>
    <cfRule type="expression" dxfId="3286" priority="3289" stopIfTrue="1">
      <formula>INDIRECT("第１の３表②!"&amp;CELL("address",CU83))="×"</formula>
    </cfRule>
    <cfRule type="expression" dxfId="3285" priority="3290" stopIfTrue="1">
      <formula>ISBLANK(AB83)=FALSE</formula>
    </cfRule>
  </conditionalFormatting>
  <conditionalFormatting sqref="AE83:AF84">
    <cfRule type="expression" dxfId="3284" priority="3281" stopIfTrue="1">
      <formula>ISBLANK(AE83)=TRUE</formula>
    </cfRule>
    <cfRule type="expression" dxfId="3283" priority="3282" stopIfTrue="1">
      <formula>INDIRECT("第１の３表②!"&amp;CELL("address",CX83))="×××"</formula>
    </cfRule>
    <cfRule type="expression" dxfId="3282" priority="3283" stopIfTrue="1">
      <formula>INDIRECT("第１の３表②!"&amp;CELL("address",CX83))="××"</formula>
    </cfRule>
    <cfRule type="expression" dxfId="3281" priority="3284" stopIfTrue="1">
      <formula>INDIRECT("第１の３表②!"&amp;CELL("address",CX83))="×"</formula>
    </cfRule>
    <cfRule type="expression" dxfId="3280" priority="3285" stopIfTrue="1">
      <formula>ISBLANK(AE83)=FALSE</formula>
    </cfRule>
  </conditionalFormatting>
  <conditionalFormatting sqref="AE83:AF84">
    <cfRule type="expression" dxfId="3279" priority="3276" stopIfTrue="1">
      <formula>ISBLANK(AE83)=TRUE</formula>
    </cfRule>
    <cfRule type="expression" dxfId="3278" priority="3277" stopIfTrue="1">
      <formula>INDIRECT("第１の３表②!"&amp;CELL("address",CX83))="×××"</formula>
    </cfRule>
    <cfRule type="expression" dxfId="3277" priority="3278" stopIfTrue="1">
      <formula>INDIRECT("第１の３表②!"&amp;CELL("address",CX83))="××"</formula>
    </cfRule>
    <cfRule type="expression" dxfId="3276" priority="3279" stopIfTrue="1">
      <formula>INDIRECT("第１の３表②!"&amp;CELL("address",CX83))="×"</formula>
    </cfRule>
    <cfRule type="expression" dxfId="3275" priority="3280" stopIfTrue="1">
      <formula>ISBLANK(AE83)=FALSE</formula>
    </cfRule>
  </conditionalFormatting>
  <conditionalFormatting sqref="AH83:AI84">
    <cfRule type="expression" dxfId="3274" priority="3271" stopIfTrue="1">
      <formula>ISBLANK(AH83)=TRUE</formula>
    </cfRule>
    <cfRule type="expression" dxfId="3273" priority="3272" stopIfTrue="1">
      <formula>INDIRECT("第１の３表②!"&amp;CELL("address",DA83))="×××"</formula>
    </cfRule>
    <cfRule type="expression" dxfId="3272" priority="3273" stopIfTrue="1">
      <formula>INDIRECT("第１の３表②!"&amp;CELL("address",DA83))="××"</formula>
    </cfRule>
    <cfRule type="expression" dxfId="3271" priority="3274" stopIfTrue="1">
      <formula>INDIRECT("第１の３表②!"&amp;CELL("address",DA83))="×"</formula>
    </cfRule>
    <cfRule type="expression" dxfId="3270" priority="3275" stopIfTrue="1">
      <formula>ISBLANK(AH83)=FALSE</formula>
    </cfRule>
  </conditionalFormatting>
  <conditionalFormatting sqref="AH83:AI84">
    <cfRule type="expression" dxfId="3269" priority="3266" stopIfTrue="1">
      <formula>ISBLANK(AH83)=TRUE</formula>
    </cfRule>
    <cfRule type="expression" dxfId="3268" priority="3267" stopIfTrue="1">
      <formula>INDIRECT("第１の３表②!"&amp;CELL("address",DA83))="×××"</formula>
    </cfRule>
    <cfRule type="expression" dxfId="3267" priority="3268" stopIfTrue="1">
      <formula>INDIRECT("第１の３表②!"&amp;CELL("address",DA83))="××"</formula>
    </cfRule>
    <cfRule type="expression" dxfId="3266" priority="3269" stopIfTrue="1">
      <formula>INDIRECT("第１の３表②!"&amp;CELL("address",DA83))="×"</formula>
    </cfRule>
    <cfRule type="expression" dxfId="3265" priority="3270" stopIfTrue="1">
      <formula>ISBLANK(AH83)=FALSE</formula>
    </cfRule>
  </conditionalFormatting>
  <conditionalFormatting sqref="AK83:AL84">
    <cfRule type="expression" dxfId="3264" priority="3261" stopIfTrue="1">
      <formula>ISBLANK(AK83)=TRUE</formula>
    </cfRule>
    <cfRule type="expression" dxfId="3263" priority="3262" stopIfTrue="1">
      <formula>INDIRECT("第１の３表②!"&amp;CELL("address",DD83))="×××"</formula>
    </cfRule>
    <cfRule type="expression" dxfId="3262" priority="3263" stopIfTrue="1">
      <formula>INDIRECT("第１の３表②!"&amp;CELL("address",DD83))="××"</formula>
    </cfRule>
    <cfRule type="expression" dxfId="3261" priority="3264" stopIfTrue="1">
      <formula>INDIRECT("第１の３表②!"&amp;CELL("address",DD83))="×"</formula>
    </cfRule>
    <cfRule type="expression" dxfId="3260" priority="3265" stopIfTrue="1">
      <formula>ISBLANK(AK83)=FALSE</formula>
    </cfRule>
  </conditionalFormatting>
  <conditionalFormatting sqref="AK83:AL84">
    <cfRule type="expression" dxfId="3259" priority="3256" stopIfTrue="1">
      <formula>ISBLANK(AK83)=TRUE</formula>
    </cfRule>
    <cfRule type="expression" dxfId="3258" priority="3257" stopIfTrue="1">
      <formula>INDIRECT("第１の３表②!"&amp;CELL("address",DD83))="×××"</formula>
    </cfRule>
    <cfRule type="expression" dxfId="3257" priority="3258" stopIfTrue="1">
      <formula>INDIRECT("第１の３表②!"&amp;CELL("address",DD83))="××"</formula>
    </cfRule>
    <cfRule type="expression" dxfId="3256" priority="3259" stopIfTrue="1">
      <formula>INDIRECT("第１の３表②!"&amp;CELL("address",DD83))="×"</formula>
    </cfRule>
    <cfRule type="expression" dxfId="3255" priority="3260" stopIfTrue="1">
      <formula>ISBLANK(AK83)=FALSE</formula>
    </cfRule>
  </conditionalFormatting>
  <conditionalFormatting sqref="AN83:AO84">
    <cfRule type="expression" dxfId="3254" priority="3251" stopIfTrue="1">
      <formula>ISBLANK(AN83)=TRUE</formula>
    </cfRule>
    <cfRule type="expression" dxfId="3253" priority="3252" stopIfTrue="1">
      <formula>INDIRECT("第１の３表②!"&amp;CELL("address",DG83))="×××"</formula>
    </cfRule>
    <cfRule type="expression" dxfId="3252" priority="3253" stopIfTrue="1">
      <formula>INDIRECT("第１の３表②!"&amp;CELL("address",DG83))="××"</formula>
    </cfRule>
    <cfRule type="expression" dxfId="3251" priority="3254" stopIfTrue="1">
      <formula>INDIRECT("第１の３表②!"&amp;CELL("address",DG83))="×"</formula>
    </cfRule>
    <cfRule type="expression" dxfId="3250" priority="3255" stopIfTrue="1">
      <formula>ISBLANK(AN83)=FALSE</formula>
    </cfRule>
  </conditionalFormatting>
  <conditionalFormatting sqref="AN83:AO84">
    <cfRule type="expression" dxfId="3249" priority="3246" stopIfTrue="1">
      <formula>ISBLANK(AN83)=TRUE</formula>
    </cfRule>
    <cfRule type="expression" dxfId="3248" priority="3247" stopIfTrue="1">
      <formula>INDIRECT("第１の３表②!"&amp;CELL("address",DG83))="×××"</formula>
    </cfRule>
    <cfRule type="expression" dxfId="3247" priority="3248" stopIfTrue="1">
      <formula>INDIRECT("第１の３表②!"&amp;CELL("address",DG83))="××"</formula>
    </cfRule>
    <cfRule type="expression" dxfId="3246" priority="3249" stopIfTrue="1">
      <formula>INDIRECT("第１の３表②!"&amp;CELL("address",DG83))="×"</formula>
    </cfRule>
    <cfRule type="expression" dxfId="3245" priority="3250" stopIfTrue="1">
      <formula>ISBLANK(AN83)=FALSE</formula>
    </cfRule>
  </conditionalFormatting>
  <conditionalFormatting sqref="AQ83:AR84">
    <cfRule type="expression" dxfId="3244" priority="3241" stopIfTrue="1">
      <formula>ISBLANK(AQ83)=TRUE</formula>
    </cfRule>
    <cfRule type="expression" dxfId="3243" priority="3242" stopIfTrue="1">
      <formula>INDIRECT("第１の３表②!"&amp;CELL("address",DJ83))="×××"</formula>
    </cfRule>
    <cfRule type="expression" dxfId="3242" priority="3243" stopIfTrue="1">
      <formula>INDIRECT("第１の３表②!"&amp;CELL("address",DJ83))="××"</formula>
    </cfRule>
    <cfRule type="expression" dxfId="3241" priority="3244" stopIfTrue="1">
      <formula>INDIRECT("第１の３表②!"&amp;CELL("address",DJ83))="×"</formula>
    </cfRule>
    <cfRule type="expression" dxfId="3240" priority="3245" stopIfTrue="1">
      <formula>ISBLANK(AQ83)=FALSE</formula>
    </cfRule>
  </conditionalFormatting>
  <conditionalFormatting sqref="AQ83:AR84">
    <cfRule type="expression" dxfId="3239" priority="3236" stopIfTrue="1">
      <formula>ISBLANK(AQ83)=TRUE</formula>
    </cfRule>
    <cfRule type="expression" dxfId="3238" priority="3237" stopIfTrue="1">
      <formula>INDIRECT("第１の３表②!"&amp;CELL("address",DJ83))="×××"</formula>
    </cfRule>
    <cfRule type="expression" dxfId="3237" priority="3238" stopIfTrue="1">
      <formula>INDIRECT("第１の３表②!"&amp;CELL("address",DJ83))="××"</formula>
    </cfRule>
    <cfRule type="expression" dxfId="3236" priority="3239" stopIfTrue="1">
      <formula>INDIRECT("第１の３表②!"&amp;CELL("address",DJ83))="×"</formula>
    </cfRule>
    <cfRule type="expression" dxfId="3235" priority="3240" stopIfTrue="1">
      <formula>ISBLANK(AQ83)=FALSE</formula>
    </cfRule>
  </conditionalFormatting>
  <conditionalFormatting sqref="AT83:AU84">
    <cfRule type="expression" dxfId="3234" priority="3231" stopIfTrue="1">
      <formula>ISBLANK(AT83)=TRUE</formula>
    </cfRule>
    <cfRule type="expression" dxfId="3233" priority="3232" stopIfTrue="1">
      <formula>INDIRECT("第１の３表②!"&amp;CELL("address",DM83))="×××"</formula>
    </cfRule>
    <cfRule type="expression" dxfId="3232" priority="3233" stopIfTrue="1">
      <formula>INDIRECT("第１の３表②!"&amp;CELL("address",DM83))="××"</formula>
    </cfRule>
    <cfRule type="expression" dxfId="3231" priority="3234" stopIfTrue="1">
      <formula>INDIRECT("第１の３表②!"&amp;CELL("address",DM83))="×"</formula>
    </cfRule>
    <cfRule type="expression" dxfId="3230" priority="3235" stopIfTrue="1">
      <formula>ISBLANK(AT83)=FALSE</formula>
    </cfRule>
  </conditionalFormatting>
  <conditionalFormatting sqref="AT83:AU84">
    <cfRule type="expression" dxfId="3229" priority="3226" stopIfTrue="1">
      <formula>ISBLANK(AT83)=TRUE</formula>
    </cfRule>
    <cfRule type="expression" dxfId="3228" priority="3227" stopIfTrue="1">
      <formula>INDIRECT("第１の３表②!"&amp;CELL("address",DM83))="×××"</formula>
    </cfRule>
    <cfRule type="expression" dxfId="3227" priority="3228" stopIfTrue="1">
      <formula>INDIRECT("第１の３表②!"&amp;CELL("address",DM83))="××"</formula>
    </cfRule>
    <cfRule type="expression" dxfId="3226" priority="3229" stopIfTrue="1">
      <formula>INDIRECT("第１の３表②!"&amp;CELL("address",DM83))="×"</formula>
    </cfRule>
    <cfRule type="expression" dxfId="3225" priority="3230" stopIfTrue="1">
      <formula>ISBLANK(AT83)=FALSE</formula>
    </cfRule>
  </conditionalFormatting>
  <conditionalFormatting sqref="AW83:AX84">
    <cfRule type="expression" dxfId="3224" priority="3221" stopIfTrue="1">
      <formula>ISBLANK(AW83)=TRUE</formula>
    </cfRule>
    <cfRule type="expression" dxfId="3223" priority="3222" stopIfTrue="1">
      <formula>INDIRECT("第１の３表②!"&amp;CELL("address",DP83))="×××"</formula>
    </cfRule>
    <cfRule type="expression" dxfId="3222" priority="3223" stopIfTrue="1">
      <formula>INDIRECT("第１の３表②!"&amp;CELL("address",DP83))="××"</formula>
    </cfRule>
    <cfRule type="expression" dxfId="3221" priority="3224" stopIfTrue="1">
      <formula>INDIRECT("第１の３表②!"&amp;CELL("address",DP83))="×"</formula>
    </cfRule>
    <cfRule type="expression" dxfId="3220" priority="3225" stopIfTrue="1">
      <formula>ISBLANK(AW83)=FALSE</formula>
    </cfRule>
  </conditionalFormatting>
  <conditionalFormatting sqref="AW83:AX84">
    <cfRule type="expression" dxfId="3219" priority="3216" stopIfTrue="1">
      <formula>ISBLANK(AW83)=TRUE</formula>
    </cfRule>
    <cfRule type="expression" dxfId="3218" priority="3217" stopIfTrue="1">
      <formula>INDIRECT("第１の３表②!"&amp;CELL("address",DP83))="×××"</formula>
    </cfRule>
    <cfRule type="expression" dxfId="3217" priority="3218" stopIfTrue="1">
      <formula>INDIRECT("第１の３表②!"&amp;CELL("address",DP83))="××"</formula>
    </cfRule>
    <cfRule type="expression" dxfId="3216" priority="3219" stopIfTrue="1">
      <formula>INDIRECT("第１の３表②!"&amp;CELL("address",DP83))="×"</formula>
    </cfRule>
    <cfRule type="expression" dxfId="3215" priority="3220" stopIfTrue="1">
      <formula>ISBLANK(AW83)=FALSE</formula>
    </cfRule>
  </conditionalFormatting>
  <conditionalFormatting sqref="AZ83:BA84">
    <cfRule type="expression" dxfId="3214" priority="3211" stopIfTrue="1">
      <formula>ISBLANK(AZ83)=TRUE</formula>
    </cfRule>
    <cfRule type="expression" dxfId="3213" priority="3212" stopIfTrue="1">
      <formula>INDIRECT("第１の３表②!"&amp;CELL("address",DS83))="×××"</formula>
    </cfRule>
    <cfRule type="expression" dxfId="3212" priority="3213" stopIfTrue="1">
      <formula>INDIRECT("第１の３表②!"&amp;CELL("address",DS83))="××"</formula>
    </cfRule>
    <cfRule type="expression" dxfId="3211" priority="3214" stopIfTrue="1">
      <formula>INDIRECT("第１の３表②!"&amp;CELL("address",DS83))="×"</formula>
    </cfRule>
    <cfRule type="expression" dxfId="3210" priority="3215" stopIfTrue="1">
      <formula>ISBLANK(AZ83)=FALSE</formula>
    </cfRule>
  </conditionalFormatting>
  <conditionalFormatting sqref="AZ83:BA84">
    <cfRule type="expression" dxfId="3209" priority="3206" stopIfTrue="1">
      <formula>ISBLANK(AZ83)=TRUE</formula>
    </cfRule>
    <cfRule type="expression" dxfId="3208" priority="3207" stopIfTrue="1">
      <formula>INDIRECT("第１の３表②!"&amp;CELL("address",DS83))="×××"</formula>
    </cfRule>
    <cfRule type="expression" dxfId="3207" priority="3208" stopIfTrue="1">
      <formula>INDIRECT("第１の３表②!"&amp;CELL("address",DS83))="××"</formula>
    </cfRule>
    <cfRule type="expression" dxfId="3206" priority="3209" stopIfTrue="1">
      <formula>INDIRECT("第１の３表②!"&amp;CELL("address",DS83))="×"</formula>
    </cfRule>
    <cfRule type="expression" dxfId="3205" priority="3210" stopIfTrue="1">
      <formula>ISBLANK(AZ83)=FALSE</formula>
    </cfRule>
  </conditionalFormatting>
  <conditionalFormatting sqref="BC83:BD84">
    <cfRule type="expression" dxfId="3204" priority="3201" stopIfTrue="1">
      <formula>ISBLANK(BC83)=TRUE</formula>
    </cfRule>
    <cfRule type="expression" dxfId="3203" priority="3202" stopIfTrue="1">
      <formula>INDIRECT("第１の３表②!"&amp;CELL("address",DV83))="×××"</formula>
    </cfRule>
    <cfRule type="expression" dxfId="3202" priority="3203" stopIfTrue="1">
      <formula>INDIRECT("第１の３表②!"&amp;CELL("address",DV83))="××"</formula>
    </cfRule>
    <cfRule type="expression" dxfId="3201" priority="3204" stopIfTrue="1">
      <formula>INDIRECT("第１の３表②!"&amp;CELL("address",DV83))="×"</formula>
    </cfRule>
    <cfRule type="expression" dxfId="3200" priority="3205" stopIfTrue="1">
      <formula>ISBLANK(BC83)=FALSE</formula>
    </cfRule>
  </conditionalFormatting>
  <conditionalFormatting sqref="BC83:BD84">
    <cfRule type="expression" dxfId="3199" priority="3196" stopIfTrue="1">
      <formula>ISBLANK(BC83)=TRUE</formula>
    </cfRule>
    <cfRule type="expression" dxfId="3198" priority="3197" stopIfTrue="1">
      <formula>INDIRECT("第１の３表②!"&amp;CELL("address",DV83))="×××"</formula>
    </cfRule>
    <cfRule type="expression" dxfId="3197" priority="3198" stopIfTrue="1">
      <formula>INDIRECT("第１の３表②!"&amp;CELL("address",DV83))="××"</formula>
    </cfRule>
    <cfRule type="expression" dxfId="3196" priority="3199" stopIfTrue="1">
      <formula>INDIRECT("第１の３表②!"&amp;CELL("address",DV83))="×"</formula>
    </cfRule>
    <cfRule type="expression" dxfId="3195" priority="3200" stopIfTrue="1">
      <formula>ISBLANK(BC83)=FALSE</formula>
    </cfRule>
  </conditionalFormatting>
  <conditionalFormatting sqref="BF83:BG84">
    <cfRule type="expression" dxfId="3194" priority="3191" stopIfTrue="1">
      <formula>ISBLANK(BF83)=TRUE</formula>
    </cfRule>
    <cfRule type="expression" dxfId="3193" priority="3192" stopIfTrue="1">
      <formula>INDIRECT("第１の３表②!"&amp;CELL("address",DY83))="×××"</formula>
    </cfRule>
    <cfRule type="expression" dxfId="3192" priority="3193" stopIfTrue="1">
      <formula>INDIRECT("第１の３表②!"&amp;CELL("address",DY83))="××"</formula>
    </cfRule>
    <cfRule type="expression" dxfId="3191" priority="3194" stopIfTrue="1">
      <formula>INDIRECT("第１の３表②!"&amp;CELL("address",DY83))="×"</formula>
    </cfRule>
    <cfRule type="expression" dxfId="3190" priority="3195" stopIfTrue="1">
      <formula>ISBLANK(BF83)=FALSE</formula>
    </cfRule>
  </conditionalFormatting>
  <conditionalFormatting sqref="BF83:BG84">
    <cfRule type="expression" dxfId="3189" priority="3186" stopIfTrue="1">
      <formula>ISBLANK(BF83)=TRUE</formula>
    </cfRule>
    <cfRule type="expression" dxfId="3188" priority="3187" stopIfTrue="1">
      <formula>INDIRECT("第１の３表②!"&amp;CELL("address",DY83))="×××"</formula>
    </cfRule>
    <cfRule type="expression" dxfId="3187" priority="3188" stopIfTrue="1">
      <formula>INDIRECT("第１の３表②!"&amp;CELL("address",DY83))="××"</formula>
    </cfRule>
    <cfRule type="expression" dxfId="3186" priority="3189" stopIfTrue="1">
      <formula>INDIRECT("第１の３表②!"&amp;CELL("address",DY83))="×"</formula>
    </cfRule>
    <cfRule type="expression" dxfId="3185" priority="3190" stopIfTrue="1">
      <formula>ISBLANK(BF83)=FALSE</formula>
    </cfRule>
  </conditionalFormatting>
  <conditionalFormatting sqref="BI83:BJ84">
    <cfRule type="expression" dxfId="3184" priority="3181" stopIfTrue="1">
      <formula>ISBLANK(BI83)=TRUE</formula>
    </cfRule>
    <cfRule type="expression" dxfId="3183" priority="3182" stopIfTrue="1">
      <formula>INDIRECT("第１の３表②!"&amp;CELL("address",EB83))="×××"</formula>
    </cfRule>
    <cfRule type="expression" dxfId="3182" priority="3183" stopIfTrue="1">
      <formula>INDIRECT("第１の３表②!"&amp;CELL("address",EB83))="××"</formula>
    </cfRule>
    <cfRule type="expression" dxfId="3181" priority="3184" stopIfTrue="1">
      <formula>INDIRECT("第１の３表②!"&amp;CELL("address",EB83))="×"</formula>
    </cfRule>
    <cfRule type="expression" dxfId="3180" priority="3185" stopIfTrue="1">
      <formula>ISBLANK(BI83)=FALSE</formula>
    </cfRule>
  </conditionalFormatting>
  <conditionalFormatting sqref="BI83:BJ84">
    <cfRule type="expression" dxfId="3179" priority="3176" stopIfTrue="1">
      <formula>ISBLANK(BI83)=TRUE</formula>
    </cfRule>
    <cfRule type="expression" dxfId="3178" priority="3177" stopIfTrue="1">
      <formula>INDIRECT("第１の３表②!"&amp;CELL("address",EB83))="×××"</formula>
    </cfRule>
    <cfRule type="expression" dxfId="3177" priority="3178" stopIfTrue="1">
      <formula>INDIRECT("第１の３表②!"&amp;CELL("address",EB83))="××"</formula>
    </cfRule>
    <cfRule type="expression" dxfId="3176" priority="3179" stopIfTrue="1">
      <formula>INDIRECT("第１の３表②!"&amp;CELL("address",EB83))="×"</formula>
    </cfRule>
    <cfRule type="expression" dxfId="3175" priority="3180" stopIfTrue="1">
      <formula>ISBLANK(BI83)=FALSE</formula>
    </cfRule>
  </conditionalFormatting>
  <conditionalFormatting sqref="BL83:BM84">
    <cfRule type="expression" dxfId="3174" priority="3171" stopIfTrue="1">
      <formula>ISBLANK(BL83)=TRUE</formula>
    </cfRule>
    <cfRule type="expression" dxfId="3173" priority="3172" stopIfTrue="1">
      <formula>INDIRECT("第１の３表②!"&amp;CELL("address",EE83))="×××"</formula>
    </cfRule>
    <cfRule type="expression" dxfId="3172" priority="3173" stopIfTrue="1">
      <formula>INDIRECT("第１の３表②!"&amp;CELL("address",EE83))="××"</formula>
    </cfRule>
    <cfRule type="expression" dxfId="3171" priority="3174" stopIfTrue="1">
      <formula>INDIRECT("第１の３表②!"&amp;CELL("address",EE83))="×"</formula>
    </cfRule>
    <cfRule type="expression" dxfId="3170" priority="3175" stopIfTrue="1">
      <formula>ISBLANK(BL83)=FALSE</formula>
    </cfRule>
  </conditionalFormatting>
  <conditionalFormatting sqref="BL83:BM84">
    <cfRule type="expression" dxfId="3169" priority="3166" stopIfTrue="1">
      <formula>ISBLANK(BL83)=TRUE</formula>
    </cfRule>
    <cfRule type="expression" dxfId="3168" priority="3167" stopIfTrue="1">
      <formula>INDIRECT("第１の３表②!"&amp;CELL("address",EE83))="×××"</formula>
    </cfRule>
    <cfRule type="expression" dxfId="3167" priority="3168" stopIfTrue="1">
      <formula>INDIRECT("第１の３表②!"&amp;CELL("address",EE83))="××"</formula>
    </cfRule>
    <cfRule type="expression" dxfId="3166" priority="3169" stopIfTrue="1">
      <formula>INDIRECT("第１の３表②!"&amp;CELL("address",EE83))="×"</formula>
    </cfRule>
    <cfRule type="expression" dxfId="3165" priority="3170" stopIfTrue="1">
      <formula>ISBLANK(BL83)=FALSE</formula>
    </cfRule>
  </conditionalFormatting>
  <conditionalFormatting sqref="BO83:BP84">
    <cfRule type="expression" dxfId="3164" priority="3161" stopIfTrue="1">
      <formula>ISBLANK(BO83)=TRUE</formula>
    </cfRule>
    <cfRule type="expression" dxfId="3163" priority="3162" stopIfTrue="1">
      <formula>INDIRECT("第１の３表②!"&amp;CELL("address",EH83))="×××"</formula>
    </cfRule>
    <cfRule type="expression" dxfId="3162" priority="3163" stopIfTrue="1">
      <formula>INDIRECT("第１の３表②!"&amp;CELL("address",EH83))="××"</formula>
    </cfRule>
    <cfRule type="expression" dxfId="3161" priority="3164" stopIfTrue="1">
      <formula>INDIRECT("第１の３表②!"&amp;CELL("address",EH83))="×"</formula>
    </cfRule>
    <cfRule type="expression" dxfId="3160" priority="3165" stopIfTrue="1">
      <formula>ISBLANK(BO83)=FALSE</formula>
    </cfRule>
  </conditionalFormatting>
  <conditionalFormatting sqref="BO83:BP84">
    <cfRule type="expression" dxfId="3159" priority="3156" stopIfTrue="1">
      <formula>ISBLANK(BO83)=TRUE</formula>
    </cfRule>
    <cfRule type="expression" dxfId="3158" priority="3157" stopIfTrue="1">
      <formula>INDIRECT("第１の３表②!"&amp;CELL("address",EH83))="×××"</formula>
    </cfRule>
    <cfRule type="expression" dxfId="3157" priority="3158" stopIfTrue="1">
      <formula>INDIRECT("第１の３表②!"&amp;CELL("address",EH83))="××"</formula>
    </cfRule>
    <cfRule type="expression" dxfId="3156" priority="3159" stopIfTrue="1">
      <formula>INDIRECT("第１の３表②!"&amp;CELL("address",EH83))="×"</formula>
    </cfRule>
    <cfRule type="expression" dxfId="3155" priority="3160" stopIfTrue="1">
      <formula>ISBLANK(BO83)=FALSE</formula>
    </cfRule>
  </conditionalFormatting>
  <conditionalFormatting sqref="G86:H87">
    <cfRule type="expression" dxfId="3154" priority="3151" stopIfTrue="1">
      <formula>ISBLANK(G86)=TRUE</formula>
    </cfRule>
    <cfRule type="expression" dxfId="3153" priority="3152" stopIfTrue="1">
      <formula>INDIRECT("第１の３表②!"&amp;CELL("address",BZ86))="×××"</formula>
    </cfRule>
    <cfRule type="expression" dxfId="3152" priority="3153" stopIfTrue="1">
      <formula>INDIRECT("第１の３表②!"&amp;CELL("address",BZ86))="××"</formula>
    </cfRule>
    <cfRule type="expression" dxfId="3151" priority="3154" stopIfTrue="1">
      <formula>INDIRECT("第１の３表②!"&amp;CELL("address",BZ86))="×"</formula>
    </cfRule>
    <cfRule type="expression" dxfId="3150" priority="3155" stopIfTrue="1">
      <formula>ISBLANK(G86)=FALSE</formula>
    </cfRule>
  </conditionalFormatting>
  <conditionalFormatting sqref="G86:H87">
    <cfRule type="expression" dxfId="3149" priority="3146" stopIfTrue="1">
      <formula>ISBLANK(G86)=TRUE</formula>
    </cfRule>
    <cfRule type="expression" dxfId="3148" priority="3147" stopIfTrue="1">
      <formula>INDIRECT("第１の３表②!"&amp;CELL("address",BZ86))="×××"</formula>
    </cfRule>
    <cfRule type="expression" dxfId="3147" priority="3148" stopIfTrue="1">
      <formula>INDIRECT("第１の３表②!"&amp;CELL("address",BZ86))="××"</formula>
    </cfRule>
    <cfRule type="expression" dxfId="3146" priority="3149" stopIfTrue="1">
      <formula>INDIRECT("第１の３表②!"&amp;CELL("address",BZ86))="×"</formula>
    </cfRule>
    <cfRule type="expression" dxfId="3145" priority="3150" stopIfTrue="1">
      <formula>ISBLANK(G86)=FALSE</formula>
    </cfRule>
  </conditionalFormatting>
  <conditionalFormatting sqref="J86:K87">
    <cfRule type="expression" dxfId="3144" priority="3141" stopIfTrue="1">
      <formula>ISBLANK(J86)=TRUE</formula>
    </cfRule>
    <cfRule type="expression" dxfId="3143" priority="3142" stopIfTrue="1">
      <formula>INDIRECT("第１の３表②!"&amp;CELL("address",CC86))="×××"</formula>
    </cfRule>
    <cfRule type="expression" dxfId="3142" priority="3143" stopIfTrue="1">
      <formula>INDIRECT("第１の３表②!"&amp;CELL("address",CC86))="××"</formula>
    </cfRule>
    <cfRule type="expression" dxfId="3141" priority="3144" stopIfTrue="1">
      <formula>INDIRECT("第１の３表②!"&amp;CELL("address",CC86))="×"</formula>
    </cfRule>
    <cfRule type="expression" dxfId="3140" priority="3145" stopIfTrue="1">
      <formula>ISBLANK(J86)=FALSE</formula>
    </cfRule>
  </conditionalFormatting>
  <conditionalFormatting sqref="J86:K87">
    <cfRule type="expression" dxfId="3139" priority="3136" stopIfTrue="1">
      <formula>ISBLANK(J86)=TRUE</formula>
    </cfRule>
    <cfRule type="expression" dxfId="3138" priority="3137" stopIfTrue="1">
      <formula>INDIRECT("第１の３表②!"&amp;CELL("address",CC86))="×××"</formula>
    </cfRule>
    <cfRule type="expression" dxfId="3137" priority="3138" stopIfTrue="1">
      <formula>INDIRECT("第１の３表②!"&amp;CELL("address",CC86))="××"</formula>
    </cfRule>
    <cfRule type="expression" dxfId="3136" priority="3139" stopIfTrue="1">
      <formula>INDIRECT("第１の３表②!"&amp;CELL("address",CC86))="×"</formula>
    </cfRule>
    <cfRule type="expression" dxfId="3135" priority="3140" stopIfTrue="1">
      <formula>ISBLANK(J86)=FALSE</formula>
    </cfRule>
  </conditionalFormatting>
  <conditionalFormatting sqref="M86:N87">
    <cfRule type="expression" dxfId="3134" priority="3131" stopIfTrue="1">
      <formula>ISBLANK(M86)=TRUE</formula>
    </cfRule>
    <cfRule type="expression" dxfId="3133" priority="3132" stopIfTrue="1">
      <formula>INDIRECT("第１の３表②!"&amp;CELL("address",CF86))="×××"</formula>
    </cfRule>
    <cfRule type="expression" dxfId="3132" priority="3133" stopIfTrue="1">
      <formula>INDIRECT("第１の３表②!"&amp;CELL("address",CF86))="××"</formula>
    </cfRule>
    <cfRule type="expression" dxfId="3131" priority="3134" stopIfTrue="1">
      <formula>INDIRECT("第１の３表②!"&amp;CELL("address",CF86))="×"</formula>
    </cfRule>
    <cfRule type="expression" dxfId="3130" priority="3135" stopIfTrue="1">
      <formula>ISBLANK(M86)=FALSE</formula>
    </cfRule>
  </conditionalFormatting>
  <conditionalFormatting sqref="M86:N87">
    <cfRule type="expression" dxfId="3129" priority="3126" stopIfTrue="1">
      <formula>ISBLANK(M86)=TRUE</formula>
    </cfRule>
    <cfRule type="expression" dxfId="3128" priority="3127" stopIfTrue="1">
      <formula>INDIRECT("第１の３表②!"&amp;CELL("address",CF86))="×××"</formula>
    </cfRule>
    <cfRule type="expression" dxfId="3127" priority="3128" stopIfTrue="1">
      <formula>INDIRECT("第１の３表②!"&amp;CELL("address",CF86))="××"</formula>
    </cfRule>
    <cfRule type="expression" dxfId="3126" priority="3129" stopIfTrue="1">
      <formula>INDIRECT("第１の３表②!"&amp;CELL("address",CF86))="×"</formula>
    </cfRule>
    <cfRule type="expression" dxfId="3125" priority="3130" stopIfTrue="1">
      <formula>ISBLANK(M86)=FALSE</formula>
    </cfRule>
  </conditionalFormatting>
  <conditionalFormatting sqref="P86:Q87">
    <cfRule type="expression" dxfId="3124" priority="3121" stopIfTrue="1">
      <formula>ISBLANK(P86)=TRUE</formula>
    </cfRule>
    <cfRule type="expression" dxfId="3123" priority="3122" stopIfTrue="1">
      <formula>INDIRECT("第１の３表②!"&amp;CELL("address",CI86))="×××"</formula>
    </cfRule>
    <cfRule type="expression" dxfId="3122" priority="3123" stopIfTrue="1">
      <formula>INDIRECT("第１の３表②!"&amp;CELL("address",CI86))="××"</formula>
    </cfRule>
    <cfRule type="expression" dxfId="3121" priority="3124" stopIfTrue="1">
      <formula>INDIRECT("第１の３表②!"&amp;CELL("address",CI86))="×"</formula>
    </cfRule>
    <cfRule type="expression" dxfId="3120" priority="3125" stopIfTrue="1">
      <formula>ISBLANK(P86)=FALSE</formula>
    </cfRule>
  </conditionalFormatting>
  <conditionalFormatting sqref="P86:Q87">
    <cfRule type="expression" dxfId="3119" priority="3116" stopIfTrue="1">
      <formula>ISBLANK(P86)=TRUE</formula>
    </cfRule>
    <cfRule type="expression" dxfId="3118" priority="3117" stopIfTrue="1">
      <formula>INDIRECT("第１の３表②!"&amp;CELL("address",CI86))="×××"</formula>
    </cfRule>
    <cfRule type="expression" dxfId="3117" priority="3118" stopIfTrue="1">
      <formula>INDIRECT("第１の３表②!"&amp;CELL("address",CI86))="××"</formula>
    </cfRule>
    <cfRule type="expression" dxfId="3116" priority="3119" stopIfTrue="1">
      <formula>INDIRECT("第１の３表②!"&amp;CELL("address",CI86))="×"</formula>
    </cfRule>
    <cfRule type="expression" dxfId="3115" priority="3120" stopIfTrue="1">
      <formula>ISBLANK(P86)=FALSE</formula>
    </cfRule>
  </conditionalFormatting>
  <conditionalFormatting sqref="S86:T87">
    <cfRule type="expression" dxfId="3114" priority="3111" stopIfTrue="1">
      <formula>ISBLANK(S86)=TRUE</formula>
    </cfRule>
    <cfRule type="expression" dxfId="3113" priority="3112" stopIfTrue="1">
      <formula>INDIRECT("第１の３表②!"&amp;CELL("address",CL86))="×××"</formula>
    </cfRule>
    <cfRule type="expression" dxfId="3112" priority="3113" stopIfTrue="1">
      <formula>INDIRECT("第１の３表②!"&amp;CELL("address",CL86))="××"</formula>
    </cfRule>
    <cfRule type="expression" dxfId="3111" priority="3114" stopIfTrue="1">
      <formula>INDIRECT("第１の３表②!"&amp;CELL("address",CL86))="×"</formula>
    </cfRule>
    <cfRule type="expression" dxfId="3110" priority="3115" stopIfTrue="1">
      <formula>ISBLANK(S86)=FALSE</formula>
    </cfRule>
  </conditionalFormatting>
  <conditionalFormatting sqref="S86:T87">
    <cfRule type="expression" dxfId="3109" priority="3106" stopIfTrue="1">
      <formula>ISBLANK(S86)=TRUE</formula>
    </cfRule>
    <cfRule type="expression" dxfId="3108" priority="3107" stopIfTrue="1">
      <formula>INDIRECT("第１の３表②!"&amp;CELL("address",CL86))="×××"</formula>
    </cfRule>
    <cfRule type="expression" dxfId="3107" priority="3108" stopIfTrue="1">
      <formula>INDIRECT("第１の３表②!"&amp;CELL("address",CL86))="××"</formula>
    </cfRule>
    <cfRule type="expression" dxfId="3106" priority="3109" stopIfTrue="1">
      <formula>INDIRECT("第１の３表②!"&amp;CELL("address",CL86))="×"</formula>
    </cfRule>
    <cfRule type="expression" dxfId="3105" priority="3110" stopIfTrue="1">
      <formula>ISBLANK(S86)=FALSE</formula>
    </cfRule>
  </conditionalFormatting>
  <conditionalFormatting sqref="V86:W87">
    <cfRule type="expression" dxfId="3104" priority="3101" stopIfTrue="1">
      <formula>ISBLANK(V86)=TRUE</formula>
    </cfRule>
    <cfRule type="expression" dxfId="3103" priority="3102" stopIfTrue="1">
      <formula>INDIRECT("第１の３表②!"&amp;CELL("address",CO86))="×××"</formula>
    </cfRule>
    <cfRule type="expression" dxfId="3102" priority="3103" stopIfTrue="1">
      <formula>INDIRECT("第１の３表②!"&amp;CELL("address",CO86))="××"</formula>
    </cfRule>
    <cfRule type="expression" dxfId="3101" priority="3104" stopIfTrue="1">
      <formula>INDIRECT("第１の３表②!"&amp;CELL("address",CO86))="×"</formula>
    </cfRule>
    <cfRule type="expression" dxfId="3100" priority="3105" stopIfTrue="1">
      <formula>ISBLANK(V86)=FALSE</formula>
    </cfRule>
  </conditionalFormatting>
  <conditionalFormatting sqref="V86:W87">
    <cfRule type="expression" dxfId="3099" priority="3096" stopIfTrue="1">
      <formula>ISBLANK(V86)=TRUE</formula>
    </cfRule>
    <cfRule type="expression" dxfId="3098" priority="3097" stopIfTrue="1">
      <formula>INDIRECT("第１の３表②!"&amp;CELL("address",CO86))="×××"</formula>
    </cfRule>
    <cfRule type="expression" dxfId="3097" priority="3098" stopIfTrue="1">
      <formula>INDIRECT("第１の３表②!"&amp;CELL("address",CO86))="××"</formula>
    </cfRule>
    <cfRule type="expression" dxfId="3096" priority="3099" stopIfTrue="1">
      <formula>INDIRECT("第１の３表②!"&amp;CELL("address",CO86))="×"</formula>
    </cfRule>
    <cfRule type="expression" dxfId="3095" priority="3100" stopIfTrue="1">
      <formula>ISBLANK(V86)=FALSE</formula>
    </cfRule>
  </conditionalFormatting>
  <conditionalFormatting sqref="Y86:Z87">
    <cfRule type="expression" dxfId="3094" priority="3091" stopIfTrue="1">
      <formula>ISBLANK(Y86)=TRUE</formula>
    </cfRule>
    <cfRule type="expression" dxfId="3093" priority="3092" stopIfTrue="1">
      <formula>INDIRECT("第１の３表②!"&amp;CELL("address",CR86))="×××"</formula>
    </cfRule>
    <cfRule type="expression" dxfId="3092" priority="3093" stopIfTrue="1">
      <formula>INDIRECT("第１の３表②!"&amp;CELL("address",CR86))="××"</formula>
    </cfRule>
    <cfRule type="expression" dxfId="3091" priority="3094" stopIfTrue="1">
      <formula>INDIRECT("第１の３表②!"&amp;CELL("address",CR86))="×"</formula>
    </cfRule>
    <cfRule type="expression" dxfId="3090" priority="3095" stopIfTrue="1">
      <formula>ISBLANK(Y86)=FALSE</formula>
    </cfRule>
  </conditionalFormatting>
  <conditionalFormatting sqref="Y86:Z87">
    <cfRule type="expression" dxfId="3089" priority="3086" stopIfTrue="1">
      <formula>ISBLANK(Y86)=TRUE</formula>
    </cfRule>
    <cfRule type="expression" dxfId="3088" priority="3087" stopIfTrue="1">
      <formula>INDIRECT("第１の３表②!"&amp;CELL("address",CR86))="×××"</formula>
    </cfRule>
    <cfRule type="expression" dxfId="3087" priority="3088" stopIfTrue="1">
      <formula>INDIRECT("第１の３表②!"&amp;CELL("address",CR86))="××"</formula>
    </cfRule>
    <cfRule type="expression" dxfId="3086" priority="3089" stopIfTrue="1">
      <formula>INDIRECT("第１の３表②!"&amp;CELL("address",CR86))="×"</formula>
    </cfRule>
    <cfRule type="expression" dxfId="3085" priority="3090" stopIfTrue="1">
      <formula>ISBLANK(Y86)=FALSE</formula>
    </cfRule>
  </conditionalFormatting>
  <conditionalFormatting sqref="AB86:AC87">
    <cfRule type="expression" dxfId="3084" priority="3081" stopIfTrue="1">
      <formula>ISBLANK(AB86)=TRUE</formula>
    </cfRule>
    <cfRule type="expression" dxfId="3083" priority="3082" stopIfTrue="1">
      <formula>INDIRECT("第１の３表②!"&amp;CELL("address",CU86))="×××"</formula>
    </cfRule>
    <cfRule type="expression" dxfId="3082" priority="3083" stopIfTrue="1">
      <formula>INDIRECT("第１の３表②!"&amp;CELL("address",CU86))="××"</formula>
    </cfRule>
    <cfRule type="expression" dxfId="3081" priority="3084" stopIfTrue="1">
      <formula>INDIRECT("第１の３表②!"&amp;CELL("address",CU86))="×"</formula>
    </cfRule>
    <cfRule type="expression" dxfId="3080" priority="3085" stopIfTrue="1">
      <formula>ISBLANK(AB86)=FALSE</formula>
    </cfRule>
  </conditionalFormatting>
  <conditionalFormatting sqref="AB86:AC87">
    <cfRule type="expression" dxfId="3079" priority="3076" stopIfTrue="1">
      <formula>ISBLANK(AB86)=TRUE</formula>
    </cfRule>
    <cfRule type="expression" dxfId="3078" priority="3077" stopIfTrue="1">
      <formula>INDIRECT("第１の３表②!"&amp;CELL("address",CU86))="×××"</formula>
    </cfRule>
    <cfRule type="expression" dxfId="3077" priority="3078" stopIfTrue="1">
      <formula>INDIRECT("第１の３表②!"&amp;CELL("address",CU86))="××"</formula>
    </cfRule>
    <cfRule type="expression" dxfId="3076" priority="3079" stopIfTrue="1">
      <formula>INDIRECT("第１の３表②!"&amp;CELL("address",CU86))="×"</formula>
    </cfRule>
    <cfRule type="expression" dxfId="3075" priority="3080" stopIfTrue="1">
      <formula>ISBLANK(AB86)=FALSE</formula>
    </cfRule>
  </conditionalFormatting>
  <conditionalFormatting sqref="AE86:AF87">
    <cfRule type="expression" dxfId="3074" priority="3071" stopIfTrue="1">
      <formula>ISBLANK(AE86)=TRUE</formula>
    </cfRule>
    <cfRule type="expression" dxfId="3073" priority="3072" stopIfTrue="1">
      <formula>INDIRECT("第１の３表②!"&amp;CELL("address",CX86))="×××"</formula>
    </cfRule>
    <cfRule type="expression" dxfId="3072" priority="3073" stopIfTrue="1">
      <formula>INDIRECT("第１の３表②!"&amp;CELL("address",CX86))="××"</formula>
    </cfRule>
    <cfRule type="expression" dxfId="3071" priority="3074" stopIfTrue="1">
      <formula>INDIRECT("第１の３表②!"&amp;CELL("address",CX86))="×"</formula>
    </cfRule>
    <cfRule type="expression" dxfId="3070" priority="3075" stopIfTrue="1">
      <formula>ISBLANK(AE86)=FALSE</formula>
    </cfRule>
  </conditionalFormatting>
  <conditionalFormatting sqref="AE86:AF87">
    <cfRule type="expression" dxfId="3069" priority="3066" stopIfTrue="1">
      <formula>ISBLANK(AE86)=TRUE</formula>
    </cfRule>
    <cfRule type="expression" dxfId="3068" priority="3067" stopIfTrue="1">
      <formula>INDIRECT("第１の３表②!"&amp;CELL("address",CX86))="×××"</formula>
    </cfRule>
    <cfRule type="expression" dxfId="3067" priority="3068" stopIfTrue="1">
      <formula>INDIRECT("第１の３表②!"&amp;CELL("address",CX86))="××"</formula>
    </cfRule>
    <cfRule type="expression" dxfId="3066" priority="3069" stopIfTrue="1">
      <formula>INDIRECT("第１の３表②!"&amp;CELL("address",CX86))="×"</formula>
    </cfRule>
    <cfRule type="expression" dxfId="3065" priority="3070" stopIfTrue="1">
      <formula>ISBLANK(AE86)=FALSE</formula>
    </cfRule>
  </conditionalFormatting>
  <conditionalFormatting sqref="AH86:AI87">
    <cfRule type="expression" dxfId="3064" priority="3061" stopIfTrue="1">
      <formula>ISBLANK(AH86)=TRUE</formula>
    </cfRule>
    <cfRule type="expression" dxfId="3063" priority="3062" stopIfTrue="1">
      <formula>INDIRECT("第１の３表②!"&amp;CELL("address",DA86))="×××"</formula>
    </cfRule>
    <cfRule type="expression" dxfId="3062" priority="3063" stopIfTrue="1">
      <formula>INDIRECT("第１の３表②!"&amp;CELL("address",DA86))="××"</formula>
    </cfRule>
    <cfRule type="expression" dxfId="3061" priority="3064" stopIfTrue="1">
      <formula>INDIRECT("第１の３表②!"&amp;CELL("address",DA86))="×"</formula>
    </cfRule>
    <cfRule type="expression" dxfId="3060" priority="3065" stopIfTrue="1">
      <formula>ISBLANK(AH86)=FALSE</formula>
    </cfRule>
  </conditionalFormatting>
  <conditionalFormatting sqref="AH86:AI87">
    <cfRule type="expression" dxfId="3059" priority="3056" stopIfTrue="1">
      <formula>ISBLANK(AH86)=TRUE</formula>
    </cfRule>
    <cfRule type="expression" dxfId="3058" priority="3057" stopIfTrue="1">
      <formula>INDIRECT("第１の３表②!"&amp;CELL("address",DA86))="×××"</formula>
    </cfRule>
    <cfRule type="expression" dxfId="3057" priority="3058" stopIfTrue="1">
      <formula>INDIRECT("第１の３表②!"&amp;CELL("address",DA86))="××"</formula>
    </cfRule>
    <cfRule type="expression" dxfId="3056" priority="3059" stopIfTrue="1">
      <formula>INDIRECT("第１の３表②!"&amp;CELL("address",DA86))="×"</formula>
    </cfRule>
    <cfRule type="expression" dxfId="3055" priority="3060" stopIfTrue="1">
      <formula>ISBLANK(AH86)=FALSE</formula>
    </cfRule>
  </conditionalFormatting>
  <conditionalFormatting sqref="AK86:AL87">
    <cfRule type="expression" dxfId="3054" priority="3051" stopIfTrue="1">
      <formula>ISBLANK(AK86)=TRUE</formula>
    </cfRule>
    <cfRule type="expression" dxfId="3053" priority="3052" stopIfTrue="1">
      <formula>INDIRECT("第１の３表②!"&amp;CELL("address",DD86))="×××"</formula>
    </cfRule>
    <cfRule type="expression" dxfId="3052" priority="3053" stopIfTrue="1">
      <formula>INDIRECT("第１の３表②!"&amp;CELL("address",DD86))="××"</formula>
    </cfRule>
    <cfRule type="expression" dxfId="3051" priority="3054" stopIfTrue="1">
      <formula>INDIRECT("第１の３表②!"&amp;CELL("address",DD86))="×"</formula>
    </cfRule>
    <cfRule type="expression" dxfId="3050" priority="3055" stopIfTrue="1">
      <formula>ISBLANK(AK86)=FALSE</formula>
    </cfRule>
  </conditionalFormatting>
  <conditionalFormatting sqref="AK86:AL87">
    <cfRule type="expression" dxfId="3049" priority="3046" stopIfTrue="1">
      <formula>ISBLANK(AK86)=TRUE</formula>
    </cfRule>
    <cfRule type="expression" dxfId="3048" priority="3047" stopIfTrue="1">
      <formula>INDIRECT("第１の３表②!"&amp;CELL("address",DD86))="×××"</formula>
    </cfRule>
    <cfRule type="expression" dxfId="3047" priority="3048" stopIfTrue="1">
      <formula>INDIRECT("第１の３表②!"&amp;CELL("address",DD86))="××"</formula>
    </cfRule>
    <cfRule type="expression" dxfId="3046" priority="3049" stopIfTrue="1">
      <formula>INDIRECT("第１の３表②!"&amp;CELL("address",DD86))="×"</formula>
    </cfRule>
    <cfRule type="expression" dxfId="3045" priority="3050" stopIfTrue="1">
      <formula>ISBLANK(AK86)=FALSE</formula>
    </cfRule>
  </conditionalFormatting>
  <conditionalFormatting sqref="AN86:AO87">
    <cfRule type="expression" dxfId="3044" priority="3041" stopIfTrue="1">
      <formula>ISBLANK(AN86)=TRUE</formula>
    </cfRule>
    <cfRule type="expression" dxfId="3043" priority="3042" stopIfTrue="1">
      <formula>INDIRECT("第１の３表②!"&amp;CELL("address",DG86))="×××"</formula>
    </cfRule>
    <cfRule type="expression" dxfId="3042" priority="3043" stopIfTrue="1">
      <formula>INDIRECT("第１の３表②!"&amp;CELL("address",DG86))="××"</formula>
    </cfRule>
    <cfRule type="expression" dxfId="3041" priority="3044" stopIfTrue="1">
      <formula>INDIRECT("第１の３表②!"&amp;CELL("address",DG86))="×"</formula>
    </cfRule>
    <cfRule type="expression" dxfId="3040" priority="3045" stopIfTrue="1">
      <formula>ISBLANK(AN86)=FALSE</formula>
    </cfRule>
  </conditionalFormatting>
  <conditionalFormatting sqref="AN86:AO87">
    <cfRule type="expression" dxfId="3039" priority="3036" stopIfTrue="1">
      <formula>ISBLANK(AN86)=TRUE</formula>
    </cfRule>
    <cfRule type="expression" dxfId="3038" priority="3037" stopIfTrue="1">
      <formula>INDIRECT("第１の３表②!"&amp;CELL("address",DG86))="×××"</formula>
    </cfRule>
    <cfRule type="expression" dxfId="3037" priority="3038" stopIfTrue="1">
      <formula>INDIRECT("第１の３表②!"&amp;CELL("address",DG86))="××"</formula>
    </cfRule>
    <cfRule type="expression" dxfId="3036" priority="3039" stopIfTrue="1">
      <formula>INDIRECT("第１の３表②!"&amp;CELL("address",DG86))="×"</formula>
    </cfRule>
    <cfRule type="expression" dxfId="3035" priority="3040" stopIfTrue="1">
      <formula>ISBLANK(AN86)=FALSE</formula>
    </cfRule>
  </conditionalFormatting>
  <conditionalFormatting sqref="AQ86:AR87">
    <cfRule type="expression" dxfId="3034" priority="3031" stopIfTrue="1">
      <formula>ISBLANK(AQ86)=TRUE</formula>
    </cfRule>
    <cfRule type="expression" dxfId="3033" priority="3032" stopIfTrue="1">
      <formula>INDIRECT("第１の３表②!"&amp;CELL("address",DJ86))="×××"</formula>
    </cfRule>
    <cfRule type="expression" dxfId="3032" priority="3033" stopIfTrue="1">
      <formula>INDIRECT("第１の３表②!"&amp;CELL("address",DJ86))="××"</formula>
    </cfRule>
    <cfRule type="expression" dxfId="3031" priority="3034" stopIfTrue="1">
      <formula>INDIRECT("第１の３表②!"&amp;CELL("address",DJ86))="×"</formula>
    </cfRule>
    <cfRule type="expression" dxfId="3030" priority="3035" stopIfTrue="1">
      <formula>ISBLANK(AQ86)=FALSE</formula>
    </cfRule>
  </conditionalFormatting>
  <conditionalFormatting sqref="AQ86:AR87">
    <cfRule type="expression" dxfId="3029" priority="3026" stopIfTrue="1">
      <formula>ISBLANK(AQ86)=TRUE</formula>
    </cfRule>
    <cfRule type="expression" dxfId="3028" priority="3027" stopIfTrue="1">
      <formula>INDIRECT("第１の３表②!"&amp;CELL("address",DJ86))="×××"</formula>
    </cfRule>
    <cfRule type="expression" dxfId="3027" priority="3028" stopIfTrue="1">
      <formula>INDIRECT("第１の３表②!"&amp;CELL("address",DJ86))="××"</formula>
    </cfRule>
    <cfRule type="expression" dxfId="3026" priority="3029" stopIfTrue="1">
      <formula>INDIRECT("第１の３表②!"&amp;CELL("address",DJ86))="×"</formula>
    </cfRule>
    <cfRule type="expression" dxfId="3025" priority="3030" stopIfTrue="1">
      <formula>ISBLANK(AQ86)=FALSE</formula>
    </cfRule>
  </conditionalFormatting>
  <conditionalFormatting sqref="AT86:AU87">
    <cfRule type="expression" dxfId="3024" priority="3021" stopIfTrue="1">
      <formula>ISBLANK(AT86)=TRUE</formula>
    </cfRule>
    <cfRule type="expression" dxfId="3023" priority="3022" stopIfTrue="1">
      <formula>INDIRECT("第１の３表②!"&amp;CELL("address",DM86))="×××"</formula>
    </cfRule>
    <cfRule type="expression" dxfId="3022" priority="3023" stopIfTrue="1">
      <formula>INDIRECT("第１の３表②!"&amp;CELL("address",DM86))="××"</formula>
    </cfRule>
    <cfRule type="expression" dxfId="3021" priority="3024" stopIfTrue="1">
      <formula>INDIRECT("第１の３表②!"&amp;CELL("address",DM86))="×"</formula>
    </cfRule>
    <cfRule type="expression" dxfId="3020" priority="3025" stopIfTrue="1">
      <formula>ISBLANK(AT86)=FALSE</formula>
    </cfRule>
  </conditionalFormatting>
  <conditionalFormatting sqref="AT86:AU87">
    <cfRule type="expression" dxfId="3019" priority="3016" stopIfTrue="1">
      <formula>ISBLANK(AT86)=TRUE</formula>
    </cfRule>
    <cfRule type="expression" dxfId="3018" priority="3017" stopIfTrue="1">
      <formula>INDIRECT("第１の３表②!"&amp;CELL("address",DM86))="×××"</formula>
    </cfRule>
    <cfRule type="expression" dxfId="3017" priority="3018" stopIfTrue="1">
      <formula>INDIRECT("第１の３表②!"&amp;CELL("address",DM86))="××"</formula>
    </cfRule>
    <cfRule type="expression" dxfId="3016" priority="3019" stopIfTrue="1">
      <formula>INDIRECT("第１の３表②!"&amp;CELL("address",DM86))="×"</formula>
    </cfRule>
    <cfRule type="expression" dxfId="3015" priority="3020" stopIfTrue="1">
      <formula>ISBLANK(AT86)=FALSE</formula>
    </cfRule>
  </conditionalFormatting>
  <conditionalFormatting sqref="AW86:AX87">
    <cfRule type="expression" dxfId="3014" priority="3011" stopIfTrue="1">
      <formula>ISBLANK(AW86)=TRUE</formula>
    </cfRule>
    <cfRule type="expression" dxfId="3013" priority="3012" stopIfTrue="1">
      <formula>INDIRECT("第１の３表②!"&amp;CELL("address",DP86))="×××"</formula>
    </cfRule>
    <cfRule type="expression" dxfId="3012" priority="3013" stopIfTrue="1">
      <formula>INDIRECT("第１の３表②!"&amp;CELL("address",DP86))="××"</formula>
    </cfRule>
    <cfRule type="expression" dxfId="3011" priority="3014" stopIfTrue="1">
      <formula>INDIRECT("第１の３表②!"&amp;CELL("address",DP86))="×"</formula>
    </cfRule>
    <cfRule type="expression" dxfId="3010" priority="3015" stopIfTrue="1">
      <formula>ISBLANK(AW86)=FALSE</formula>
    </cfRule>
  </conditionalFormatting>
  <conditionalFormatting sqref="AW86:AX87">
    <cfRule type="expression" dxfId="3009" priority="3006" stopIfTrue="1">
      <formula>ISBLANK(AW86)=TRUE</formula>
    </cfRule>
    <cfRule type="expression" dxfId="3008" priority="3007" stopIfTrue="1">
      <formula>INDIRECT("第１の３表②!"&amp;CELL("address",DP86))="×××"</formula>
    </cfRule>
    <cfRule type="expression" dxfId="3007" priority="3008" stopIfTrue="1">
      <formula>INDIRECT("第１の３表②!"&amp;CELL("address",DP86))="××"</formula>
    </cfRule>
    <cfRule type="expression" dxfId="3006" priority="3009" stopIfTrue="1">
      <formula>INDIRECT("第１の３表②!"&amp;CELL("address",DP86))="×"</formula>
    </cfRule>
    <cfRule type="expression" dxfId="3005" priority="3010" stopIfTrue="1">
      <formula>ISBLANK(AW86)=FALSE</formula>
    </cfRule>
  </conditionalFormatting>
  <conditionalFormatting sqref="AZ86:BA87">
    <cfRule type="expression" dxfId="3004" priority="3001" stopIfTrue="1">
      <formula>ISBLANK(AZ86)=TRUE</formula>
    </cfRule>
    <cfRule type="expression" dxfId="3003" priority="3002" stopIfTrue="1">
      <formula>INDIRECT("第１の３表②!"&amp;CELL("address",DS86))="×××"</formula>
    </cfRule>
    <cfRule type="expression" dxfId="3002" priority="3003" stopIfTrue="1">
      <formula>INDIRECT("第１の３表②!"&amp;CELL("address",DS86))="××"</formula>
    </cfRule>
    <cfRule type="expression" dxfId="3001" priority="3004" stopIfTrue="1">
      <formula>INDIRECT("第１の３表②!"&amp;CELL("address",DS86))="×"</formula>
    </cfRule>
    <cfRule type="expression" dxfId="3000" priority="3005" stopIfTrue="1">
      <formula>ISBLANK(AZ86)=FALSE</formula>
    </cfRule>
  </conditionalFormatting>
  <conditionalFormatting sqref="AZ86:BA87">
    <cfRule type="expression" dxfId="2999" priority="2996" stopIfTrue="1">
      <formula>ISBLANK(AZ86)=TRUE</formula>
    </cfRule>
    <cfRule type="expression" dxfId="2998" priority="2997" stopIfTrue="1">
      <formula>INDIRECT("第１の３表②!"&amp;CELL("address",DS86))="×××"</formula>
    </cfRule>
    <cfRule type="expression" dxfId="2997" priority="2998" stopIfTrue="1">
      <formula>INDIRECT("第１の３表②!"&amp;CELL("address",DS86))="××"</formula>
    </cfRule>
    <cfRule type="expression" dxfId="2996" priority="2999" stopIfTrue="1">
      <formula>INDIRECT("第１の３表②!"&amp;CELL("address",DS86))="×"</formula>
    </cfRule>
    <cfRule type="expression" dxfId="2995" priority="3000" stopIfTrue="1">
      <formula>ISBLANK(AZ86)=FALSE</formula>
    </cfRule>
  </conditionalFormatting>
  <conditionalFormatting sqref="BC86:BD87">
    <cfRule type="expression" dxfId="2994" priority="2991" stopIfTrue="1">
      <formula>ISBLANK(BC86)=TRUE</formula>
    </cfRule>
    <cfRule type="expression" dxfId="2993" priority="2992" stopIfTrue="1">
      <formula>INDIRECT("第１の３表②!"&amp;CELL("address",DV86))="×××"</formula>
    </cfRule>
    <cfRule type="expression" dxfId="2992" priority="2993" stopIfTrue="1">
      <formula>INDIRECT("第１の３表②!"&amp;CELL("address",DV86))="××"</formula>
    </cfRule>
    <cfRule type="expression" dxfId="2991" priority="2994" stopIfTrue="1">
      <formula>INDIRECT("第１の３表②!"&amp;CELL("address",DV86))="×"</formula>
    </cfRule>
    <cfRule type="expression" dxfId="2990" priority="2995" stopIfTrue="1">
      <formula>ISBLANK(BC86)=FALSE</formula>
    </cfRule>
  </conditionalFormatting>
  <conditionalFormatting sqref="BC86:BD87">
    <cfRule type="expression" dxfId="2989" priority="2986" stopIfTrue="1">
      <formula>ISBLANK(BC86)=TRUE</formula>
    </cfRule>
    <cfRule type="expression" dxfId="2988" priority="2987" stopIfTrue="1">
      <formula>INDIRECT("第１の３表②!"&amp;CELL("address",DV86))="×××"</formula>
    </cfRule>
    <cfRule type="expression" dxfId="2987" priority="2988" stopIfTrue="1">
      <formula>INDIRECT("第１の３表②!"&amp;CELL("address",DV86))="××"</formula>
    </cfRule>
    <cfRule type="expression" dxfId="2986" priority="2989" stopIfTrue="1">
      <formula>INDIRECT("第１の３表②!"&amp;CELL("address",DV86))="×"</formula>
    </cfRule>
    <cfRule type="expression" dxfId="2985" priority="2990" stopIfTrue="1">
      <formula>ISBLANK(BC86)=FALSE</formula>
    </cfRule>
  </conditionalFormatting>
  <conditionalFormatting sqref="BF86:BG87">
    <cfRule type="expression" dxfId="2984" priority="2981" stopIfTrue="1">
      <formula>ISBLANK(BF86)=TRUE</formula>
    </cfRule>
    <cfRule type="expression" dxfId="2983" priority="2982" stopIfTrue="1">
      <formula>INDIRECT("第１の３表②!"&amp;CELL("address",DY86))="×××"</formula>
    </cfRule>
    <cfRule type="expression" dxfId="2982" priority="2983" stopIfTrue="1">
      <formula>INDIRECT("第１の３表②!"&amp;CELL("address",DY86))="××"</formula>
    </cfRule>
    <cfRule type="expression" dxfId="2981" priority="2984" stopIfTrue="1">
      <formula>INDIRECT("第１の３表②!"&amp;CELL("address",DY86))="×"</formula>
    </cfRule>
    <cfRule type="expression" dxfId="2980" priority="2985" stopIfTrue="1">
      <formula>ISBLANK(BF86)=FALSE</formula>
    </cfRule>
  </conditionalFormatting>
  <conditionalFormatting sqref="BF86:BG87">
    <cfRule type="expression" dxfId="2979" priority="2976" stopIfTrue="1">
      <formula>ISBLANK(BF86)=TRUE</formula>
    </cfRule>
    <cfRule type="expression" dxfId="2978" priority="2977" stopIfTrue="1">
      <formula>INDIRECT("第１の３表②!"&amp;CELL("address",DY86))="×××"</formula>
    </cfRule>
    <cfRule type="expression" dxfId="2977" priority="2978" stopIfTrue="1">
      <formula>INDIRECT("第１の３表②!"&amp;CELL("address",DY86))="××"</formula>
    </cfRule>
    <cfRule type="expression" dxfId="2976" priority="2979" stopIfTrue="1">
      <formula>INDIRECT("第１の３表②!"&amp;CELL("address",DY86))="×"</formula>
    </cfRule>
    <cfRule type="expression" dxfId="2975" priority="2980" stopIfTrue="1">
      <formula>ISBLANK(BF86)=FALSE</formula>
    </cfRule>
  </conditionalFormatting>
  <conditionalFormatting sqref="BI86:BJ87">
    <cfRule type="expression" dxfId="2974" priority="2971" stopIfTrue="1">
      <formula>ISBLANK(BI86)=TRUE</formula>
    </cfRule>
    <cfRule type="expression" dxfId="2973" priority="2972" stopIfTrue="1">
      <formula>INDIRECT("第１の３表②!"&amp;CELL("address",EB86))="×××"</formula>
    </cfRule>
    <cfRule type="expression" dxfId="2972" priority="2973" stopIfTrue="1">
      <formula>INDIRECT("第１の３表②!"&amp;CELL("address",EB86))="××"</formula>
    </cfRule>
    <cfRule type="expression" dxfId="2971" priority="2974" stopIfTrue="1">
      <formula>INDIRECT("第１の３表②!"&amp;CELL("address",EB86))="×"</formula>
    </cfRule>
    <cfRule type="expression" dxfId="2970" priority="2975" stopIfTrue="1">
      <formula>ISBLANK(BI86)=FALSE</formula>
    </cfRule>
  </conditionalFormatting>
  <conditionalFormatting sqref="BI86:BJ87">
    <cfRule type="expression" dxfId="2969" priority="2966" stopIfTrue="1">
      <formula>ISBLANK(BI86)=TRUE</formula>
    </cfRule>
    <cfRule type="expression" dxfId="2968" priority="2967" stopIfTrue="1">
      <formula>INDIRECT("第１の３表②!"&amp;CELL("address",EB86))="×××"</formula>
    </cfRule>
    <cfRule type="expression" dxfId="2967" priority="2968" stopIfTrue="1">
      <formula>INDIRECT("第１の３表②!"&amp;CELL("address",EB86))="××"</formula>
    </cfRule>
    <cfRule type="expression" dxfId="2966" priority="2969" stopIfTrue="1">
      <formula>INDIRECT("第１の３表②!"&amp;CELL("address",EB86))="×"</formula>
    </cfRule>
    <cfRule type="expression" dxfId="2965" priority="2970" stopIfTrue="1">
      <formula>ISBLANK(BI86)=FALSE</formula>
    </cfRule>
  </conditionalFormatting>
  <conditionalFormatting sqref="BL86:BM87">
    <cfRule type="expression" dxfId="2964" priority="2961" stopIfTrue="1">
      <formula>ISBLANK(BL86)=TRUE</formula>
    </cfRule>
    <cfRule type="expression" dxfId="2963" priority="2962" stopIfTrue="1">
      <formula>INDIRECT("第１の３表②!"&amp;CELL("address",EE86))="×××"</formula>
    </cfRule>
    <cfRule type="expression" dxfId="2962" priority="2963" stopIfTrue="1">
      <formula>INDIRECT("第１の３表②!"&amp;CELL("address",EE86))="××"</formula>
    </cfRule>
    <cfRule type="expression" dxfId="2961" priority="2964" stopIfTrue="1">
      <formula>INDIRECT("第１の３表②!"&amp;CELL("address",EE86))="×"</formula>
    </cfRule>
    <cfRule type="expression" dxfId="2960" priority="2965" stopIfTrue="1">
      <formula>ISBLANK(BL86)=FALSE</formula>
    </cfRule>
  </conditionalFormatting>
  <conditionalFormatting sqref="BL86:BM87">
    <cfRule type="expression" dxfId="2959" priority="2956" stopIfTrue="1">
      <formula>ISBLANK(BL86)=TRUE</formula>
    </cfRule>
    <cfRule type="expression" dxfId="2958" priority="2957" stopIfTrue="1">
      <formula>INDIRECT("第１の３表②!"&amp;CELL("address",EE86))="×××"</formula>
    </cfRule>
    <cfRule type="expression" dxfId="2957" priority="2958" stopIfTrue="1">
      <formula>INDIRECT("第１の３表②!"&amp;CELL("address",EE86))="××"</formula>
    </cfRule>
    <cfRule type="expression" dxfId="2956" priority="2959" stopIfTrue="1">
      <formula>INDIRECT("第１の３表②!"&amp;CELL("address",EE86))="×"</formula>
    </cfRule>
    <cfRule type="expression" dxfId="2955" priority="2960" stopIfTrue="1">
      <formula>ISBLANK(BL86)=FALSE</formula>
    </cfRule>
  </conditionalFormatting>
  <conditionalFormatting sqref="BO86:BP87">
    <cfRule type="expression" dxfId="2954" priority="2951" stopIfTrue="1">
      <formula>ISBLANK(BO86)=TRUE</formula>
    </cfRule>
    <cfRule type="expression" dxfId="2953" priority="2952" stopIfTrue="1">
      <formula>INDIRECT("第１の３表②!"&amp;CELL("address",EH86))="×××"</formula>
    </cfRule>
    <cfRule type="expression" dxfId="2952" priority="2953" stopIfTrue="1">
      <formula>INDIRECT("第１の３表②!"&amp;CELL("address",EH86))="××"</formula>
    </cfRule>
    <cfRule type="expression" dxfId="2951" priority="2954" stopIfTrue="1">
      <formula>INDIRECT("第１の３表②!"&amp;CELL("address",EH86))="×"</formula>
    </cfRule>
    <cfRule type="expression" dxfId="2950" priority="2955" stopIfTrue="1">
      <formula>ISBLANK(BO86)=FALSE</formula>
    </cfRule>
  </conditionalFormatting>
  <conditionalFormatting sqref="BO86:BP87">
    <cfRule type="expression" dxfId="2949" priority="2946" stopIfTrue="1">
      <formula>ISBLANK(BO86)=TRUE</formula>
    </cfRule>
    <cfRule type="expression" dxfId="2948" priority="2947" stopIfTrue="1">
      <formula>INDIRECT("第１の３表②!"&amp;CELL("address",EH86))="×××"</formula>
    </cfRule>
    <cfRule type="expression" dxfId="2947" priority="2948" stopIfTrue="1">
      <formula>INDIRECT("第１の３表②!"&amp;CELL("address",EH86))="××"</formula>
    </cfRule>
    <cfRule type="expression" dxfId="2946" priority="2949" stopIfTrue="1">
      <formula>INDIRECT("第１の３表②!"&amp;CELL("address",EH86))="×"</formula>
    </cfRule>
    <cfRule type="expression" dxfId="2945" priority="2950" stopIfTrue="1">
      <formula>ISBLANK(BO86)=FALSE</formula>
    </cfRule>
  </conditionalFormatting>
  <conditionalFormatting sqref="G92:H93">
    <cfRule type="expression" dxfId="2944" priority="2941" stopIfTrue="1">
      <formula>ISBLANK(G92)=TRUE</formula>
    </cfRule>
    <cfRule type="expression" dxfId="2943" priority="2942" stopIfTrue="1">
      <formula>INDIRECT("第１の３表②!"&amp;CELL("address",BZ92))="×××"</formula>
    </cfRule>
    <cfRule type="expression" dxfId="2942" priority="2943" stopIfTrue="1">
      <formula>INDIRECT("第１の３表②!"&amp;CELL("address",BZ92))="××"</formula>
    </cfRule>
    <cfRule type="expression" dxfId="2941" priority="2944" stopIfTrue="1">
      <formula>INDIRECT("第１の３表②!"&amp;CELL("address",BZ92))="×"</formula>
    </cfRule>
    <cfRule type="expression" dxfId="2940" priority="2945" stopIfTrue="1">
      <formula>ISBLANK(G92)=FALSE</formula>
    </cfRule>
  </conditionalFormatting>
  <conditionalFormatting sqref="J92:K93">
    <cfRule type="expression" dxfId="2939" priority="2936" stopIfTrue="1">
      <formula>ISBLANK(J92)=TRUE</formula>
    </cfRule>
    <cfRule type="expression" dxfId="2938" priority="2937" stopIfTrue="1">
      <formula>INDIRECT("第１の３表②!"&amp;CELL("address",CC92))="×××"</formula>
    </cfRule>
    <cfRule type="expression" dxfId="2937" priority="2938" stopIfTrue="1">
      <formula>INDIRECT("第１の３表②!"&amp;CELL("address",CC92))="××"</formula>
    </cfRule>
    <cfRule type="expression" dxfId="2936" priority="2939" stopIfTrue="1">
      <formula>INDIRECT("第１の３表②!"&amp;CELL("address",CC92))="×"</formula>
    </cfRule>
    <cfRule type="expression" dxfId="2935" priority="2940" stopIfTrue="1">
      <formula>ISBLANK(J92)=FALSE</formula>
    </cfRule>
  </conditionalFormatting>
  <conditionalFormatting sqref="M92:N93">
    <cfRule type="expression" dxfId="2934" priority="2931" stopIfTrue="1">
      <formula>ISBLANK(M92)=TRUE</formula>
    </cfRule>
    <cfRule type="expression" dxfId="2933" priority="2932" stopIfTrue="1">
      <formula>INDIRECT("第１の３表②!"&amp;CELL("address",CF92))="×××"</formula>
    </cfRule>
    <cfRule type="expression" dxfId="2932" priority="2933" stopIfTrue="1">
      <formula>INDIRECT("第１の３表②!"&amp;CELL("address",CF92))="××"</formula>
    </cfRule>
    <cfRule type="expression" dxfId="2931" priority="2934" stopIfTrue="1">
      <formula>INDIRECT("第１の３表②!"&amp;CELL("address",CF92))="×"</formula>
    </cfRule>
    <cfRule type="expression" dxfId="2930" priority="2935" stopIfTrue="1">
      <formula>ISBLANK(M92)=FALSE</formula>
    </cfRule>
  </conditionalFormatting>
  <conditionalFormatting sqref="P92:Q93">
    <cfRule type="expression" dxfId="2929" priority="2926" stopIfTrue="1">
      <formula>ISBLANK(P92)=TRUE</formula>
    </cfRule>
    <cfRule type="expression" dxfId="2928" priority="2927" stopIfTrue="1">
      <formula>INDIRECT("第１の３表②!"&amp;CELL("address",CI92))="×××"</formula>
    </cfRule>
    <cfRule type="expression" dxfId="2927" priority="2928" stopIfTrue="1">
      <formula>INDIRECT("第１の３表②!"&amp;CELL("address",CI92))="××"</formula>
    </cfRule>
    <cfRule type="expression" dxfId="2926" priority="2929" stopIfTrue="1">
      <formula>INDIRECT("第１の３表②!"&amp;CELL("address",CI92))="×"</formula>
    </cfRule>
    <cfRule type="expression" dxfId="2925" priority="2930" stopIfTrue="1">
      <formula>ISBLANK(P92)=FALSE</formula>
    </cfRule>
  </conditionalFormatting>
  <conditionalFormatting sqref="S92:T93">
    <cfRule type="expression" dxfId="2924" priority="2921" stopIfTrue="1">
      <formula>ISBLANK(S92)=TRUE</formula>
    </cfRule>
    <cfRule type="expression" dxfId="2923" priority="2922" stopIfTrue="1">
      <formula>INDIRECT("第１の３表②!"&amp;CELL("address",CL92))="×××"</formula>
    </cfRule>
    <cfRule type="expression" dxfId="2922" priority="2923" stopIfTrue="1">
      <formula>INDIRECT("第１の３表②!"&amp;CELL("address",CL92))="××"</formula>
    </cfRule>
    <cfRule type="expression" dxfId="2921" priority="2924" stopIfTrue="1">
      <formula>INDIRECT("第１の３表②!"&amp;CELL("address",CL92))="×"</formula>
    </cfRule>
    <cfRule type="expression" dxfId="2920" priority="2925" stopIfTrue="1">
      <formula>ISBLANK(S92)=FALSE</formula>
    </cfRule>
  </conditionalFormatting>
  <conditionalFormatting sqref="V92:W93">
    <cfRule type="expression" dxfId="2919" priority="2916" stopIfTrue="1">
      <formula>ISBLANK(V92)=TRUE</formula>
    </cfRule>
    <cfRule type="expression" dxfId="2918" priority="2917" stopIfTrue="1">
      <formula>INDIRECT("第１の３表②!"&amp;CELL("address",CO92))="×××"</formula>
    </cfRule>
    <cfRule type="expression" dxfId="2917" priority="2918" stopIfTrue="1">
      <formula>INDIRECT("第１の３表②!"&amp;CELL("address",CO92))="××"</formula>
    </cfRule>
    <cfRule type="expression" dxfId="2916" priority="2919" stopIfTrue="1">
      <formula>INDIRECT("第１の３表②!"&amp;CELL("address",CO92))="×"</formula>
    </cfRule>
    <cfRule type="expression" dxfId="2915" priority="2920" stopIfTrue="1">
      <formula>ISBLANK(V92)=FALSE</formula>
    </cfRule>
  </conditionalFormatting>
  <conditionalFormatting sqref="Y92:Z93">
    <cfRule type="expression" dxfId="2914" priority="2911" stopIfTrue="1">
      <formula>ISBLANK(Y92)=TRUE</formula>
    </cfRule>
    <cfRule type="expression" dxfId="2913" priority="2912" stopIfTrue="1">
      <formula>INDIRECT("第１の３表②!"&amp;CELL("address",CR92))="×××"</formula>
    </cfRule>
    <cfRule type="expression" dxfId="2912" priority="2913" stopIfTrue="1">
      <formula>INDIRECT("第１の３表②!"&amp;CELL("address",CR92))="××"</formula>
    </cfRule>
    <cfRule type="expression" dxfId="2911" priority="2914" stopIfTrue="1">
      <formula>INDIRECT("第１の３表②!"&amp;CELL("address",CR92))="×"</formula>
    </cfRule>
    <cfRule type="expression" dxfId="2910" priority="2915" stopIfTrue="1">
      <formula>ISBLANK(Y92)=FALSE</formula>
    </cfRule>
  </conditionalFormatting>
  <conditionalFormatting sqref="AB92:AC93">
    <cfRule type="expression" dxfId="2909" priority="2906" stopIfTrue="1">
      <formula>ISBLANK(AB92)=TRUE</formula>
    </cfRule>
    <cfRule type="expression" dxfId="2908" priority="2907" stopIfTrue="1">
      <formula>INDIRECT("第１の３表②!"&amp;CELL("address",CU92))="×××"</formula>
    </cfRule>
    <cfRule type="expression" dxfId="2907" priority="2908" stopIfTrue="1">
      <formula>INDIRECT("第１の３表②!"&amp;CELL("address",CU92))="××"</formula>
    </cfRule>
    <cfRule type="expression" dxfId="2906" priority="2909" stopIfTrue="1">
      <formula>INDIRECT("第１の３表②!"&amp;CELL("address",CU92))="×"</formula>
    </cfRule>
    <cfRule type="expression" dxfId="2905" priority="2910" stopIfTrue="1">
      <formula>ISBLANK(AB92)=FALSE</formula>
    </cfRule>
  </conditionalFormatting>
  <conditionalFormatting sqref="AE92:AF93">
    <cfRule type="expression" dxfId="2904" priority="2901" stopIfTrue="1">
      <formula>ISBLANK(AE92)=TRUE</formula>
    </cfRule>
    <cfRule type="expression" dxfId="2903" priority="2902" stopIfTrue="1">
      <formula>INDIRECT("第１の３表②!"&amp;CELL("address",CX92))="×××"</formula>
    </cfRule>
    <cfRule type="expression" dxfId="2902" priority="2903" stopIfTrue="1">
      <formula>INDIRECT("第１の３表②!"&amp;CELL("address",CX92))="××"</formula>
    </cfRule>
    <cfRule type="expression" dxfId="2901" priority="2904" stopIfTrue="1">
      <formula>INDIRECT("第１の３表②!"&amp;CELL("address",CX92))="×"</formula>
    </cfRule>
    <cfRule type="expression" dxfId="2900" priority="2905" stopIfTrue="1">
      <formula>ISBLANK(AE92)=FALSE</formula>
    </cfRule>
  </conditionalFormatting>
  <conditionalFormatting sqref="AH92:AI93">
    <cfRule type="expression" dxfId="2899" priority="2896" stopIfTrue="1">
      <formula>ISBLANK(AH92)=TRUE</formula>
    </cfRule>
    <cfRule type="expression" dxfId="2898" priority="2897" stopIfTrue="1">
      <formula>INDIRECT("第１の３表②!"&amp;CELL("address",DA92))="×××"</formula>
    </cfRule>
    <cfRule type="expression" dxfId="2897" priority="2898" stopIfTrue="1">
      <formula>INDIRECT("第１の３表②!"&amp;CELL("address",DA92))="××"</formula>
    </cfRule>
    <cfRule type="expression" dxfId="2896" priority="2899" stopIfTrue="1">
      <formula>INDIRECT("第１の３表②!"&amp;CELL("address",DA92))="×"</formula>
    </cfRule>
    <cfRule type="expression" dxfId="2895" priority="2900" stopIfTrue="1">
      <formula>ISBLANK(AH92)=FALSE</formula>
    </cfRule>
  </conditionalFormatting>
  <conditionalFormatting sqref="AK92:AL93">
    <cfRule type="expression" dxfId="2894" priority="2891" stopIfTrue="1">
      <formula>ISBLANK(AK92)=TRUE</formula>
    </cfRule>
    <cfRule type="expression" dxfId="2893" priority="2892" stopIfTrue="1">
      <formula>INDIRECT("第１の３表②!"&amp;CELL("address",DD92))="×××"</formula>
    </cfRule>
    <cfRule type="expression" dxfId="2892" priority="2893" stopIfTrue="1">
      <formula>INDIRECT("第１の３表②!"&amp;CELL("address",DD92))="××"</formula>
    </cfRule>
    <cfRule type="expression" dxfId="2891" priority="2894" stopIfTrue="1">
      <formula>INDIRECT("第１の３表②!"&amp;CELL("address",DD92))="×"</formula>
    </cfRule>
    <cfRule type="expression" dxfId="2890" priority="2895" stopIfTrue="1">
      <formula>ISBLANK(AK92)=FALSE</formula>
    </cfRule>
  </conditionalFormatting>
  <conditionalFormatting sqref="AN92:AO93">
    <cfRule type="expression" dxfId="2889" priority="2886" stopIfTrue="1">
      <formula>ISBLANK(AN92)=TRUE</formula>
    </cfRule>
    <cfRule type="expression" dxfId="2888" priority="2887" stopIfTrue="1">
      <formula>INDIRECT("第１の３表②!"&amp;CELL("address",DG92))="×××"</formula>
    </cfRule>
    <cfRule type="expression" dxfId="2887" priority="2888" stopIfTrue="1">
      <formula>INDIRECT("第１の３表②!"&amp;CELL("address",DG92))="××"</formula>
    </cfRule>
    <cfRule type="expression" dxfId="2886" priority="2889" stopIfTrue="1">
      <formula>INDIRECT("第１の３表②!"&amp;CELL("address",DG92))="×"</formula>
    </cfRule>
    <cfRule type="expression" dxfId="2885" priority="2890" stopIfTrue="1">
      <formula>ISBLANK(AN92)=FALSE</formula>
    </cfRule>
  </conditionalFormatting>
  <conditionalFormatting sqref="AQ92:AR93">
    <cfRule type="expression" dxfId="2884" priority="2881" stopIfTrue="1">
      <formula>ISBLANK(AQ92)=TRUE</formula>
    </cfRule>
    <cfRule type="expression" dxfId="2883" priority="2882" stopIfTrue="1">
      <formula>INDIRECT("第１の３表②!"&amp;CELL("address",DJ92))="×××"</formula>
    </cfRule>
    <cfRule type="expression" dxfId="2882" priority="2883" stopIfTrue="1">
      <formula>INDIRECT("第１の３表②!"&amp;CELL("address",DJ92))="××"</formula>
    </cfRule>
    <cfRule type="expression" dxfId="2881" priority="2884" stopIfTrue="1">
      <formula>INDIRECT("第１の３表②!"&amp;CELL("address",DJ92))="×"</formula>
    </cfRule>
    <cfRule type="expression" dxfId="2880" priority="2885" stopIfTrue="1">
      <formula>ISBLANK(AQ92)=FALSE</formula>
    </cfRule>
  </conditionalFormatting>
  <conditionalFormatting sqref="AT92:AU93">
    <cfRule type="expression" dxfId="2879" priority="2876" stopIfTrue="1">
      <formula>ISBLANK(AT92)=TRUE</formula>
    </cfRule>
    <cfRule type="expression" dxfId="2878" priority="2877" stopIfTrue="1">
      <formula>INDIRECT("第１の３表②!"&amp;CELL("address",DM92))="×××"</formula>
    </cfRule>
    <cfRule type="expression" dxfId="2877" priority="2878" stopIfTrue="1">
      <formula>INDIRECT("第１の３表②!"&amp;CELL("address",DM92))="××"</formula>
    </cfRule>
    <cfRule type="expression" dxfId="2876" priority="2879" stopIfTrue="1">
      <formula>INDIRECT("第１の３表②!"&amp;CELL("address",DM92))="×"</formula>
    </cfRule>
    <cfRule type="expression" dxfId="2875" priority="2880" stopIfTrue="1">
      <formula>ISBLANK(AT92)=FALSE</formula>
    </cfRule>
  </conditionalFormatting>
  <conditionalFormatting sqref="AW92:AX93">
    <cfRule type="expression" dxfId="2874" priority="2871" stopIfTrue="1">
      <formula>ISBLANK(AW92)=TRUE</formula>
    </cfRule>
    <cfRule type="expression" dxfId="2873" priority="2872" stopIfTrue="1">
      <formula>INDIRECT("第１の３表②!"&amp;CELL("address",DP92))="×××"</formula>
    </cfRule>
    <cfRule type="expression" dxfId="2872" priority="2873" stopIfTrue="1">
      <formula>INDIRECT("第１の３表②!"&amp;CELL("address",DP92))="××"</formula>
    </cfRule>
    <cfRule type="expression" dxfId="2871" priority="2874" stopIfTrue="1">
      <formula>INDIRECT("第１の３表②!"&amp;CELL("address",DP92))="×"</formula>
    </cfRule>
    <cfRule type="expression" dxfId="2870" priority="2875" stopIfTrue="1">
      <formula>ISBLANK(AW92)=FALSE</formula>
    </cfRule>
  </conditionalFormatting>
  <conditionalFormatting sqref="AZ92:BA93">
    <cfRule type="expression" dxfId="2869" priority="2866" stopIfTrue="1">
      <formula>ISBLANK(AZ92)=TRUE</formula>
    </cfRule>
    <cfRule type="expression" dxfId="2868" priority="2867" stopIfTrue="1">
      <formula>INDIRECT("第１の３表②!"&amp;CELL("address",DS92))="×××"</formula>
    </cfRule>
    <cfRule type="expression" dxfId="2867" priority="2868" stopIfTrue="1">
      <formula>INDIRECT("第１の３表②!"&amp;CELL("address",DS92))="××"</formula>
    </cfRule>
    <cfRule type="expression" dxfId="2866" priority="2869" stopIfTrue="1">
      <formula>INDIRECT("第１の３表②!"&amp;CELL("address",DS92))="×"</formula>
    </cfRule>
    <cfRule type="expression" dxfId="2865" priority="2870" stopIfTrue="1">
      <formula>ISBLANK(AZ92)=FALSE</formula>
    </cfRule>
  </conditionalFormatting>
  <conditionalFormatting sqref="BC92:BD93">
    <cfRule type="expression" dxfId="2864" priority="2861" stopIfTrue="1">
      <formula>ISBLANK(BC92)=TRUE</formula>
    </cfRule>
    <cfRule type="expression" dxfId="2863" priority="2862" stopIfTrue="1">
      <formula>INDIRECT("第１の３表②!"&amp;CELL("address",DV92))="×××"</formula>
    </cfRule>
    <cfRule type="expression" dxfId="2862" priority="2863" stopIfTrue="1">
      <formula>INDIRECT("第１の３表②!"&amp;CELL("address",DV92))="××"</formula>
    </cfRule>
    <cfRule type="expression" dxfId="2861" priority="2864" stopIfTrue="1">
      <formula>INDIRECT("第１の３表②!"&amp;CELL("address",DV92))="×"</formula>
    </cfRule>
    <cfRule type="expression" dxfId="2860" priority="2865" stopIfTrue="1">
      <formula>ISBLANK(BC92)=FALSE</formula>
    </cfRule>
  </conditionalFormatting>
  <conditionalFormatting sqref="BF92:BG93">
    <cfRule type="expression" dxfId="2859" priority="2856" stopIfTrue="1">
      <formula>ISBLANK(BF92)=TRUE</formula>
    </cfRule>
    <cfRule type="expression" dxfId="2858" priority="2857" stopIfTrue="1">
      <formula>INDIRECT("第１の３表②!"&amp;CELL("address",DY92))="×××"</formula>
    </cfRule>
    <cfRule type="expression" dxfId="2857" priority="2858" stopIfTrue="1">
      <formula>INDIRECT("第１の３表②!"&amp;CELL("address",DY92))="××"</formula>
    </cfRule>
    <cfRule type="expression" dxfId="2856" priority="2859" stopIfTrue="1">
      <formula>INDIRECT("第１の３表②!"&amp;CELL("address",DY92))="×"</formula>
    </cfRule>
    <cfRule type="expression" dxfId="2855" priority="2860" stopIfTrue="1">
      <formula>ISBLANK(BF92)=FALSE</formula>
    </cfRule>
  </conditionalFormatting>
  <conditionalFormatting sqref="BI92:BJ93">
    <cfRule type="expression" dxfId="2854" priority="2851" stopIfTrue="1">
      <formula>ISBLANK(BI92)=TRUE</formula>
    </cfRule>
    <cfRule type="expression" dxfId="2853" priority="2852" stopIfTrue="1">
      <formula>INDIRECT("第１の３表②!"&amp;CELL("address",EB92))="×××"</formula>
    </cfRule>
    <cfRule type="expression" dxfId="2852" priority="2853" stopIfTrue="1">
      <formula>INDIRECT("第１の３表②!"&amp;CELL("address",EB92))="××"</formula>
    </cfRule>
    <cfRule type="expression" dxfId="2851" priority="2854" stopIfTrue="1">
      <formula>INDIRECT("第１の３表②!"&amp;CELL("address",EB92))="×"</formula>
    </cfRule>
    <cfRule type="expression" dxfId="2850" priority="2855" stopIfTrue="1">
      <formula>ISBLANK(BI92)=FALSE</formula>
    </cfRule>
  </conditionalFormatting>
  <conditionalFormatting sqref="BL92:BM93">
    <cfRule type="expression" dxfId="2849" priority="2846" stopIfTrue="1">
      <formula>ISBLANK(BL92)=TRUE</formula>
    </cfRule>
    <cfRule type="expression" dxfId="2848" priority="2847" stopIfTrue="1">
      <formula>INDIRECT("第１の３表②!"&amp;CELL("address",EE92))="×××"</formula>
    </cfRule>
    <cfRule type="expression" dxfId="2847" priority="2848" stopIfTrue="1">
      <formula>INDIRECT("第１の３表②!"&amp;CELL("address",EE92))="××"</formula>
    </cfRule>
    <cfRule type="expression" dxfId="2846" priority="2849" stopIfTrue="1">
      <formula>INDIRECT("第１の３表②!"&amp;CELL("address",EE92))="×"</formula>
    </cfRule>
    <cfRule type="expression" dxfId="2845" priority="2850" stopIfTrue="1">
      <formula>ISBLANK(BL92)=FALSE</formula>
    </cfRule>
  </conditionalFormatting>
  <conditionalFormatting sqref="BO92:BP93">
    <cfRule type="expression" dxfId="2844" priority="2841" stopIfTrue="1">
      <formula>ISBLANK(BO92)=TRUE</formula>
    </cfRule>
    <cfRule type="expression" dxfId="2843" priority="2842" stopIfTrue="1">
      <formula>INDIRECT("第１の３表②!"&amp;CELL("address",EH92))="×××"</formula>
    </cfRule>
    <cfRule type="expression" dxfId="2842" priority="2843" stopIfTrue="1">
      <formula>INDIRECT("第１の３表②!"&amp;CELL("address",EH92))="××"</formula>
    </cfRule>
    <cfRule type="expression" dxfId="2841" priority="2844" stopIfTrue="1">
      <formula>INDIRECT("第１の３表②!"&amp;CELL("address",EH92))="×"</formula>
    </cfRule>
    <cfRule type="expression" dxfId="2840" priority="2845" stopIfTrue="1">
      <formula>ISBLANK(BO92)=FALSE</formula>
    </cfRule>
  </conditionalFormatting>
  <conditionalFormatting sqref="G95:H96">
    <cfRule type="expression" dxfId="2839" priority="2836" stopIfTrue="1">
      <formula>ISBLANK(G95)=TRUE</formula>
    </cfRule>
    <cfRule type="expression" dxfId="2838" priority="2837" stopIfTrue="1">
      <formula>INDIRECT("第１の３表②!"&amp;CELL("address",BZ95))="×××"</formula>
    </cfRule>
    <cfRule type="expression" dxfId="2837" priority="2838" stopIfTrue="1">
      <formula>INDIRECT("第１の３表②!"&amp;CELL("address",BZ95))="××"</formula>
    </cfRule>
    <cfRule type="expression" dxfId="2836" priority="2839" stopIfTrue="1">
      <formula>INDIRECT("第１の３表②!"&amp;CELL("address",BZ95))="×"</formula>
    </cfRule>
    <cfRule type="expression" dxfId="2835" priority="2840" stopIfTrue="1">
      <formula>ISBLANK(G95)=FALSE</formula>
    </cfRule>
  </conditionalFormatting>
  <conditionalFormatting sqref="J95:K96">
    <cfRule type="expression" dxfId="2834" priority="2831" stopIfTrue="1">
      <formula>ISBLANK(J95)=TRUE</formula>
    </cfRule>
    <cfRule type="expression" dxfId="2833" priority="2832" stopIfTrue="1">
      <formula>INDIRECT("第１の３表②!"&amp;CELL("address",CC95))="×××"</formula>
    </cfRule>
    <cfRule type="expression" dxfId="2832" priority="2833" stopIfTrue="1">
      <formula>INDIRECT("第１の３表②!"&amp;CELL("address",CC95))="××"</formula>
    </cfRule>
    <cfRule type="expression" dxfId="2831" priority="2834" stopIfTrue="1">
      <formula>INDIRECT("第１の３表②!"&amp;CELL("address",CC95))="×"</formula>
    </cfRule>
    <cfRule type="expression" dxfId="2830" priority="2835" stopIfTrue="1">
      <formula>ISBLANK(J95)=FALSE</formula>
    </cfRule>
  </conditionalFormatting>
  <conditionalFormatting sqref="M95:N96">
    <cfRule type="expression" dxfId="2829" priority="2826" stopIfTrue="1">
      <formula>ISBLANK(M95)=TRUE</formula>
    </cfRule>
    <cfRule type="expression" dxfId="2828" priority="2827" stopIfTrue="1">
      <formula>INDIRECT("第１の３表②!"&amp;CELL("address",CF95))="×××"</formula>
    </cfRule>
    <cfRule type="expression" dxfId="2827" priority="2828" stopIfTrue="1">
      <formula>INDIRECT("第１の３表②!"&amp;CELL("address",CF95))="××"</formula>
    </cfRule>
    <cfRule type="expression" dxfId="2826" priority="2829" stopIfTrue="1">
      <formula>INDIRECT("第１の３表②!"&amp;CELL("address",CF95))="×"</formula>
    </cfRule>
    <cfRule type="expression" dxfId="2825" priority="2830" stopIfTrue="1">
      <formula>ISBLANK(M95)=FALSE</formula>
    </cfRule>
  </conditionalFormatting>
  <conditionalFormatting sqref="P95:Q96">
    <cfRule type="expression" dxfId="2824" priority="2821" stopIfTrue="1">
      <formula>ISBLANK(P95)=TRUE</formula>
    </cfRule>
    <cfRule type="expression" dxfId="2823" priority="2822" stopIfTrue="1">
      <formula>INDIRECT("第１の３表②!"&amp;CELL("address",CI95))="×××"</formula>
    </cfRule>
    <cfRule type="expression" dxfId="2822" priority="2823" stopIfTrue="1">
      <formula>INDIRECT("第１の３表②!"&amp;CELL("address",CI95))="××"</formula>
    </cfRule>
    <cfRule type="expression" dxfId="2821" priority="2824" stopIfTrue="1">
      <formula>INDIRECT("第１の３表②!"&amp;CELL("address",CI95))="×"</formula>
    </cfRule>
    <cfRule type="expression" dxfId="2820" priority="2825" stopIfTrue="1">
      <formula>ISBLANK(P95)=FALSE</formula>
    </cfRule>
  </conditionalFormatting>
  <conditionalFormatting sqref="S95:T96">
    <cfRule type="expression" dxfId="2819" priority="2816" stopIfTrue="1">
      <formula>ISBLANK(S95)=TRUE</formula>
    </cfRule>
    <cfRule type="expression" dxfId="2818" priority="2817" stopIfTrue="1">
      <formula>INDIRECT("第１の３表②!"&amp;CELL("address",CL95))="×××"</formula>
    </cfRule>
    <cfRule type="expression" dxfId="2817" priority="2818" stopIfTrue="1">
      <formula>INDIRECT("第１の３表②!"&amp;CELL("address",CL95))="××"</formula>
    </cfRule>
    <cfRule type="expression" dxfId="2816" priority="2819" stopIfTrue="1">
      <formula>INDIRECT("第１の３表②!"&amp;CELL("address",CL95))="×"</formula>
    </cfRule>
    <cfRule type="expression" dxfId="2815" priority="2820" stopIfTrue="1">
      <formula>ISBLANK(S95)=FALSE</formula>
    </cfRule>
  </conditionalFormatting>
  <conditionalFormatting sqref="V95:W96">
    <cfRule type="expression" dxfId="2814" priority="2811" stopIfTrue="1">
      <formula>ISBLANK(V95)=TRUE</formula>
    </cfRule>
    <cfRule type="expression" dxfId="2813" priority="2812" stopIfTrue="1">
      <formula>INDIRECT("第１の３表②!"&amp;CELL("address",CO95))="×××"</formula>
    </cfRule>
    <cfRule type="expression" dxfId="2812" priority="2813" stopIfTrue="1">
      <formula>INDIRECT("第１の３表②!"&amp;CELL("address",CO95))="××"</formula>
    </cfRule>
    <cfRule type="expression" dxfId="2811" priority="2814" stopIfTrue="1">
      <formula>INDIRECT("第１の３表②!"&amp;CELL("address",CO95))="×"</formula>
    </cfRule>
    <cfRule type="expression" dxfId="2810" priority="2815" stopIfTrue="1">
      <formula>ISBLANK(V95)=FALSE</formula>
    </cfRule>
  </conditionalFormatting>
  <conditionalFormatting sqref="Y95:Z96">
    <cfRule type="expression" dxfId="2809" priority="2806" stopIfTrue="1">
      <formula>ISBLANK(Y95)=TRUE</formula>
    </cfRule>
    <cfRule type="expression" dxfId="2808" priority="2807" stopIfTrue="1">
      <formula>INDIRECT("第１の３表②!"&amp;CELL("address",CR95))="×××"</formula>
    </cfRule>
    <cfRule type="expression" dxfId="2807" priority="2808" stopIfTrue="1">
      <formula>INDIRECT("第１の３表②!"&amp;CELL("address",CR95))="××"</formula>
    </cfRule>
    <cfRule type="expression" dxfId="2806" priority="2809" stopIfTrue="1">
      <formula>INDIRECT("第１の３表②!"&amp;CELL("address",CR95))="×"</formula>
    </cfRule>
    <cfRule type="expression" dxfId="2805" priority="2810" stopIfTrue="1">
      <formula>ISBLANK(Y95)=FALSE</formula>
    </cfRule>
  </conditionalFormatting>
  <conditionalFormatting sqref="AB95:AC96">
    <cfRule type="expression" dxfId="2804" priority="2801" stopIfTrue="1">
      <formula>ISBLANK(AB95)=TRUE</formula>
    </cfRule>
    <cfRule type="expression" dxfId="2803" priority="2802" stopIfTrue="1">
      <formula>INDIRECT("第１の３表②!"&amp;CELL("address",CU95))="×××"</formula>
    </cfRule>
    <cfRule type="expression" dxfId="2802" priority="2803" stopIfTrue="1">
      <formula>INDIRECT("第１の３表②!"&amp;CELL("address",CU95))="××"</formula>
    </cfRule>
    <cfRule type="expression" dxfId="2801" priority="2804" stopIfTrue="1">
      <formula>INDIRECT("第１の３表②!"&amp;CELL("address",CU95))="×"</formula>
    </cfRule>
    <cfRule type="expression" dxfId="2800" priority="2805" stopIfTrue="1">
      <formula>ISBLANK(AB95)=FALSE</formula>
    </cfRule>
  </conditionalFormatting>
  <conditionalFormatting sqref="AE95:AF96">
    <cfRule type="expression" dxfId="2799" priority="2796" stopIfTrue="1">
      <formula>ISBLANK(AE95)=TRUE</formula>
    </cfRule>
    <cfRule type="expression" dxfId="2798" priority="2797" stopIfTrue="1">
      <formula>INDIRECT("第１の３表②!"&amp;CELL("address",CX95))="×××"</formula>
    </cfRule>
    <cfRule type="expression" dxfId="2797" priority="2798" stopIfTrue="1">
      <formula>INDIRECT("第１の３表②!"&amp;CELL("address",CX95))="××"</formula>
    </cfRule>
    <cfRule type="expression" dxfId="2796" priority="2799" stopIfTrue="1">
      <formula>INDIRECT("第１の３表②!"&amp;CELL("address",CX95))="×"</formula>
    </cfRule>
    <cfRule type="expression" dxfId="2795" priority="2800" stopIfTrue="1">
      <formula>ISBLANK(AE95)=FALSE</formula>
    </cfRule>
  </conditionalFormatting>
  <conditionalFormatting sqref="AH95:AI96">
    <cfRule type="expression" dxfId="2794" priority="2791" stopIfTrue="1">
      <formula>ISBLANK(AH95)=TRUE</formula>
    </cfRule>
    <cfRule type="expression" dxfId="2793" priority="2792" stopIfTrue="1">
      <formula>INDIRECT("第１の３表②!"&amp;CELL("address",DA95))="×××"</formula>
    </cfRule>
    <cfRule type="expression" dxfId="2792" priority="2793" stopIfTrue="1">
      <formula>INDIRECT("第１の３表②!"&amp;CELL("address",DA95))="××"</formula>
    </cfRule>
    <cfRule type="expression" dxfId="2791" priority="2794" stopIfTrue="1">
      <formula>INDIRECT("第１の３表②!"&amp;CELL("address",DA95))="×"</formula>
    </cfRule>
    <cfRule type="expression" dxfId="2790" priority="2795" stopIfTrue="1">
      <formula>ISBLANK(AH95)=FALSE</formula>
    </cfRule>
  </conditionalFormatting>
  <conditionalFormatting sqref="AK95:AL96">
    <cfRule type="expression" dxfId="2789" priority="2786" stopIfTrue="1">
      <formula>ISBLANK(AK95)=TRUE</formula>
    </cfRule>
    <cfRule type="expression" dxfId="2788" priority="2787" stopIfTrue="1">
      <formula>INDIRECT("第１の３表②!"&amp;CELL("address",DD95))="×××"</formula>
    </cfRule>
    <cfRule type="expression" dxfId="2787" priority="2788" stopIfTrue="1">
      <formula>INDIRECT("第１の３表②!"&amp;CELL("address",DD95))="××"</formula>
    </cfRule>
    <cfRule type="expression" dxfId="2786" priority="2789" stopIfTrue="1">
      <formula>INDIRECT("第１の３表②!"&amp;CELL("address",DD95))="×"</formula>
    </cfRule>
    <cfRule type="expression" dxfId="2785" priority="2790" stopIfTrue="1">
      <formula>ISBLANK(AK95)=FALSE</formula>
    </cfRule>
  </conditionalFormatting>
  <conditionalFormatting sqref="AN95:AO96">
    <cfRule type="expression" dxfId="2784" priority="2781" stopIfTrue="1">
      <formula>ISBLANK(AN95)=TRUE</formula>
    </cfRule>
    <cfRule type="expression" dxfId="2783" priority="2782" stopIfTrue="1">
      <formula>INDIRECT("第１の３表②!"&amp;CELL("address",DG95))="×××"</formula>
    </cfRule>
    <cfRule type="expression" dxfId="2782" priority="2783" stopIfTrue="1">
      <formula>INDIRECT("第１の３表②!"&amp;CELL("address",DG95))="××"</formula>
    </cfRule>
    <cfRule type="expression" dxfId="2781" priority="2784" stopIfTrue="1">
      <formula>INDIRECT("第１の３表②!"&amp;CELL("address",DG95))="×"</formula>
    </cfRule>
    <cfRule type="expression" dxfId="2780" priority="2785" stopIfTrue="1">
      <formula>ISBLANK(AN95)=FALSE</formula>
    </cfRule>
  </conditionalFormatting>
  <conditionalFormatting sqref="AQ95:AR96">
    <cfRule type="expression" dxfId="2779" priority="2776" stopIfTrue="1">
      <formula>ISBLANK(AQ95)=TRUE</formula>
    </cfRule>
    <cfRule type="expression" dxfId="2778" priority="2777" stopIfTrue="1">
      <formula>INDIRECT("第１の３表②!"&amp;CELL("address",DJ95))="×××"</formula>
    </cfRule>
    <cfRule type="expression" dxfId="2777" priority="2778" stopIfTrue="1">
      <formula>INDIRECT("第１の３表②!"&amp;CELL("address",DJ95))="××"</formula>
    </cfRule>
    <cfRule type="expression" dxfId="2776" priority="2779" stopIfTrue="1">
      <formula>INDIRECT("第１の３表②!"&amp;CELL("address",DJ95))="×"</formula>
    </cfRule>
    <cfRule type="expression" dxfId="2775" priority="2780" stopIfTrue="1">
      <formula>ISBLANK(AQ95)=FALSE</formula>
    </cfRule>
  </conditionalFormatting>
  <conditionalFormatting sqref="AT95:AU96">
    <cfRule type="expression" dxfId="2774" priority="2771" stopIfTrue="1">
      <formula>ISBLANK(AT95)=TRUE</formula>
    </cfRule>
    <cfRule type="expression" dxfId="2773" priority="2772" stopIfTrue="1">
      <formula>INDIRECT("第１の３表②!"&amp;CELL("address",DM95))="×××"</formula>
    </cfRule>
    <cfRule type="expression" dxfId="2772" priority="2773" stopIfTrue="1">
      <formula>INDIRECT("第１の３表②!"&amp;CELL("address",DM95))="××"</formula>
    </cfRule>
    <cfRule type="expression" dxfId="2771" priority="2774" stopIfTrue="1">
      <formula>INDIRECT("第１の３表②!"&amp;CELL("address",DM95))="×"</formula>
    </cfRule>
    <cfRule type="expression" dxfId="2770" priority="2775" stopIfTrue="1">
      <formula>ISBLANK(AT95)=FALSE</formula>
    </cfRule>
  </conditionalFormatting>
  <conditionalFormatting sqref="AW95:AX96">
    <cfRule type="expression" dxfId="2769" priority="2766" stopIfTrue="1">
      <formula>ISBLANK(AW95)=TRUE</formula>
    </cfRule>
    <cfRule type="expression" dxfId="2768" priority="2767" stopIfTrue="1">
      <formula>INDIRECT("第１の３表②!"&amp;CELL("address",DP95))="×××"</formula>
    </cfRule>
    <cfRule type="expression" dxfId="2767" priority="2768" stopIfTrue="1">
      <formula>INDIRECT("第１の３表②!"&amp;CELL("address",DP95))="××"</formula>
    </cfRule>
    <cfRule type="expression" dxfId="2766" priority="2769" stopIfTrue="1">
      <formula>INDIRECT("第１の３表②!"&amp;CELL("address",DP95))="×"</formula>
    </cfRule>
    <cfRule type="expression" dxfId="2765" priority="2770" stopIfTrue="1">
      <formula>ISBLANK(AW95)=FALSE</formula>
    </cfRule>
  </conditionalFormatting>
  <conditionalFormatting sqref="AZ95:BA96">
    <cfRule type="expression" dxfId="2764" priority="2761" stopIfTrue="1">
      <formula>ISBLANK(AZ95)=TRUE</formula>
    </cfRule>
    <cfRule type="expression" dxfId="2763" priority="2762" stopIfTrue="1">
      <formula>INDIRECT("第１の３表②!"&amp;CELL("address",DS95))="×××"</formula>
    </cfRule>
    <cfRule type="expression" dxfId="2762" priority="2763" stopIfTrue="1">
      <formula>INDIRECT("第１の３表②!"&amp;CELL("address",DS95))="××"</formula>
    </cfRule>
    <cfRule type="expression" dxfId="2761" priority="2764" stopIfTrue="1">
      <formula>INDIRECT("第１の３表②!"&amp;CELL("address",DS95))="×"</formula>
    </cfRule>
    <cfRule type="expression" dxfId="2760" priority="2765" stopIfTrue="1">
      <formula>ISBLANK(AZ95)=FALSE</formula>
    </cfRule>
  </conditionalFormatting>
  <conditionalFormatting sqref="BC95:BD96">
    <cfRule type="expression" dxfId="2759" priority="2756" stopIfTrue="1">
      <formula>ISBLANK(BC95)=TRUE</formula>
    </cfRule>
    <cfRule type="expression" dxfId="2758" priority="2757" stopIfTrue="1">
      <formula>INDIRECT("第１の３表②!"&amp;CELL("address",DV95))="×××"</formula>
    </cfRule>
    <cfRule type="expression" dxfId="2757" priority="2758" stopIfTrue="1">
      <formula>INDIRECT("第１の３表②!"&amp;CELL("address",DV95))="××"</formula>
    </cfRule>
    <cfRule type="expression" dxfId="2756" priority="2759" stopIfTrue="1">
      <formula>INDIRECT("第１の３表②!"&amp;CELL("address",DV95))="×"</formula>
    </cfRule>
    <cfRule type="expression" dxfId="2755" priority="2760" stopIfTrue="1">
      <formula>ISBLANK(BC95)=FALSE</formula>
    </cfRule>
  </conditionalFormatting>
  <conditionalFormatting sqref="BF95:BG96">
    <cfRule type="expression" dxfId="2754" priority="2751" stopIfTrue="1">
      <formula>ISBLANK(BF95)=TRUE</formula>
    </cfRule>
    <cfRule type="expression" dxfId="2753" priority="2752" stopIfTrue="1">
      <formula>INDIRECT("第１の３表②!"&amp;CELL("address",DY95))="×××"</formula>
    </cfRule>
    <cfRule type="expression" dxfId="2752" priority="2753" stopIfTrue="1">
      <formula>INDIRECT("第１の３表②!"&amp;CELL("address",DY95))="××"</formula>
    </cfRule>
    <cfRule type="expression" dxfId="2751" priority="2754" stopIfTrue="1">
      <formula>INDIRECT("第１の３表②!"&amp;CELL("address",DY95))="×"</formula>
    </cfRule>
    <cfRule type="expression" dxfId="2750" priority="2755" stopIfTrue="1">
      <formula>ISBLANK(BF95)=FALSE</formula>
    </cfRule>
  </conditionalFormatting>
  <conditionalFormatting sqref="BI95:BJ96">
    <cfRule type="expression" dxfId="2749" priority="2746" stopIfTrue="1">
      <formula>ISBLANK(BI95)=TRUE</formula>
    </cfRule>
    <cfRule type="expression" dxfId="2748" priority="2747" stopIfTrue="1">
      <formula>INDIRECT("第１の３表②!"&amp;CELL("address",EB95))="×××"</formula>
    </cfRule>
    <cfRule type="expression" dxfId="2747" priority="2748" stopIfTrue="1">
      <formula>INDIRECT("第１の３表②!"&amp;CELL("address",EB95))="××"</formula>
    </cfRule>
    <cfRule type="expression" dxfId="2746" priority="2749" stopIfTrue="1">
      <formula>INDIRECT("第１の３表②!"&amp;CELL("address",EB95))="×"</formula>
    </cfRule>
    <cfRule type="expression" dxfId="2745" priority="2750" stopIfTrue="1">
      <formula>ISBLANK(BI95)=FALSE</formula>
    </cfRule>
  </conditionalFormatting>
  <conditionalFormatting sqref="BL95:BM96">
    <cfRule type="expression" dxfId="2744" priority="2741" stopIfTrue="1">
      <formula>ISBLANK(BL95)=TRUE</formula>
    </cfRule>
    <cfRule type="expression" dxfId="2743" priority="2742" stopIfTrue="1">
      <formula>INDIRECT("第１の３表②!"&amp;CELL("address",EE95))="×××"</formula>
    </cfRule>
    <cfRule type="expression" dxfId="2742" priority="2743" stopIfTrue="1">
      <formula>INDIRECT("第１の３表②!"&amp;CELL("address",EE95))="××"</formula>
    </cfRule>
    <cfRule type="expression" dxfId="2741" priority="2744" stopIfTrue="1">
      <formula>INDIRECT("第１の３表②!"&amp;CELL("address",EE95))="×"</formula>
    </cfRule>
    <cfRule type="expression" dxfId="2740" priority="2745" stopIfTrue="1">
      <formula>ISBLANK(BL95)=FALSE</formula>
    </cfRule>
  </conditionalFormatting>
  <conditionalFormatting sqref="BO95:BP96">
    <cfRule type="expression" dxfId="2739" priority="2736" stopIfTrue="1">
      <formula>ISBLANK(BO95)=TRUE</formula>
    </cfRule>
    <cfRule type="expression" dxfId="2738" priority="2737" stopIfTrue="1">
      <formula>INDIRECT("第１の３表②!"&amp;CELL("address",EH95))="×××"</formula>
    </cfRule>
    <cfRule type="expression" dxfId="2737" priority="2738" stopIfTrue="1">
      <formula>INDIRECT("第１の３表②!"&amp;CELL("address",EH95))="××"</formula>
    </cfRule>
    <cfRule type="expression" dxfId="2736" priority="2739" stopIfTrue="1">
      <formula>INDIRECT("第１の３表②!"&amp;CELL("address",EH95))="×"</formula>
    </cfRule>
    <cfRule type="expression" dxfId="2735" priority="2740" stopIfTrue="1">
      <formula>ISBLANK(BO95)=FALSE</formula>
    </cfRule>
  </conditionalFormatting>
  <conditionalFormatting sqref="G98:H99">
    <cfRule type="expression" dxfId="2734" priority="2731" stopIfTrue="1">
      <formula>ISBLANK(G98)=TRUE</formula>
    </cfRule>
    <cfRule type="expression" dxfId="2733" priority="2732" stopIfTrue="1">
      <formula>INDIRECT("第１の３表②!"&amp;CELL("address",BZ98))="×××"</formula>
    </cfRule>
    <cfRule type="expression" dxfId="2732" priority="2733" stopIfTrue="1">
      <formula>INDIRECT("第１の３表②!"&amp;CELL("address",BZ98))="××"</formula>
    </cfRule>
    <cfRule type="expression" dxfId="2731" priority="2734" stopIfTrue="1">
      <formula>INDIRECT("第１の３表②!"&amp;CELL("address",BZ98))="×"</formula>
    </cfRule>
    <cfRule type="expression" dxfId="2730" priority="2735" stopIfTrue="1">
      <formula>ISBLANK(G98)=FALSE</formula>
    </cfRule>
  </conditionalFormatting>
  <conditionalFormatting sqref="J98:K99">
    <cfRule type="expression" dxfId="2729" priority="2726" stopIfTrue="1">
      <formula>ISBLANK(J98)=TRUE</formula>
    </cfRule>
    <cfRule type="expression" dxfId="2728" priority="2727" stopIfTrue="1">
      <formula>INDIRECT("第１の３表②!"&amp;CELL("address",CC98))="×××"</formula>
    </cfRule>
    <cfRule type="expression" dxfId="2727" priority="2728" stopIfTrue="1">
      <formula>INDIRECT("第１の３表②!"&amp;CELL("address",CC98))="××"</formula>
    </cfRule>
    <cfRule type="expression" dxfId="2726" priority="2729" stopIfTrue="1">
      <formula>INDIRECT("第１の３表②!"&amp;CELL("address",CC98))="×"</formula>
    </cfRule>
    <cfRule type="expression" dxfId="2725" priority="2730" stopIfTrue="1">
      <formula>ISBLANK(J98)=FALSE</formula>
    </cfRule>
  </conditionalFormatting>
  <conditionalFormatting sqref="M98:N99">
    <cfRule type="expression" dxfId="2724" priority="2721" stopIfTrue="1">
      <formula>ISBLANK(M98)=TRUE</formula>
    </cfRule>
    <cfRule type="expression" dxfId="2723" priority="2722" stopIfTrue="1">
      <formula>INDIRECT("第１の３表②!"&amp;CELL("address",CF98))="×××"</formula>
    </cfRule>
    <cfRule type="expression" dxfId="2722" priority="2723" stopIfTrue="1">
      <formula>INDIRECT("第１の３表②!"&amp;CELL("address",CF98))="××"</formula>
    </cfRule>
    <cfRule type="expression" dxfId="2721" priority="2724" stopIfTrue="1">
      <formula>INDIRECT("第１の３表②!"&amp;CELL("address",CF98))="×"</formula>
    </cfRule>
    <cfRule type="expression" dxfId="2720" priority="2725" stopIfTrue="1">
      <formula>ISBLANK(M98)=FALSE</formula>
    </cfRule>
  </conditionalFormatting>
  <conditionalFormatting sqref="P98:Q99">
    <cfRule type="expression" dxfId="2719" priority="2716" stopIfTrue="1">
      <formula>ISBLANK(P98)=TRUE</formula>
    </cfRule>
    <cfRule type="expression" dxfId="2718" priority="2717" stopIfTrue="1">
      <formula>INDIRECT("第１の３表②!"&amp;CELL("address",CI98))="×××"</formula>
    </cfRule>
    <cfRule type="expression" dxfId="2717" priority="2718" stopIfTrue="1">
      <formula>INDIRECT("第１の３表②!"&amp;CELL("address",CI98))="××"</formula>
    </cfRule>
    <cfRule type="expression" dxfId="2716" priority="2719" stopIfTrue="1">
      <formula>INDIRECT("第１の３表②!"&amp;CELL("address",CI98))="×"</formula>
    </cfRule>
    <cfRule type="expression" dxfId="2715" priority="2720" stopIfTrue="1">
      <formula>ISBLANK(P98)=FALSE</formula>
    </cfRule>
  </conditionalFormatting>
  <conditionalFormatting sqref="S98:T99">
    <cfRule type="expression" dxfId="2714" priority="2711" stopIfTrue="1">
      <formula>ISBLANK(S98)=TRUE</formula>
    </cfRule>
    <cfRule type="expression" dxfId="2713" priority="2712" stopIfTrue="1">
      <formula>INDIRECT("第１の３表②!"&amp;CELL("address",CL98))="×××"</formula>
    </cfRule>
    <cfRule type="expression" dxfId="2712" priority="2713" stopIfTrue="1">
      <formula>INDIRECT("第１の３表②!"&amp;CELL("address",CL98))="××"</formula>
    </cfRule>
    <cfRule type="expression" dxfId="2711" priority="2714" stopIfTrue="1">
      <formula>INDIRECT("第１の３表②!"&amp;CELL("address",CL98))="×"</formula>
    </cfRule>
    <cfRule type="expression" dxfId="2710" priority="2715" stopIfTrue="1">
      <formula>ISBLANK(S98)=FALSE</formula>
    </cfRule>
  </conditionalFormatting>
  <conditionalFormatting sqref="V98:W99">
    <cfRule type="expression" dxfId="2709" priority="2706" stopIfTrue="1">
      <formula>ISBLANK(V98)=TRUE</formula>
    </cfRule>
    <cfRule type="expression" dxfId="2708" priority="2707" stopIfTrue="1">
      <formula>INDIRECT("第１の３表②!"&amp;CELL("address",CO98))="×××"</formula>
    </cfRule>
    <cfRule type="expression" dxfId="2707" priority="2708" stopIfTrue="1">
      <formula>INDIRECT("第１の３表②!"&amp;CELL("address",CO98))="××"</formula>
    </cfRule>
    <cfRule type="expression" dxfId="2706" priority="2709" stopIfTrue="1">
      <formula>INDIRECT("第１の３表②!"&amp;CELL("address",CO98))="×"</formula>
    </cfRule>
    <cfRule type="expression" dxfId="2705" priority="2710" stopIfTrue="1">
      <formula>ISBLANK(V98)=FALSE</formula>
    </cfRule>
  </conditionalFormatting>
  <conditionalFormatting sqref="Y98:Z99">
    <cfRule type="expression" dxfId="2704" priority="2701" stopIfTrue="1">
      <formula>ISBLANK(Y98)=TRUE</formula>
    </cfRule>
    <cfRule type="expression" dxfId="2703" priority="2702" stopIfTrue="1">
      <formula>INDIRECT("第１の３表②!"&amp;CELL("address",CR98))="×××"</formula>
    </cfRule>
    <cfRule type="expression" dxfId="2702" priority="2703" stopIfTrue="1">
      <formula>INDIRECT("第１の３表②!"&amp;CELL("address",CR98))="××"</formula>
    </cfRule>
    <cfRule type="expression" dxfId="2701" priority="2704" stopIfTrue="1">
      <formula>INDIRECT("第１の３表②!"&amp;CELL("address",CR98))="×"</formula>
    </cfRule>
    <cfRule type="expression" dxfId="2700" priority="2705" stopIfTrue="1">
      <formula>ISBLANK(Y98)=FALSE</formula>
    </cfRule>
  </conditionalFormatting>
  <conditionalFormatting sqref="AB98:AC99">
    <cfRule type="expression" dxfId="2699" priority="2696" stopIfTrue="1">
      <formula>ISBLANK(AB98)=TRUE</formula>
    </cfRule>
    <cfRule type="expression" dxfId="2698" priority="2697" stopIfTrue="1">
      <formula>INDIRECT("第１の３表②!"&amp;CELL("address",CU98))="×××"</formula>
    </cfRule>
    <cfRule type="expression" dxfId="2697" priority="2698" stopIfTrue="1">
      <formula>INDIRECT("第１の３表②!"&amp;CELL("address",CU98))="××"</formula>
    </cfRule>
    <cfRule type="expression" dxfId="2696" priority="2699" stopIfTrue="1">
      <formula>INDIRECT("第１の３表②!"&amp;CELL("address",CU98))="×"</formula>
    </cfRule>
    <cfRule type="expression" dxfId="2695" priority="2700" stopIfTrue="1">
      <formula>ISBLANK(AB98)=FALSE</formula>
    </cfRule>
  </conditionalFormatting>
  <conditionalFormatting sqref="AE98:AF99">
    <cfRule type="expression" dxfId="2694" priority="2691" stopIfTrue="1">
      <formula>ISBLANK(AE98)=TRUE</formula>
    </cfRule>
    <cfRule type="expression" dxfId="2693" priority="2692" stopIfTrue="1">
      <formula>INDIRECT("第１の３表②!"&amp;CELL("address",CX98))="×××"</formula>
    </cfRule>
    <cfRule type="expression" dxfId="2692" priority="2693" stopIfTrue="1">
      <formula>INDIRECT("第１の３表②!"&amp;CELL("address",CX98))="××"</formula>
    </cfRule>
    <cfRule type="expression" dxfId="2691" priority="2694" stopIfTrue="1">
      <formula>INDIRECT("第１の３表②!"&amp;CELL("address",CX98))="×"</formula>
    </cfRule>
    <cfRule type="expression" dxfId="2690" priority="2695" stopIfTrue="1">
      <formula>ISBLANK(AE98)=FALSE</formula>
    </cfRule>
  </conditionalFormatting>
  <conditionalFormatting sqref="AH98:AI99">
    <cfRule type="expression" dxfId="2689" priority="2686" stopIfTrue="1">
      <formula>ISBLANK(AH98)=TRUE</formula>
    </cfRule>
    <cfRule type="expression" dxfId="2688" priority="2687" stopIfTrue="1">
      <formula>INDIRECT("第１の３表②!"&amp;CELL("address",DA98))="×××"</formula>
    </cfRule>
    <cfRule type="expression" dxfId="2687" priority="2688" stopIfTrue="1">
      <formula>INDIRECT("第１の３表②!"&amp;CELL("address",DA98))="××"</formula>
    </cfRule>
    <cfRule type="expression" dxfId="2686" priority="2689" stopIfTrue="1">
      <formula>INDIRECT("第１の３表②!"&amp;CELL("address",DA98))="×"</formula>
    </cfRule>
    <cfRule type="expression" dxfId="2685" priority="2690" stopIfTrue="1">
      <formula>ISBLANK(AH98)=FALSE</formula>
    </cfRule>
  </conditionalFormatting>
  <conditionalFormatting sqref="AK98:AL99">
    <cfRule type="expression" dxfId="2684" priority="2681" stopIfTrue="1">
      <formula>ISBLANK(AK98)=TRUE</formula>
    </cfRule>
    <cfRule type="expression" dxfId="2683" priority="2682" stopIfTrue="1">
      <formula>INDIRECT("第１の３表②!"&amp;CELL("address",DD98))="×××"</formula>
    </cfRule>
    <cfRule type="expression" dxfId="2682" priority="2683" stopIfTrue="1">
      <formula>INDIRECT("第１の３表②!"&amp;CELL("address",DD98))="××"</formula>
    </cfRule>
    <cfRule type="expression" dxfId="2681" priority="2684" stopIfTrue="1">
      <formula>INDIRECT("第１の３表②!"&amp;CELL("address",DD98))="×"</formula>
    </cfRule>
    <cfRule type="expression" dxfId="2680" priority="2685" stopIfTrue="1">
      <formula>ISBLANK(AK98)=FALSE</formula>
    </cfRule>
  </conditionalFormatting>
  <conditionalFormatting sqref="AN98:AO99">
    <cfRule type="expression" dxfId="2679" priority="2676" stopIfTrue="1">
      <formula>ISBLANK(AN98)=TRUE</formula>
    </cfRule>
    <cfRule type="expression" dxfId="2678" priority="2677" stopIfTrue="1">
      <formula>INDIRECT("第１の３表②!"&amp;CELL("address",DG98))="×××"</formula>
    </cfRule>
    <cfRule type="expression" dxfId="2677" priority="2678" stopIfTrue="1">
      <formula>INDIRECT("第１の３表②!"&amp;CELL("address",DG98))="××"</formula>
    </cfRule>
    <cfRule type="expression" dxfId="2676" priority="2679" stopIfTrue="1">
      <formula>INDIRECT("第１の３表②!"&amp;CELL("address",DG98))="×"</formula>
    </cfRule>
    <cfRule type="expression" dxfId="2675" priority="2680" stopIfTrue="1">
      <formula>ISBLANK(AN98)=FALSE</formula>
    </cfRule>
  </conditionalFormatting>
  <conditionalFormatting sqref="AQ98:AR99">
    <cfRule type="expression" dxfId="2674" priority="2671" stopIfTrue="1">
      <formula>ISBLANK(AQ98)=TRUE</formula>
    </cfRule>
    <cfRule type="expression" dxfId="2673" priority="2672" stopIfTrue="1">
      <formula>INDIRECT("第１の３表②!"&amp;CELL("address",DJ98))="×××"</formula>
    </cfRule>
    <cfRule type="expression" dxfId="2672" priority="2673" stopIfTrue="1">
      <formula>INDIRECT("第１の３表②!"&amp;CELL("address",DJ98))="××"</formula>
    </cfRule>
    <cfRule type="expression" dxfId="2671" priority="2674" stopIfTrue="1">
      <formula>INDIRECT("第１の３表②!"&amp;CELL("address",DJ98))="×"</formula>
    </cfRule>
    <cfRule type="expression" dxfId="2670" priority="2675" stopIfTrue="1">
      <formula>ISBLANK(AQ98)=FALSE</formula>
    </cfRule>
  </conditionalFormatting>
  <conditionalFormatting sqref="AT98:AU99">
    <cfRule type="expression" dxfId="2669" priority="2666" stopIfTrue="1">
      <formula>ISBLANK(AT98)=TRUE</formula>
    </cfRule>
    <cfRule type="expression" dxfId="2668" priority="2667" stopIfTrue="1">
      <formula>INDIRECT("第１の３表②!"&amp;CELL("address",DM98))="×××"</formula>
    </cfRule>
    <cfRule type="expression" dxfId="2667" priority="2668" stopIfTrue="1">
      <formula>INDIRECT("第１の３表②!"&amp;CELL("address",DM98))="××"</formula>
    </cfRule>
    <cfRule type="expression" dxfId="2666" priority="2669" stopIfTrue="1">
      <formula>INDIRECT("第１の３表②!"&amp;CELL("address",DM98))="×"</formula>
    </cfRule>
    <cfRule type="expression" dxfId="2665" priority="2670" stopIfTrue="1">
      <formula>ISBLANK(AT98)=FALSE</formula>
    </cfRule>
  </conditionalFormatting>
  <conditionalFormatting sqref="AW98:AX99">
    <cfRule type="expression" dxfId="2664" priority="2661" stopIfTrue="1">
      <formula>ISBLANK(AW98)=TRUE</formula>
    </cfRule>
    <cfRule type="expression" dxfId="2663" priority="2662" stopIfTrue="1">
      <formula>INDIRECT("第１の３表②!"&amp;CELL("address",DP98))="×××"</formula>
    </cfRule>
    <cfRule type="expression" dxfId="2662" priority="2663" stopIfTrue="1">
      <formula>INDIRECT("第１の３表②!"&amp;CELL("address",DP98))="××"</formula>
    </cfRule>
    <cfRule type="expression" dxfId="2661" priority="2664" stopIfTrue="1">
      <formula>INDIRECT("第１の３表②!"&amp;CELL("address",DP98))="×"</formula>
    </cfRule>
    <cfRule type="expression" dxfId="2660" priority="2665" stopIfTrue="1">
      <formula>ISBLANK(AW98)=FALSE</formula>
    </cfRule>
  </conditionalFormatting>
  <conditionalFormatting sqref="AZ98:BA99">
    <cfRule type="expression" dxfId="2659" priority="2656" stopIfTrue="1">
      <formula>ISBLANK(AZ98)=TRUE</formula>
    </cfRule>
    <cfRule type="expression" dxfId="2658" priority="2657" stopIfTrue="1">
      <formula>INDIRECT("第１の３表②!"&amp;CELL("address",DS98))="×××"</formula>
    </cfRule>
    <cfRule type="expression" dxfId="2657" priority="2658" stopIfTrue="1">
      <formula>INDIRECT("第１の３表②!"&amp;CELL("address",DS98))="××"</formula>
    </cfRule>
    <cfRule type="expression" dxfId="2656" priority="2659" stopIfTrue="1">
      <formula>INDIRECT("第１の３表②!"&amp;CELL("address",DS98))="×"</formula>
    </cfRule>
    <cfRule type="expression" dxfId="2655" priority="2660" stopIfTrue="1">
      <formula>ISBLANK(AZ98)=FALSE</formula>
    </cfRule>
  </conditionalFormatting>
  <conditionalFormatting sqref="BC98:BD99">
    <cfRule type="expression" dxfId="2654" priority="2651" stopIfTrue="1">
      <formula>ISBLANK(BC98)=TRUE</formula>
    </cfRule>
    <cfRule type="expression" dxfId="2653" priority="2652" stopIfTrue="1">
      <formula>INDIRECT("第１の３表②!"&amp;CELL("address",DV98))="×××"</formula>
    </cfRule>
    <cfRule type="expression" dxfId="2652" priority="2653" stopIfTrue="1">
      <formula>INDIRECT("第１の３表②!"&amp;CELL("address",DV98))="××"</formula>
    </cfRule>
    <cfRule type="expression" dxfId="2651" priority="2654" stopIfTrue="1">
      <formula>INDIRECT("第１の３表②!"&amp;CELL("address",DV98))="×"</formula>
    </cfRule>
    <cfRule type="expression" dxfId="2650" priority="2655" stopIfTrue="1">
      <formula>ISBLANK(BC98)=FALSE</formula>
    </cfRule>
  </conditionalFormatting>
  <conditionalFormatting sqref="BF98:BG99">
    <cfRule type="expression" dxfId="2649" priority="2646" stopIfTrue="1">
      <formula>ISBLANK(BF98)=TRUE</formula>
    </cfRule>
    <cfRule type="expression" dxfId="2648" priority="2647" stopIfTrue="1">
      <formula>INDIRECT("第１の３表②!"&amp;CELL("address",DY98))="×××"</formula>
    </cfRule>
    <cfRule type="expression" dxfId="2647" priority="2648" stopIfTrue="1">
      <formula>INDIRECT("第１の３表②!"&amp;CELL("address",DY98))="××"</formula>
    </cfRule>
    <cfRule type="expression" dxfId="2646" priority="2649" stopIfTrue="1">
      <formula>INDIRECT("第１の３表②!"&amp;CELL("address",DY98))="×"</formula>
    </cfRule>
    <cfRule type="expression" dxfId="2645" priority="2650" stopIfTrue="1">
      <formula>ISBLANK(BF98)=FALSE</formula>
    </cfRule>
  </conditionalFormatting>
  <conditionalFormatting sqref="BI98:BJ99">
    <cfRule type="expression" dxfId="2644" priority="2641" stopIfTrue="1">
      <formula>ISBLANK(BI98)=TRUE</formula>
    </cfRule>
    <cfRule type="expression" dxfId="2643" priority="2642" stopIfTrue="1">
      <formula>INDIRECT("第１の３表②!"&amp;CELL("address",EB98))="×××"</formula>
    </cfRule>
    <cfRule type="expression" dxfId="2642" priority="2643" stopIfTrue="1">
      <formula>INDIRECT("第１の３表②!"&amp;CELL("address",EB98))="××"</formula>
    </cfRule>
    <cfRule type="expression" dxfId="2641" priority="2644" stopIfTrue="1">
      <formula>INDIRECT("第１の３表②!"&amp;CELL("address",EB98))="×"</formula>
    </cfRule>
    <cfRule type="expression" dxfId="2640" priority="2645" stopIfTrue="1">
      <formula>ISBLANK(BI98)=FALSE</formula>
    </cfRule>
  </conditionalFormatting>
  <conditionalFormatting sqref="BL98:BM99">
    <cfRule type="expression" dxfId="2639" priority="2636" stopIfTrue="1">
      <formula>ISBLANK(BL98)=TRUE</formula>
    </cfRule>
    <cfRule type="expression" dxfId="2638" priority="2637" stopIfTrue="1">
      <formula>INDIRECT("第１の３表②!"&amp;CELL("address",EE98))="×××"</formula>
    </cfRule>
    <cfRule type="expression" dxfId="2637" priority="2638" stopIfTrue="1">
      <formula>INDIRECT("第１の３表②!"&amp;CELL("address",EE98))="××"</formula>
    </cfRule>
    <cfRule type="expression" dxfId="2636" priority="2639" stopIfTrue="1">
      <formula>INDIRECT("第１の３表②!"&amp;CELL("address",EE98))="×"</formula>
    </cfRule>
    <cfRule type="expression" dxfId="2635" priority="2640" stopIfTrue="1">
      <formula>ISBLANK(BL98)=FALSE</formula>
    </cfRule>
  </conditionalFormatting>
  <conditionalFormatting sqref="BO98:BP99">
    <cfRule type="expression" dxfId="2634" priority="2631" stopIfTrue="1">
      <formula>ISBLANK(BO98)=TRUE</formula>
    </cfRule>
    <cfRule type="expression" dxfId="2633" priority="2632" stopIfTrue="1">
      <formula>INDIRECT("第１の３表②!"&amp;CELL("address",EH98))="×××"</formula>
    </cfRule>
    <cfRule type="expression" dxfId="2632" priority="2633" stopIfTrue="1">
      <formula>INDIRECT("第１の３表②!"&amp;CELL("address",EH98))="××"</formula>
    </cfRule>
    <cfRule type="expression" dxfId="2631" priority="2634" stopIfTrue="1">
      <formula>INDIRECT("第１の３表②!"&amp;CELL("address",EH98))="×"</formula>
    </cfRule>
    <cfRule type="expression" dxfId="2630" priority="2635" stopIfTrue="1">
      <formula>ISBLANK(BO98)=FALSE</formula>
    </cfRule>
  </conditionalFormatting>
  <conditionalFormatting sqref="G107:H108">
    <cfRule type="expression" dxfId="2629" priority="2626" stopIfTrue="1">
      <formula>ISBLANK(G107)=TRUE</formula>
    </cfRule>
    <cfRule type="expression" dxfId="2628" priority="2627" stopIfTrue="1">
      <formula>INDIRECT("第１の３表②!"&amp;CELL("address",BZ107))="×××"</formula>
    </cfRule>
    <cfRule type="expression" dxfId="2627" priority="2628" stopIfTrue="1">
      <formula>INDIRECT("第１の３表②!"&amp;CELL("address",BZ107))="××"</formula>
    </cfRule>
    <cfRule type="expression" dxfId="2626" priority="2629" stopIfTrue="1">
      <formula>INDIRECT("第１の３表②!"&amp;CELL("address",BZ107))="×"</formula>
    </cfRule>
    <cfRule type="expression" dxfId="2625" priority="2630" stopIfTrue="1">
      <formula>ISBLANK(G107)=FALSE</formula>
    </cfRule>
  </conditionalFormatting>
  <conditionalFormatting sqref="J107:K108">
    <cfRule type="expression" dxfId="2624" priority="2621" stopIfTrue="1">
      <formula>ISBLANK(J107)=TRUE</formula>
    </cfRule>
    <cfRule type="expression" dxfId="2623" priority="2622" stopIfTrue="1">
      <formula>INDIRECT("第１の３表②!"&amp;CELL("address",CC107))="×××"</formula>
    </cfRule>
    <cfRule type="expression" dxfId="2622" priority="2623" stopIfTrue="1">
      <formula>INDIRECT("第１の３表②!"&amp;CELL("address",CC107))="××"</formula>
    </cfRule>
    <cfRule type="expression" dxfId="2621" priority="2624" stopIfTrue="1">
      <formula>INDIRECT("第１の３表②!"&amp;CELL("address",CC107))="×"</formula>
    </cfRule>
    <cfRule type="expression" dxfId="2620" priority="2625" stopIfTrue="1">
      <formula>ISBLANK(J107)=FALSE</formula>
    </cfRule>
  </conditionalFormatting>
  <conditionalFormatting sqref="M107:N108">
    <cfRule type="expression" dxfId="2619" priority="2616" stopIfTrue="1">
      <formula>ISBLANK(M107)=TRUE</formula>
    </cfRule>
    <cfRule type="expression" dxfId="2618" priority="2617" stopIfTrue="1">
      <formula>INDIRECT("第１の３表②!"&amp;CELL("address",CF107))="×××"</formula>
    </cfRule>
    <cfRule type="expression" dxfId="2617" priority="2618" stopIfTrue="1">
      <formula>INDIRECT("第１の３表②!"&amp;CELL("address",CF107))="××"</formula>
    </cfRule>
    <cfRule type="expression" dxfId="2616" priority="2619" stopIfTrue="1">
      <formula>INDIRECT("第１の３表②!"&amp;CELL("address",CF107))="×"</formula>
    </cfRule>
    <cfRule type="expression" dxfId="2615" priority="2620" stopIfTrue="1">
      <formula>ISBLANK(M107)=FALSE</formula>
    </cfRule>
  </conditionalFormatting>
  <conditionalFormatting sqref="P107:Q108">
    <cfRule type="expression" dxfId="2614" priority="2611" stopIfTrue="1">
      <formula>ISBLANK(P107)=TRUE</formula>
    </cfRule>
    <cfRule type="expression" dxfId="2613" priority="2612" stopIfTrue="1">
      <formula>INDIRECT("第１の３表②!"&amp;CELL("address",CI107))="×××"</formula>
    </cfRule>
    <cfRule type="expression" dxfId="2612" priority="2613" stopIfTrue="1">
      <formula>INDIRECT("第１の３表②!"&amp;CELL("address",CI107))="××"</formula>
    </cfRule>
    <cfRule type="expression" dxfId="2611" priority="2614" stopIfTrue="1">
      <formula>INDIRECT("第１の３表②!"&amp;CELL("address",CI107))="×"</formula>
    </cfRule>
    <cfRule type="expression" dxfId="2610" priority="2615" stopIfTrue="1">
      <formula>ISBLANK(P107)=FALSE</formula>
    </cfRule>
  </conditionalFormatting>
  <conditionalFormatting sqref="S107:T108">
    <cfRule type="expression" dxfId="2609" priority="2606" stopIfTrue="1">
      <formula>ISBLANK(S107)=TRUE</formula>
    </cfRule>
    <cfRule type="expression" dxfId="2608" priority="2607" stopIfTrue="1">
      <formula>INDIRECT("第１の３表②!"&amp;CELL("address",CL107))="×××"</formula>
    </cfRule>
    <cfRule type="expression" dxfId="2607" priority="2608" stopIfTrue="1">
      <formula>INDIRECT("第１の３表②!"&amp;CELL("address",CL107))="××"</formula>
    </cfRule>
    <cfRule type="expression" dxfId="2606" priority="2609" stopIfTrue="1">
      <formula>INDIRECT("第１の３表②!"&amp;CELL("address",CL107))="×"</formula>
    </cfRule>
    <cfRule type="expression" dxfId="2605" priority="2610" stopIfTrue="1">
      <formula>ISBLANK(S107)=FALSE</formula>
    </cfRule>
  </conditionalFormatting>
  <conditionalFormatting sqref="V107:W108">
    <cfRule type="expression" dxfId="2604" priority="2601" stopIfTrue="1">
      <formula>ISBLANK(V107)=TRUE</formula>
    </cfRule>
    <cfRule type="expression" dxfId="2603" priority="2602" stopIfTrue="1">
      <formula>INDIRECT("第１の３表②!"&amp;CELL("address",CO107))="×××"</formula>
    </cfRule>
    <cfRule type="expression" dxfId="2602" priority="2603" stopIfTrue="1">
      <formula>INDIRECT("第１の３表②!"&amp;CELL("address",CO107))="××"</formula>
    </cfRule>
    <cfRule type="expression" dxfId="2601" priority="2604" stopIfTrue="1">
      <formula>INDIRECT("第１の３表②!"&amp;CELL("address",CO107))="×"</formula>
    </cfRule>
    <cfRule type="expression" dxfId="2600" priority="2605" stopIfTrue="1">
      <formula>ISBLANK(V107)=FALSE</formula>
    </cfRule>
  </conditionalFormatting>
  <conditionalFormatting sqref="Y107:Z108">
    <cfRule type="expression" dxfId="2599" priority="2596" stopIfTrue="1">
      <formula>ISBLANK(Y107)=TRUE</formula>
    </cfRule>
    <cfRule type="expression" dxfId="2598" priority="2597" stopIfTrue="1">
      <formula>INDIRECT("第１の３表②!"&amp;CELL("address",CR107))="×××"</formula>
    </cfRule>
    <cfRule type="expression" dxfId="2597" priority="2598" stopIfTrue="1">
      <formula>INDIRECT("第１の３表②!"&amp;CELL("address",CR107))="××"</formula>
    </cfRule>
    <cfRule type="expression" dxfId="2596" priority="2599" stopIfTrue="1">
      <formula>INDIRECT("第１の３表②!"&amp;CELL("address",CR107))="×"</formula>
    </cfRule>
    <cfRule type="expression" dxfId="2595" priority="2600" stopIfTrue="1">
      <formula>ISBLANK(Y107)=FALSE</formula>
    </cfRule>
  </conditionalFormatting>
  <conditionalFormatting sqref="AB107:AC108">
    <cfRule type="expression" dxfId="2594" priority="2591" stopIfTrue="1">
      <formula>ISBLANK(AB107)=TRUE</formula>
    </cfRule>
    <cfRule type="expression" dxfId="2593" priority="2592" stopIfTrue="1">
      <formula>INDIRECT("第１の３表②!"&amp;CELL("address",CU107))="×××"</formula>
    </cfRule>
    <cfRule type="expression" dxfId="2592" priority="2593" stopIfTrue="1">
      <formula>INDIRECT("第１の３表②!"&amp;CELL("address",CU107))="××"</formula>
    </cfRule>
    <cfRule type="expression" dxfId="2591" priority="2594" stopIfTrue="1">
      <formula>INDIRECT("第１の３表②!"&amp;CELL("address",CU107))="×"</formula>
    </cfRule>
    <cfRule type="expression" dxfId="2590" priority="2595" stopIfTrue="1">
      <formula>ISBLANK(AB107)=FALSE</formula>
    </cfRule>
  </conditionalFormatting>
  <conditionalFormatting sqref="AE107:AF108">
    <cfRule type="expression" dxfId="2589" priority="2586" stopIfTrue="1">
      <formula>ISBLANK(AE107)=TRUE</formula>
    </cfRule>
    <cfRule type="expression" dxfId="2588" priority="2587" stopIfTrue="1">
      <formula>INDIRECT("第１の３表②!"&amp;CELL("address",CX107))="×××"</formula>
    </cfRule>
    <cfRule type="expression" dxfId="2587" priority="2588" stopIfTrue="1">
      <formula>INDIRECT("第１の３表②!"&amp;CELL("address",CX107))="××"</formula>
    </cfRule>
    <cfRule type="expression" dxfId="2586" priority="2589" stopIfTrue="1">
      <formula>INDIRECT("第１の３表②!"&amp;CELL("address",CX107))="×"</formula>
    </cfRule>
    <cfRule type="expression" dxfId="2585" priority="2590" stopIfTrue="1">
      <formula>ISBLANK(AE107)=FALSE</formula>
    </cfRule>
  </conditionalFormatting>
  <conditionalFormatting sqref="AH107:AI108">
    <cfRule type="expression" dxfId="2584" priority="2581" stopIfTrue="1">
      <formula>ISBLANK(AH107)=TRUE</formula>
    </cfRule>
    <cfRule type="expression" dxfId="2583" priority="2582" stopIfTrue="1">
      <formula>INDIRECT("第１の３表②!"&amp;CELL("address",DA107))="×××"</formula>
    </cfRule>
    <cfRule type="expression" dxfId="2582" priority="2583" stopIfTrue="1">
      <formula>INDIRECT("第１の３表②!"&amp;CELL("address",DA107))="××"</formula>
    </cfRule>
    <cfRule type="expression" dxfId="2581" priority="2584" stopIfTrue="1">
      <formula>INDIRECT("第１の３表②!"&amp;CELL("address",DA107))="×"</formula>
    </cfRule>
    <cfRule type="expression" dxfId="2580" priority="2585" stopIfTrue="1">
      <formula>ISBLANK(AH107)=FALSE</formula>
    </cfRule>
  </conditionalFormatting>
  <conditionalFormatting sqref="AK107:AL108">
    <cfRule type="expression" dxfId="2579" priority="2576" stopIfTrue="1">
      <formula>ISBLANK(AK107)=TRUE</formula>
    </cfRule>
    <cfRule type="expression" dxfId="2578" priority="2577" stopIfTrue="1">
      <formula>INDIRECT("第１の３表②!"&amp;CELL("address",DD107))="×××"</formula>
    </cfRule>
    <cfRule type="expression" dxfId="2577" priority="2578" stopIfTrue="1">
      <formula>INDIRECT("第１の３表②!"&amp;CELL("address",DD107))="××"</formula>
    </cfRule>
    <cfRule type="expression" dxfId="2576" priority="2579" stopIfTrue="1">
      <formula>INDIRECT("第１の３表②!"&amp;CELL("address",DD107))="×"</formula>
    </cfRule>
    <cfRule type="expression" dxfId="2575" priority="2580" stopIfTrue="1">
      <formula>ISBLANK(AK107)=FALSE</formula>
    </cfRule>
  </conditionalFormatting>
  <conditionalFormatting sqref="AN107:AO108">
    <cfRule type="expression" dxfId="2574" priority="2571" stopIfTrue="1">
      <formula>ISBLANK(AN107)=TRUE</formula>
    </cfRule>
    <cfRule type="expression" dxfId="2573" priority="2572" stopIfTrue="1">
      <formula>INDIRECT("第１の３表②!"&amp;CELL("address",DG107))="×××"</formula>
    </cfRule>
    <cfRule type="expression" dxfId="2572" priority="2573" stopIfTrue="1">
      <formula>INDIRECT("第１の３表②!"&amp;CELL("address",DG107))="××"</formula>
    </cfRule>
    <cfRule type="expression" dxfId="2571" priority="2574" stopIfTrue="1">
      <formula>INDIRECT("第１の３表②!"&amp;CELL("address",DG107))="×"</formula>
    </cfRule>
    <cfRule type="expression" dxfId="2570" priority="2575" stopIfTrue="1">
      <formula>ISBLANK(AN107)=FALSE</formula>
    </cfRule>
  </conditionalFormatting>
  <conditionalFormatting sqref="AQ107:AR108">
    <cfRule type="expression" dxfId="2569" priority="2566" stopIfTrue="1">
      <formula>ISBLANK(AQ107)=TRUE</formula>
    </cfRule>
    <cfRule type="expression" dxfId="2568" priority="2567" stopIfTrue="1">
      <formula>INDIRECT("第１の３表②!"&amp;CELL("address",DJ107))="×××"</formula>
    </cfRule>
    <cfRule type="expression" dxfId="2567" priority="2568" stopIfTrue="1">
      <formula>INDIRECT("第１の３表②!"&amp;CELL("address",DJ107))="××"</formula>
    </cfRule>
    <cfRule type="expression" dxfId="2566" priority="2569" stopIfTrue="1">
      <formula>INDIRECT("第１の３表②!"&amp;CELL("address",DJ107))="×"</formula>
    </cfRule>
    <cfRule type="expression" dxfId="2565" priority="2570" stopIfTrue="1">
      <formula>ISBLANK(AQ107)=FALSE</formula>
    </cfRule>
  </conditionalFormatting>
  <conditionalFormatting sqref="AT107:AU108">
    <cfRule type="expression" dxfId="2564" priority="2561" stopIfTrue="1">
      <formula>ISBLANK(AT107)=TRUE</formula>
    </cfRule>
    <cfRule type="expression" dxfId="2563" priority="2562" stopIfTrue="1">
      <formula>INDIRECT("第１の３表②!"&amp;CELL("address",DM107))="×××"</formula>
    </cfRule>
    <cfRule type="expression" dxfId="2562" priority="2563" stopIfTrue="1">
      <formula>INDIRECT("第１の３表②!"&amp;CELL("address",DM107))="××"</formula>
    </cfRule>
    <cfRule type="expression" dxfId="2561" priority="2564" stopIfTrue="1">
      <formula>INDIRECT("第１の３表②!"&amp;CELL("address",DM107))="×"</formula>
    </cfRule>
    <cfRule type="expression" dxfId="2560" priority="2565" stopIfTrue="1">
      <formula>ISBLANK(AT107)=FALSE</formula>
    </cfRule>
  </conditionalFormatting>
  <conditionalFormatting sqref="AW107:AX108">
    <cfRule type="expression" dxfId="2559" priority="2556" stopIfTrue="1">
      <formula>ISBLANK(AW107)=TRUE</formula>
    </cfRule>
    <cfRule type="expression" dxfId="2558" priority="2557" stopIfTrue="1">
      <formula>INDIRECT("第１の３表②!"&amp;CELL("address",DP107))="×××"</formula>
    </cfRule>
    <cfRule type="expression" dxfId="2557" priority="2558" stopIfTrue="1">
      <formula>INDIRECT("第１の３表②!"&amp;CELL("address",DP107))="××"</formula>
    </cfRule>
    <cfRule type="expression" dxfId="2556" priority="2559" stopIfTrue="1">
      <formula>INDIRECT("第１の３表②!"&amp;CELL("address",DP107))="×"</formula>
    </cfRule>
    <cfRule type="expression" dxfId="2555" priority="2560" stopIfTrue="1">
      <formula>ISBLANK(AW107)=FALSE</formula>
    </cfRule>
  </conditionalFormatting>
  <conditionalFormatting sqref="AZ107:BA108">
    <cfRule type="expression" dxfId="2554" priority="2551" stopIfTrue="1">
      <formula>ISBLANK(AZ107)=TRUE</formula>
    </cfRule>
    <cfRule type="expression" dxfId="2553" priority="2552" stopIfTrue="1">
      <formula>INDIRECT("第１の３表②!"&amp;CELL("address",DS107))="×××"</formula>
    </cfRule>
    <cfRule type="expression" dxfId="2552" priority="2553" stopIfTrue="1">
      <formula>INDIRECT("第１の３表②!"&amp;CELL("address",DS107))="××"</formula>
    </cfRule>
    <cfRule type="expression" dxfId="2551" priority="2554" stopIfTrue="1">
      <formula>INDIRECT("第１の３表②!"&amp;CELL("address",DS107))="×"</formula>
    </cfRule>
    <cfRule type="expression" dxfId="2550" priority="2555" stopIfTrue="1">
      <formula>ISBLANK(AZ107)=FALSE</formula>
    </cfRule>
  </conditionalFormatting>
  <conditionalFormatting sqref="BC107:BD108">
    <cfRule type="expression" dxfId="2549" priority="2546" stopIfTrue="1">
      <formula>ISBLANK(BC107)=TRUE</formula>
    </cfRule>
    <cfRule type="expression" dxfId="2548" priority="2547" stopIfTrue="1">
      <formula>INDIRECT("第１の３表②!"&amp;CELL("address",DV107))="×××"</formula>
    </cfRule>
    <cfRule type="expression" dxfId="2547" priority="2548" stopIfTrue="1">
      <formula>INDIRECT("第１の３表②!"&amp;CELL("address",DV107))="××"</formula>
    </cfRule>
    <cfRule type="expression" dxfId="2546" priority="2549" stopIfTrue="1">
      <formula>INDIRECT("第１の３表②!"&amp;CELL("address",DV107))="×"</formula>
    </cfRule>
    <cfRule type="expression" dxfId="2545" priority="2550" stopIfTrue="1">
      <formula>ISBLANK(BC107)=FALSE</formula>
    </cfRule>
  </conditionalFormatting>
  <conditionalFormatting sqref="BF107:BG108">
    <cfRule type="expression" dxfId="2544" priority="2541" stopIfTrue="1">
      <formula>ISBLANK(BF107)=TRUE</formula>
    </cfRule>
    <cfRule type="expression" dxfId="2543" priority="2542" stopIfTrue="1">
      <formula>INDIRECT("第１の３表②!"&amp;CELL("address",DY107))="×××"</formula>
    </cfRule>
    <cfRule type="expression" dxfId="2542" priority="2543" stopIfTrue="1">
      <formula>INDIRECT("第１の３表②!"&amp;CELL("address",DY107))="××"</formula>
    </cfRule>
    <cfRule type="expression" dxfId="2541" priority="2544" stopIfTrue="1">
      <formula>INDIRECT("第１の３表②!"&amp;CELL("address",DY107))="×"</formula>
    </cfRule>
    <cfRule type="expression" dxfId="2540" priority="2545" stopIfTrue="1">
      <formula>ISBLANK(BF107)=FALSE</formula>
    </cfRule>
  </conditionalFormatting>
  <conditionalFormatting sqref="BI107:BJ108">
    <cfRule type="expression" dxfId="2539" priority="2536" stopIfTrue="1">
      <formula>ISBLANK(BI107)=TRUE</formula>
    </cfRule>
    <cfRule type="expression" dxfId="2538" priority="2537" stopIfTrue="1">
      <formula>INDIRECT("第１の３表②!"&amp;CELL("address",EB107))="×××"</formula>
    </cfRule>
    <cfRule type="expression" dxfId="2537" priority="2538" stopIfTrue="1">
      <formula>INDIRECT("第１の３表②!"&amp;CELL("address",EB107))="××"</formula>
    </cfRule>
    <cfRule type="expression" dxfId="2536" priority="2539" stopIfTrue="1">
      <formula>INDIRECT("第１の３表②!"&amp;CELL("address",EB107))="×"</formula>
    </cfRule>
    <cfRule type="expression" dxfId="2535" priority="2540" stopIfTrue="1">
      <formula>ISBLANK(BI107)=FALSE</formula>
    </cfRule>
  </conditionalFormatting>
  <conditionalFormatting sqref="BL107:BM108">
    <cfRule type="expression" dxfId="2534" priority="2531" stopIfTrue="1">
      <formula>ISBLANK(BL107)=TRUE</formula>
    </cfRule>
    <cfRule type="expression" dxfId="2533" priority="2532" stopIfTrue="1">
      <formula>INDIRECT("第１の３表②!"&amp;CELL("address",EE107))="×××"</formula>
    </cfRule>
    <cfRule type="expression" dxfId="2532" priority="2533" stopIfTrue="1">
      <formula>INDIRECT("第１の３表②!"&amp;CELL("address",EE107))="××"</formula>
    </cfRule>
    <cfRule type="expression" dxfId="2531" priority="2534" stopIfTrue="1">
      <formula>INDIRECT("第１の３表②!"&amp;CELL("address",EE107))="×"</formula>
    </cfRule>
    <cfRule type="expression" dxfId="2530" priority="2535" stopIfTrue="1">
      <formula>ISBLANK(BL107)=FALSE</formula>
    </cfRule>
  </conditionalFormatting>
  <conditionalFormatting sqref="BO107:BP108">
    <cfRule type="expression" dxfId="2529" priority="2526" stopIfTrue="1">
      <formula>ISBLANK(BO107)=TRUE</formula>
    </cfRule>
    <cfRule type="expression" dxfId="2528" priority="2527" stopIfTrue="1">
      <formula>INDIRECT("第１の３表②!"&amp;CELL("address",EH107))="×××"</formula>
    </cfRule>
    <cfRule type="expression" dxfId="2527" priority="2528" stopIfTrue="1">
      <formula>INDIRECT("第１の３表②!"&amp;CELL("address",EH107))="××"</formula>
    </cfRule>
    <cfRule type="expression" dxfId="2526" priority="2529" stopIfTrue="1">
      <formula>INDIRECT("第１の３表②!"&amp;CELL("address",EH107))="×"</formula>
    </cfRule>
    <cfRule type="expression" dxfId="2525" priority="2530" stopIfTrue="1">
      <formula>ISBLANK(BO107)=FALSE</formula>
    </cfRule>
  </conditionalFormatting>
  <conditionalFormatting sqref="G116:H117">
    <cfRule type="expression" dxfId="2524" priority="2521" stopIfTrue="1">
      <formula>ISBLANK(G116)=TRUE</formula>
    </cfRule>
    <cfRule type="expression" dxfId="2523" priority="2522" stopIfTrue="1">
      <formula>INDIRECT("第１の３表②!"&amp;CELL("address",BZ116))="×××"</formula>
    </cfRule>
    <cfRule type="expression" dxfId="2522" priority="2523" stopIfTrue="1">
      <formula>INDIRECT("第１の３表②!"&amp;CELL("address",BZ116))="××"</formula>
    </cfRule>
    <cfRule type="expression" dxfId="2521" priority="2524" stopIfTrue="1">
      <formula>INDIRECT("第１の３表②!"&amp;CELL("address",BZ116))="×"</formula>
    </cfRule>
    <cfRule type="expression" dxfId="2520" priority="2525" stopIfTrue="1">
      <formula>ISBLANK(G116)=FALSE</formula>
    </cfRule>
  </conditionalFormatting>
  <conditionalFormatting sqref="J116:K117">
    <cfRule type="expression" dxfId="2519" priority="2516" stopIfTrue="1">
      <formula>ISBLANK(J116)=TRUE</formula>
    </cfRule>
    <cfRule type="expression" dxfId="2518" priority="2517" stopIfTrue="1">
      <formula>INDIRECT("第１の３表②!"&amp;CELL("address",CC116))="×××"</formula>
    </cfRule>
    <cfRule type="expression" dxfId="2517" priority="2518" stopIfTrue="1">
      <formula>INDIRECT("第１の３表②!"&amp;CELL("address",CC116))="××"</formula>
    </cfRule>
    <cfRule type="expression" dxfId="2516" priority="2519" stopIfTrue="1">
      <formula>INDIRECT("第１の３表②!"&amp;CELL("address",CC116))="×"</formula>
    </cfRule>
    <cfRule type="expression" dxfId="2515" priority="2520" stopIfTrue="1">
      <formula>ISBLANK(J116)=FALSE</formula>
    </cfRule>
  </conditionalFormatting>
  <conditionalFormatting sqref="M116:N117">
    <cfRule type="expression" dxfId="2514" priority="2511" stopIfTrue="1">
      <formula>ISBLANK(M116)=TRUE</formula>
    </cfRule>
    <cfRule type="expression" dxfId="2513" priority="2512" stopIfTrue="1">
      <formula>INDIRECT("第１の３表②!"&amp;CELL("address",CF116))="×××"</formula>
    </cfRule>
    <cfRule type="expression" dxfId="2512" priority="2513" stopIfTrue="1">
      <formula>INDIRECT("第１の３表②!"&amp;CELL("address",CF116))="××"</formula>
    </cfRule>
    <cfRule type="expression" dxfId="2511" priority="2514" stopIfTrue="1">
      <formula>INDIRECT("第１の３表②!"&amp;CELL("address",CF116))="×"</formula>
    </cfRule>
    <cfRule type="expression" dxfId="2510" priority="2515" stopIfTrue="1">
      <formula>ISBLANK(M116)=FALSE</formula>
    </cfRule>
  </conditionalFormatting>
  <conditionalFormatting sqref="P116:Q117">
    <cfRule type="expression" dxfId="2509" priority="2506" stopIfTrue="1">
      <formula>ISBLANK(P116)=TRUE</formula>
    </cfRule>
    <cfRule type="expression" dxfId="2508" priority="2507" stopIfTrue="1">
      <formula>INDIRECT("第１の３表②!"&amp;CELL("address",CI116))="×××"</formula>
    </cfRule>
    <cfRule type="expression" dxfId="2507" priority="2508" stopIfTrue="1">
      <formula>INDIRECT("第１の３表②!"&amp;CELL("address",CI116))="××"</formula>
    </cfRule>
    <cfRule type="expression" dxfId="2506" priority="2509" stopIfTrue="1">
      <formula>INDIRECT("第１の３表②!"&amp;CELL("address",CI116))="×"</formula>
    </cfRule>
    <cfRule type="expression" dxfId="2505" priority="2510" stopIfTrue="1">
      <formula>ISBLANK(P116)=FALSE</formula>
    </cfRule>
  </conditionalFormatting>
  <conditionalFormatting sqref="S116:T117">
    <cfRule type="expression" dxfId="2504" priority="2501" stopIfTrue="1">
      <formula>ISBLANK(S116)=TRUE</formula>
    </cfRule>
    <cfRule type="expression" dxfId="2503" priority="2502" stopIfTrue="1">
      <formula>INDIRECT("第１の３表②!"&amp;CELL("address",CL116))="×××"</formula>
    </cfRule>
    <cfRule type="expression" dxfId="2502" priority="2503" stopIfTrue="1">
      <formula>INDIRECT("第１の３表②!"&amp;CELL("address",CL116))="××"</formula>
    </cfRule>
    <cfRule type="expression" dxfId="2501" priority="2504" stopIfTrue="1">
      <formula>INDIRECT("第１の３表②!"&amp;CELL("address",CL116))="×"</formula>
    </cfRule>
    <cfRule type="expression" dxfId="2500" priority="2505" stopIfTrue="1">
      <formula>ISBLANK(S116)=FALSE</formula>
    </cfRule>
  </conditionalFormatting>
  <conditionalFormatting sqref="V116:W117">
    <cfRule type="expression" dxfId="2499" priority="2496" stopIfTrue="1">
      <formula>ISBLANK(V116)=TRUE</formula>
    </cfRule>
    <cfRule type="expression" dxfId="2498" priority="2497" stopIfTrue="1">
      <formula>INDIRECT("第１の３表②!"&amp;CELL("address",CO116))="×××"</formula>
    </cfRule>
    <cfRule type="expression" dxfId="2497" priority="2498" stopIfTrue="1">
      <formula>INDIRECT("第１の３表②!"&amp;CELL("address",CO116))="××"</formula>
    </cfRule>
    <cfRule type="expression" dxfId="2496" priority="2499" stopIfTrue="1">
      <formula>INDIRECT("第１の３表②!"&amp;CELL("address",CO116))="×"</formula>
    </cfRule>
    <cfRule type="expression" dxfId="2495" priority="2500" stopIfTrue="1">
      <formula>ISBLANK(V116)=FALSE</formula>
    </cfRule>
  </conditionalFormatting>
  <conditionalFormatting sqref="Y116:Z117">
    <cfRule type="expression" dxfId="2494" priority="2491" stopIfTrue="1">
      <formula>ISBLANK(Y116)=TRUE</formula>
    </cfRule>
    <cfRule type="expression" dxfId="2493" priority="2492" stopIfTrue="1">
      <formula>INDIRECT("第１の３表②!"&amp;CELL("address",CR116))="×××"</formula>
    </cfRule>
    <cfRule type="expression" dxfId="2492" priority="2493" stopIfTrue="1">
      <formula>INDIRECT("第１の３表②!"&amp;CELL("address",CR116))="××"</formula>
    </cfRule>
    <cfRule type="expression" dxfId="2491" priority="2494" stopIfTrue="1">
      <formula>INDIRECT("第１の３表②!"&amp;CELL("address",CR116))="×"</formula>
    </cfRule>
    <cfRule type="expression" dxfId="2490" priority="2495" stopIfTrue="1">
      <formula>ISBLANK(Y116)=FALSE</formula>
    </cfRule>
  </conditionalFormatting>
  <conditionalFormatting sqref="AB116:AC117">
    <cfRule type="expression" dxfId="2489" priority="2486" stopIfTrue="1">
      <formula>ISBLANK(AB116)=TRUE</formula>
    </cfRule>
    <cfRule type="expression" dxfId="2488" priority="2487" stopIfTrue="1">
      <formula>INDIRECT("第１の３表②!"&amp;CELL("address",CU116))="×××"</formula>
    </cfRule>
    <cfRule type="expression" dxfId="2487" priority="2488" stopIfTrue="1">
      <formula>INDIRECT("第１の３表②!"&amp;CELL("address",CU116))="××"</formula>
    </cfRule>
    <cfRule type="expression" dxfId="2486" priority="2489" stopIfTrue="1">
      <formula>INDIRECT("第１の３表②!"&amp;CELL("address",CU116))="×"</formula>
    </cfRule>
    <cfRule type="expression" dxfId="2485" priority="2490" stopIfTrue="1">
      <formula>ISBLANK(AB116)=FALSE</formula>
    </cfRule>
  </conditionalFormatting>
  <conditionalFormatting sqref="AE116:AF117">
    <cfRule type="expression" dxfId="2484" priority="2481" stopIfTrue="1">
      <formula>ISBLANK(AE116)=TRUE</formula>
    </cfRule>
    <cfRule type="expression" dxfId="2483" priority="2482" stopIfTrue="1">
      <formula>INDIRECT("第１の３表②!"&amp;CELL("address",CX116))="×××"</formula>
    </cfRule>
    <cfRule type="expression" dxfId="2482" priority="2483" stopIfTrue="1">
      <formula>INDIRECT("第１の３表②!"&amp;CELL("address",CX116))="××"</formula>
    </cfRule>
    <cfRule type="expression" dxfId="2481" priority="2484" stopIfTrue="1">
      <formula>INDIRECT("第１の３表②!"&amp;CELL("address",CX116))="×"</formula>
    </cfRule>
    <cfRule type="expression" dxfId="2480" priority="2485" stopIfTrue="1">
      <formula>ISBLANK(AE116)=FALSE</formula>
    </cfRule>
  </conditionalFormatting>
  <conditionalFormatting sqref="AH116:AI117">
    <cfRule type="expression" dxfId="2479" priority="2476" stopIfTrue="1">
      <formula>ISBLANK(AH116)=TRUE</formula>
    </cfRule>
    <cfRule type="expression" dxfId="2478" priority="2477" stopIfTrue="1">
      <formula>INDIRECT("第１の３表②!"&amp;CELL("address",DA116))="×××"</formula>
    </cfRule>
    <cfRule type="expression" dxfId="2477" priority="2478" stopIfTrue="1">
      <formula>INDIRECT("第１の３表②!"&amp;CELL("address",DA116))="××"</formula>
    </cfRule>
    <cfRule type="expression" dxfId="2476" priority="2479" stopIfTrue="1">
      <formula>INDIRECT("第１の３表②!"&amp;CELL("address",DA116))="×"</formula>
    </cfRule>
    <cfRule type="expression" dxfId="2475" priority="2480" stopIfTrue="1">
      <formula>ISBLANK(AH116)=FALSE</formula>
    </cfRule>
  </conditionalFormatting>
  <conditionalFormatting sqref="AK116:AL117">
    <cfRule type="expression" dxfId="2474" priority="2471" stopIfTrue="1">
      <formula>ISBLANK(AK116)=TRUE</formula>
    </cfRule>
    <cfRule type="expression" dxfId="2473" priority="2472" stopIfTrue="1">
      <formula>INDIRECT("第１の３表②!"&amp;CELL("address",DD116))="×××"</formula>
    </cfRule>
    <cfRule type="expression" dxfId="2472" priority="2473" stopIfTrue="1">
      <formula>INDIRECT("第１の３表②!"&amp;CELL("address",DD116))="××"</formula>
    </cfRule>
    <cfRule type="expression" dxfId="2471" priority="2474" stopIfTrue="1">
      <formula>INDIRECT("第１の３表②!"&amp;CELL("address",DD116))="×"</formula>
    </cfRule>
    <cfRule type="expression" dxfId="2470" priority="2475" stopIfTrue="1">
      <formula>ISBLANK(AK116)=FALSE</formula>
    </cfRule>
  </conditionalFormatting>
  <conditionalFormatting sqref="AN116:AO117">
    <cfRule type="expression" dxfId="2469" priority="2466" stopIfTrue="1">
      <formula>ISBLANK(AN116)=TRUE</formula>
    </cfRule>
    <cfRule type="expression" dxfId="2468" priority="2467" stopIfTrue="1">
      <formula>INDIRECT("第１の３表②!"&amp;CELL("address",DG116))="×××"</formula>
    </cfRule>
    <cfRule type="expression" dxfId="2467" priority="2468" stopIfTrue="1">
      <formula>INDIRECT("第１の３表②!"&amp;CELL("address",DG116))="××"</formula>
    </cfRule>
    <cfRule type="expression" dxfId="2466" priority="2469" stopIfTrue="1">
      <formula>INDIRECT("第１の３表②!"&amp;CELL("address",DG116))="×"</formula>
    </cfRule>
    <cfRule type="expression" dxfId="2465" priority="2470" stopIfTrue="1">
      <formula>ISBLANK(AN116)=FALSE</formula>
    </cfRule>
  </conditionalFormatting>
  <conditionalFormatting sqref="AQ116:AR117">
    <cfRule type="expression" dxfId="2464" priority="2461" stopIfTrue="1">
      <formula>ISBLANK(AQ116)=TRUE</formula>
    </cfRule>
    <cfRule type="expression" dxfId="2463" priority="2462" stopIfTrue="1">
      <formula>INDIRECT("第１の３表②!"&amp;CELL("address",DJ116))="×××"</formula>
    </cfRule>
    <cfRule type="expression" dxfId="2462" priority="2463" stopIfTrue="1">
      <formula>INDIRECT("第１の３表②!"&amp;CELL("address",DJ116))="××"</formula>
    </cfRule>
    <cfRule type="expression" dxfId="2461" priority="2464" stopIfTrue="1">
      <formula>INDIRECT("第１の３表②!"&amp;CELL("address",DJ116))="×"</formula>
    </cfRule>
    <cfRule type="expression" dxfId="2460" priority="2465" stopIfTrue="1">
      <formula>ISBLANK(AQ116)=FALSE</formula>
    </cfRule>
  </conditionalFormatting>
  <conditionalFormatting sqref="AT116:AU117">
    <cfRule type="expression" dxfId="2459" priority="2456" stopIfTrue="1">
      <formula>ISBLANK(AT116)=TRUE</formula>
    </cfRule>
    <cfRule type="expression" dxfId="2458" priority="2457" stopIfTrue="1">
      <formula>INDIRECT("第１の３表②!"&amp;CELL("address",DM116))="×××"</formula>
    </cfRule>
    <cfRule type="expression" dxfId="2457" priority="2458" stopIfTrue="1">
      <formula>INDIRECT("第１の３表②!"&amp;CELL("address",DM116))="××"</formula>
    </cfRule>
    <cfRule type="expression" dxfId="2456" priority="2459" stopIfTrue="1">
      <formula>INDIRECT("第１の３表②!"&amp;CELL("address",DM116))="×"</formula>
    </cfRule>
    <cfRule type="expression" dxfId="2455" priority="2460" stopIfTrue="1">
      <formula>ISBLANK(AT116)=FALSE</formula>
    </cfRule>
  </conditionalFormatting>
  <conditionalFormatting sqref="AW116:AX117">
    <cfRule type="expression" dxfId="2454" priority="2451" stopIfTrue="1">
      <formula>ISBLANK(AW116)=TRUE</formula>
    </cfRule>
    <cfRule type="expression" dxfId="2453" priority="2452" stopIfTrue="1">
      <formula>INDIRECT("第１の３表②!"&amp;CELL("address",DP116))="×××"</formula>
    </cfRule>
    <cfRule type="expression" dxfId="2452" priority="2453" stopIfTrue="1">
      <formula>INDIRECT("第１の３表②!"&amp;CELL("address",DP116))="××"</formula>
    </cfRule>
    <cfRule type="expression" dxfId="2451" priority="2454" stopIfTrue="1">
      <formula>INDIRECT("第１の３表②!"&amp;CELL("address",DP116))="×"</formula>
    </cfRule>
    <cfRule type="expression" dxfId="2450" priority="2455" stopIfTrue="1">
      <formula>ISBLANK(AW116)=FALSE</formula>
    </cfRule>
  </conditionalFormatting>
  <conditionalFormatting sqref="AZ116:BA117">
    <cfRule type="expression" dxfId="2449" priority="2446" stopIfTrue="1">
      <formula>ISBLANK(AZ116)=TRUE</formula>
    </cfRule>
    <cfRule type="expression" dxfId="2448" priority="2447" stopIfTrue="1">
      <formula>INDIRECT("第１の３表②!"&amp;CELL("address",DS116))="×××"</formula>
    </cfRule>
    <cfRule type="expression" dxfId="2447" priority="2448" stopIfTrue="1">
      <formula>INDIRECT("第１の３表②!"&amp;CELL("address",DS116))="××"</formula>
    </cfRule>
    <cfRule type="expression" dxfId="2446" priority="2449" stopIfTrue="1">
      <formula>INDIRECT("第１の３表②!"&amp;CELL("address",DS116))="×"</formula>
    </cfRule>
    <cfRule type="expression" dxfId="2445" priority="2450" stopIfTrue="1">
      <formula>ISBLANK(AZ116)=FALSE</formula>
    </cfRule>
  </conditionalFormatting>
  <conditionalFormatting sqref="BC116:BD117">
    <cfRule type="expression" dxfId="2444" priority="2441" stopIfTrue="1">
      <formula>ISBLANK(BC116)=TRUE</formula>
    </cfRule>
    <cfRule type="expression" dxfId="2443" priority="2442" stopIfTrue="1">
      <formula>INDIRECT("第１の３表②!"&amp;CELL("address",DV116))="×××"</formula>
    </cfRule>
    <cfRule type="expression" dxfId="2442" priority="2443" stopIfTrue="1">
      <formula>INDIRECT("第１の３表②!"&amp;CELL("address",DV116))="××"</formula>
    </cfRule>
    <cfRule type="expression" dxfId="2441" priority="2444" stopIfTrue="1">
      <formula>INDIRECT("第１の３表②!"&amp;CELL("address",DV116))="×"</formula>
    </cfRule>
    <cfRule type="expression" dxfId="2440" priority="2445" stopIfTrue="1">
      <formula>ISBLANK(BC116)=FALSE</formula>
    </cfRule>
  </conditionalFormatting>
  <conditionalFormatting sqref="BF116:BG117">
    <cfRule type="expression" dxfId="2439" priority="2436" stopIfTrue="1">
      <formula>ISBLANK(BF116)=TRUE</formula>
    </cfRule>
    <cfRule type="expression" dxfId="2438" priority="2437" stopIfTrue="1">
      <formula>INDIRECT("第１の３表②!"&amp;CELL("address",DY116))="×××"</formula>
    </cfRule>
    <cfRule type="expression" dxfId="2437" priority="2438" stopIfTrue="1">
      <formula>INDIRECT("第１の３表②!"&amp;CELL("address",DY116))="××"</formula>
    </cfRule>
    <cfRule type="expression" dxfId="2436" priority="2439" stopIfTrue="1">
      <formula>INDIRECT("第１の３表②!"&amp;CELL("address",DY116))="×"</formula>
    </cfRule>
    <cfRule type="expression" dxfId="2435" priority="2440" stopIfTrue="1">
      <formula>ISBLANK(BF116)=FALSE</formula>
    </cfRule>
  </conditionalFormatting>
  <conditionalFormatting sqref="BI116:BJ117">
    <cfRule type="expression" dxfId="2434" priority="2431" stopIfTrue="1">
      <formula>ISBLANK(BI116)=TRUE</formula>
    </cfRule>
    <cfRule type="expression" dxfId="2433" priority="2432" stopIfTrue="1">
      <formula>INDIRECT("第１の３表②!"&amp;CELL("address",EB116))="×××"</formula>
    </cfRule>
    <cfRule type="expression" dxfId="2432" priority="2433" stopIfTrue="1">
      <formula>INDIRECT("第１の３表②!"&amp;CELL("address",EB116))="××"</formula>
    </cfRule>
    <cfRule type="expression" dxfId="2431" priority="2434" stopIfTrue="1">
      <formula>INDIRECT("第１の３表②!"&amp;CELL("address",EB116))="×"</formula>
    </cfRule>
    <cfRule type="expression" dxfId="2430" priority="2435" stopIfTrue="1">
      <formula>ISBLANK(BI116)=FALSE</formula>
    </cfRule>
  </conditionalFormatting>
  <conditionalFormatting sqref="BL116:BM117">
    <cfRule type="expression" dxfId="2429" priority="2426" stopIfTrue="1">
      <formula>ISBLANK(BL116)=TRUE</formula>
    </cfRule>
    <cfRule type="expression" dxfId="2428" priority="2427" stopIfTrue="1">
      <formula>INDIRECT("第１の３表②!"&amp;CELL("address",EE116))="×××"</formula>
    </cfRule>
    <cfRule type="expression" dxfId="2427" priority="2428" stopIfTrue="1">
      <formula>INDIRECT("第１の３表②!"&amp;CELL("address",EE116))="××"</formula>
    </cfRule>
    <cfRule type="expression" dxfId="2426" priority="2429" stopIfTrue="1">
      <formula>INDIRECT("第１の３表②!"&amp;CELL("address",EE116))="×"</formula>
    </cfRule>
    <cfRule type="expression" dxfId="2425" priority="2430" stopIfTrue="1">
      <formula>ISBLANK(BL116)=FALSE</formula>
    </cfRule>
  </conditionalFormatting>
  <conditionalFormatting sqref="BO116:BP117">
    <cfRule type="expression" dxfId="2424" priority="2421" stopIfTrue="1">
      <formula>ISBLANK(BO116)=TRUE</formula>
    </cfRule>
    <cfRule type="expression" dxfId="2423" priority="2422" stopIfTrue="1">
      <formula>INDIRECT("第１の３表②!"&amp;CELL("address",EH116))="×××"</formula>
    </cfRule>
    <cfRule type="expression" dxfId="2422" priority="2423" stopIfTrue="1">
      <formula>INDIRECT("第１の３表②!"&amp;CELL("address",EH116))="××"</formula>
    </cfRule>
    <cfRule type="expression" dxfId="2421" priority="2424" stopIfTrue="1">
      <formula>INDIRECT("第１の３表②!"&amp;CELL("address",EH116))="×"</formula>
    </cfRule>
    <cfRule type="expression" dxfId="2420" priority="2425" stopIfTrue="1">
      <formula>ISBLANK(BO116)=FALSE</formula>
    </cfRule>
  </conditionalFormatting>
  <conditionalFormatting sqref="G119:H120">
    <cfRule type="expression" dxfId="2419" priority="2416" stopIfTrue="1">
      <formula>ISBLANK(G119)=TRUE</formula>
    </cfRule>
    <cfRule type="expression" dxfId="2418" priority="2417" stopIfTrue="1">
      <formula>INDIRECT("第１の３表②!"&amp;CELL("address",BZ119))="×××"</formula>
    </cfRule>
    <cfRule type="expression" dxfId="2417" priority="2418" stopIfTrue="1">
      <formula>INDIRECT("第１の３表②!"&amp;CELL("address",BZ119))="××"</formula>
    </cfRule>
    <cfRule type="expression" dxfId="2416" priority="2419" stopIfTrue="1">
      <formula>INDIRECT("第１の３表②!"&amp;CELL("address",BZ119))="×"</formula>
    </cfRule>
    <cfRule type="expression" dxfId="2415" priority="2420" stopIfTrue="1">
      <formula>ISBLANK(G119)=FALSE</formula>
    </cfRule>
  </conditionalFormatting>
  <conditionalFormatting sqref="J119:K120">
    <cfRule type="expression" dxfId="2414" priority="2411" stopIfTrue="1">
      <formula>ISBLANK(J119)=TRUE</formula>
    </cfRule>
    <cfRule type="expression" dxfId="2413" priority="2412" stopIfTrue="1">
      <formula>INDIRECT("第１の３表②!"&amp;CELL("address",CC119))="×××"</formula>
    </cfRule>
    <cfRule type="expression" dxfId="2412" priority="2413" stopIfTrue="1">
      <formula>INDIRECT("第１の３表②!"&amp;CELL("address",CC119))="××"</formula>
    </cfRule>
    <cfRule type="expression" dxfId="2411" priority="2414" stopIfTrue="1">
      <formula>INDIRECT("第１の３表②!"&amp;CELL("address",CC119))="×"</formula>
    </cfRule>
    <cfRule type="expression" dxfId="2410" priority="2415" stopIfTrue="1">
      <formula>ISBLANK(J119)=FALSE</formula>
    </cfRule>
  </conditionalFormatting>
  <conditionalFormatting sqref="M119:N120">
    <cfRule type="expression" dxfId="2409" priority="2406" stopIfTrue="1">
      <formula>ISBLANK(M119)=TRUE</formula>
    </cfRule>
    <cfRule type="expression" dxfId="2408" priority="2407" stopIfTrue="1">
      <formula>INDIRECT("第１の３表②!"&amp;CELL("address",CF119))="×××"</formula>
    </cfRule>
    <cfRule type="expression" dxfId="2407" priority="2408" stopIfTrue="1">
      <formula>INDIRECT("第１の３表②!"&amp;CELL("address",CF119))="××"</formula>
    </cfRule>
    <cfRule type="expression" dxfId="2406" priority="2409" stopIfTrue="1">
      <formula>INDIRECT("第１の３表②!"&amp;CELL("address",CF119))="×"</formula>
    </cfRule>
    <cfRule type="expression" dxfId="2405" priority="2410" stopIfTrue="1">
      <formula>ISBLANK(M119)=FALSE</formula>
    </cfRule>
  </conditionalFormatting>
  <conditionalFormatting sqref="P119:Q120">
    <cfRule type="expression" dxfId="2404" priority="2401" stopIfTrue="1">
      <formula>ISBLANK(P119)=TRUE</formula>
    </cfRule>
    <cfRule type="expression" dxfId="2403" priority="2402" stopIfTrue="1">
      <formula>INDIRECT("第１の３表②!"&amp;CELL("address",CI119))="×××"</formula>
    </cfRule>
    <cfRule type="expression" dxfId="2402" priority="2403" stopIfTrue="1">
      <formula>INDIRECT("第１の３表②!"&amp;CELL("address",CI119))="××"</formula>
    </cfRule>
    <cfRule type="expression" dxfId="2401" priority="2404" stopIfTrue="1">
      <formula>INDIRECT("第１の３表②!"&amp;CELL("address",CI119))="×"</formula>
    </cfRule>
    <cfRule type="expression" dxfId="2400" priority="2405" stopIfTrue="1">
      <formula>ISBLANK(P119)=FALSE</formula>
    </cfRule>
  </conditionalFormatting>
  <conditionalFormatting sqref="S119:T120">
    <cfRule type="expression" dxfId="2399" priority="2396" stopIfTrue="1">
      <formula>ISBLANK(S119)=TRUE</formula>
    </cfRule>
    <cfRule type="expression" dxfId="2398" priority="2397" stopIfTrue="1">
      <formula>INDIRECT("第１の３表②!"&amp;CELL("address",CL119))="×××"</formula>
    </cfRule>
    <cfRule type="expression" dxfId="2397" priority="2398" stopIfTrue="1">
      <formula>INDIRECT("第１の３表②!"&amp;CELL("address",CL119))="××"</formula>
    </cfRule>
    <cfRule type="expression" dxfId="2396" priority="2399" stopIfTrue="1">
      <formula>INDIRECT("第１の３表②!"&amp;CELL("address",CL119))="×"</formula>
    </cfRule>
    <cfRule type="expression" dxfId="2395" priority="2400" stopIfTrue="1">
      <formula>ISBLANK(S119)=FALSE</formula>
    </cfRule>
  </conditionalFormatting>
  <conditionalFormatting sqref="V119:W120">
    <cfRule type="expression" dxfId="2394" priority="2391" stopIfTrue="1">
      <formula>ISBLANK(V119)=TRUE</formula>
    </cfRule>
    <cfRule type="expression" dxfId="2393" priority="2392" stopIfTrue="1">
      <formula>INDIRECT("第１の３表②!"&amp;CELL("address",CO119))="×××"</formula>
    </cfRule>
    <cfRule type="expression" dxfId="2392" priority="2393" stopIfTrue="1">
      <formula>INDIRECT("第１の３表②!"&amp;CELL("address",CO119))="××"</formula>
    </cfRule>
    <cfRule type="expression" dxfId="2391" priority="2394" stopIfTrue="1">
      <formula>INDIRECT("第１の３表②!"&amp;CELL("address",CO119))="×"</formula>
    </cfRule>
    <cfRule type="expression" dxfId="2390" priority="2395" stopIfTrue="1">
      <formula>ISBLANK(V119)=FALSE</formula>
    </cfRule>
  </conditionalFormatting>
  <conditionalFormatting sqref="Y119:Z120">
    <cfRule type="expression" dxfId="2389" priority="2386" stopIfTrue="1">
      <formula>ISBLANK(Y119)=TRUE</formula>
    </cfRule>
    <cfRule type="expression" dxfId="2388" priority="2387" stopIfTrue="1">
      <formula>INDIRECT("第１の３表②!"&amp;CELL("address",CR119))="×××"</formula>
    </cfRule>
    <cfRule type="expression" dxfId="2387" priority="2388" stopIfTrue="1">
      <formula>INDIRECT("第１の３表②!"&amp;CELL("address",CR119))="××"</formula>
    </cfRule>
    <cfRule type="expression" dxfId="2386" priority="2389" stopIfTrue="1">
      <formula>INDIRECT("第１の３表②!"&amp;CELL("address",CR119))="×"</formula>
    </cfRule>
    <cfRule type="expression" dxfId="2385" priority="2390" stopIfTrue="1">
      <formula>ISBLANK(Y119)=FALSE</formula>
    </cfRule>
  </conditionalFormatting>
  <conditionalFormatting sqref="AB119:AC120">
    <cfRule type="expression" dxfId="2384" priority="2381" stopIfTrue="1">
      <formula>ISBLANK(AB119)=TRUE</formula>
    </cfRule>
    <cfRule type="expression" dxfId="2383" priority="2382" stopIfTrue="1">
      <formula>INDIRECT("第１の３表②!"&amp;CELL("address",CU119))="×××"</formula>
    </cfRule>
    <cfRule type="expression" dxfId="2382" priority="2383" stopIfTrue="1">
      <formula>INDIRECT("第１の３表②!"&amp;CELL("address",CU119))="××"</formula>
    </cfRule>
    <cfRule type="expression" dxfId="2381" priority="2384" stopIfTrue="1">
      <formula>INDIRECT("第１の３表②!"&amp;CELL("address",CU119))="×"</formula>
    </cfRule>
    <cfRule type="expression" dxfId="2380" priority="2385" stopIfTrue="1">
      <formula>ISBLANK(AB119)=FALSE</formula>
    </cfRule>
  </conditionalFormatting>
  <conditionalFormatting sqref="AE119:AF120">
    <cfRule type="expression" dxfId="2379" priority="2376" stopIfTrue="1">
      <formula>ISBLANK(AE119)=TRUE</formula>
    </cfRule>
    <cfRule type="expression" dxfId="2378" priority="2377" stopIfTrue="1">
      <formula>INDIRECT("第１の３表②!"&amp;CELL("address",CX119))="×××"</formula>
    </cfRule>
    <cfRule type="expression" dxfId="2377" priority="2378" stopIfTrue="1">
      <formula>INDIRECT("第１の３表②!"&amp;CELL("address",CX119))="××"</formula>
    </cfRule>
    <cfRule type="expression" dxfId="2376" priority="2379" stopIfTrue="1">
      <formula>INDIRECT("第１の３表②!"&amp;CELL("address",CX119))="×"</formula>
    </cfRule>
    <cfRule type="expression" dxfId="2375" priority="2380" stopIfTrue="1">
      <formula>ISBLANK(AE119)=FALSE</formula>
    </cfRule>
  </conditionalFormatting>
  <conditionalFormatting sqref="AH119:AI120">
    <cfRule type="expression" dxfId="2374" priority="2371" stopIfTrue="1">
      <formula>ISBLANK(AH119)=TRUE</formula>
    </cfRule>
    <cfRule type="expression" dxfId="2373" priority="2372" stopIfTrue="1">
      <formula>INDIRECT("第１の３表②!"&amp;CELL("address",DA119))="×××"</formula>
    </cfRule>
    <cfRule type="expression" dxfId="2372" priority="2373" stopIfTrue="1">
      <formula>INDIRECT("第１の３表②!"&amp;CELL("address",DA119))="××"</formula>
    </cfRule>
    <cfRule type="expression" dxfId="2371" priority="2374" stopIfTrue="1">
      <formula>INDIRECT("第１の３表②!"&amp;CELL("address",DA119))="×"</formula>
    </cfRule>
    <cfRule type="expression" dxfId="2370" priority="2375" stopIfTrue="1">
      <formula>ISBLANK(AH119)=FALSE</formula>
    </cfRule>
  </conditionalFormatting>
  <conditionalFormatting sqref="AK119:AL120">
    <cfRule type="expression" dxfId="2369" priority="2366" stopIfTrue="1">
      <formula>ISBLANK(AK119)=TRUE</formula>
    </cfRule>
    <cfRule type="expression" dxfId="2368" priority="2367" stopIfTrue="1">
      <formula>INDIRECT("第１の３表②!"&amp;CELL("address",DD119))="×××"</formula>
    </cfRule>
    <cfRule type="expression" dxfId="2367" priority="2368" stopIfTrue="1">
      <formula>INDIRECT("第１の３表②!"&amp;CELL("address",DD119))="××"</formula>
    </cfRule>
    <cfRule type="expression" dxfId="2366" priority="2369" stopIfTrue="1">
      <formula>INDIRECT("第１の３表②!"&amp;CELL("address",DD119))="×"</formula>
    </cfRule>
    <cfRule type="expression" dxfId="2365" priority="2370" stopIfTrue="1">
      <formula>ISBLANK(AK119)=FALSE</formula>
    </cfRule>
  </conditionalFormatting>
  <conditionalFormatting sqref="AN119:AO120">
    <cfRule type="expression" dxfId="2364" priority="2361" stopIfTrue="1">
      <formula>ISBLANK(AN119)=TRUE</formula>
    </cfRule>
    <cfRule type="expression" dxfId="2363" priority="2362" stopIfTrue="1">
      <formula>INDIRECT("第１の３表②!"&amp;CELL("address",DG119))="×××"</formula>
    </cfRule>
    <cfRule type="expression" dxfId="2362" priority="2363" stopIfTrue="1">
      <formula>INDIRECT("第１の３表②!"&amp;CELL("address",DG119))="××"</formula>
    </cfRule>
    <cfRule type="expression" dxfId="2361" priority="2364" stopIfTrue="1">
      <formula>INDIRECT("第１の３表②!"&amp;CELL("address",DG119))="×"</formula>
    </cfRule>
    <cfRule type="expression" dxfId="2360" priority="2365" stopIfTrue="1">
      <formula>ISBLANK(AN119)=FALSE</formula>
    </cfRule>
  </conditionalFormatting>
  <conditionalFormatting sqref="AQ119:AR120">
    <cfRule type="expression" dxfId="2359" priority="2356" stopIfTrue="1">
      <formula>ISBLANK(AQ119)=TRUE</formula>
    </cfRule>
    <cfRule type="expression" dxfId="2358" priority="2357" stopIfTrue="1">
      <formula>INDIRECT("第１の３表②!"&amp;CELL("address",DJ119))="×××"</formula>
    </cfRule>
    <cfRule type="expression" dxfId="2357" priority="2358" stopIfTrue="1">
      <formula>INDIRECT("第１の３表②!"&amp;CELL("address",DJ119))="××"</formula>
    </cfRule>
    <cfRule type="expression" dxfId="2356" priority="2359" stopIfTrue="1">
      <formula>INDIRECT("第１の３表②!"&amp;CELL("address",DJ119))="×"</formula>
    </cfRule>
    <cfRule type="expression" dxfId="2355" priority="2360" stopIfTrue="1">
      <formula>ISBLANK(AQ119)=FALSE</formula>
    </cfRule>
  </conditionalFormatting>
  <conditionalFormatting sqref="AT119:AU120">
    <cfRule type="expression" dxfId="2354" priority="2351" stopIfTrue="1">
      <formula>ISBLANK(AT119)=TRUE</formula>
    </cfRule>
    <cfRule type="expression" dxfId="2353" priority="2352" stopIfTrue="1">
      <formula>INDIRECT("第１の３表②!"&amp;CELL("address",DM119))="×××"</formula>
    </cfRule>
    <cfRule type="expression" dxfId="2352" priority="2353" stopIfTrue="1">
      <formula>INDIRECT("第１の３表②!"&amp;CELL("address",DM119))="××"</formula>
    </cfRule>
    <cfRule type="expression" dxfId="2351" priority="2354" stopIfTrue="1">
      <formula>INDIRECT("第１の３表②!"&amp;CELL("address",DM119))="×"</formula>
    </cfRule>
    <cfRule type="expression" dxfId="2350" priority="2355" stopIfTrue="1">
      <formula>ISBLANK(AT119)=FALSE</formula>
    </cfRule>
  </conditionalFormatting>
  <conditionalFormatting sqref="AW119:AX120">
    <cfRule type="expression" dxfId="2349" priority="2346" stopIfTrue="1">
      <formula>ISBLANK(AW119)=TRUE</formula>
    </cfRule>
    <cfRule type="expression" dxfId="2348" priority="2347" stopIfTrue="1">
      <formula>INDIRECT("第１の３表②!"&amp;CELL("address",DP119))="×××"</formula>
    </cfRule>
    <cfRule type="expression" dxfId="2347" priority="2348" stopIfTrue="1">
      <formula>INDIRECT("第１の３表②!"&amp;CELL("address",DP119))="××"</formula>
    </cfRule>
    <cfRule type="expression" dxfId="2346" priority="2349" stopIfTrue="1">
      <formula>INDIRECT("第１の３表②!"&amp;CELL("address",DP119))="×"</formula>
    </cfRule>
    <cfRule type="expression" dxfId="2345" priority="2350" stopIfTrue="1">
      <formula>ISBLANK(AW119)=FALSE</formula>
    </cfRule>
  </conditionalFormatting>
  <conditionalFormatting sqref="AZ119:BA120">
    <cfRule type="expression" dxfId="2344" priority="2341" stopIfTrue="1">
      <formula>ISBLANK(AZ119)=TRUE</formula>
    </cfRule>
    <cfRule type="expression" dxfId="2343" priority="2342" stopIfTrue="1">
      <formula>INDIRECT("第１の３表②!"&amp;CELL("address",DS119))="×××"</formula>
    </cfRule>
    <cfRule type="expression" dxfId="2342" priority="2343" stopIfTrue="1">
      <formula>INDIRECT("第１の３表②!"&amp;CELL("address",DS119))="××"</formula>
    </cfRule>
    <cfRule type="expression" dxfId="2341" priority="2344" stopIfTrue="1">
      <formula>INDIRECT("第１の３表②!"&amp;CELL("address",DS119))="×"</formula>
    </cfRule>
    <cfRule type="expression" dxfId="2340" priority="2345" stopIfTrue="1">
      <formula>ISBLANK(AZ119)=FALSE</formula>
    </cfRule>
  </conditionalFormatting>
  <conditionalFormatting sqref="BC119:BD120">
    <cfRule type="expression" dxfId="2339" priority="2336" stopIfTrue="1">
      <formula>ISBLANK(BC119)=TRUE</formula>
    </cfRule>
    <cfRule type="expression" dxfId="2338" priority="2337" stopIfTrue="1">
      <formula>INDIRECT("第１の３表②!"&amp;CELL("address",DV119))="×××"</formula>
    </cfRule>
    <cfRule type="expression" dxfId="2337" priority="2338" stopIfTrue="1">
      <formula>INDIRECT("第１の３表②!"&amp;CELL("address",DV119))="××"</formula>
    </cfRule>
    <cfRule type="expression" dxfId="2336" priority="2339" stopIfTrue="1">
      <formula>INDIRECT("第１の３表②!"&amp;CELL("address",DV119))="×"</formula>
    </cfRule>
    <cfRule type="expression" dxfId="2335" priority="2340" stopIfTrue="1">
      <formula>ISBLANK(BC119)=FALSE</formula>
    </cfRule>
  </conditionalFormatting>
  <conditionalFormatting sqref="BF119:BG120">
    <cfRule type="expression" dxfId="2334" priority="2331" stopIfTrue="1">
      <formula>ISBLANK(BF119)=TRUE</formula>
    </cfRule>
    <cfRule type="expression" dxfId="2333" priority="2332" stopIfTrue="1">
      <formula>INDIRECT("第１の３表②!"&amp;CELL("address",DY119))="×××"</formula>
    </cfRule>
    <cfRule type="expression" dxfId="2332" priority="2333" stopIfTrue="1">
      <formula>INDIRECT("第１の３表②!"&amp;CELL("address",DY119))="××"</formula>
    </cfRule>
    <cfRule type="expression" dxfId="2331" priority="2334" stopIfTrue="1">
      <formula>INDIRECT("第１の３表②!"&amp;CELL("address",DY119))="×"</formula>
    </cfRule>
    <cfRule type="expression" dxfId="2330" priority="2335" stopIfTrue="1">
      <formula>ISBLANK(BF119)=FALSE</formula>
    </cfRule>
  </conditionalFormatting>
  <conditionalFormatting sqref="BI119:BJ120">
    <cfRule type="expression" dxfId="2329" priority="2326" stopIfTrue="1">
      <formula>ISBLANK(BI119)=TRUE</formula>
    </cfRule>
    <cfRule type="expression" dxfId="2328" priority="2327" stopIfTrue="1">
      <formula>INDIRECT("第１の３表②!"&amp;CELL("address",EB119))="×××"</formula>
    </cfRule>
    <cfRule type="expression" dxfId="2327" priority="2328" stopIfTrue="1">
      <formula>INDIRECT("第１の３表②!"&amp;CELL("address",EB119))="××"</formula>
    </cfRule>
    <cfRule type="expression" dxfId="2326" priority="2329" stopIfTrue="1">
      <formula>INDIRECT("第１の３表②!"&amp;CELL("address",EB119))="×"</formula>
    </cfRule>
    <cfRule type="expression" dxfId="2325" priority="2330" stopIfTrue="1">
      <formula>ISBLANK(BI119)=FALSE</formula>
    </cfRule>
  </conditionalFormatting>
  <conditionalFormatting sqref="BL119:BM120">
    <cfRule type="expression" dxfId="2324" priority="2321" stopIfTrue="1">
      <formula>ISBLANK(BL119)=TRUE</formula>
    </cfRule>
    <cfRule type="expression" dxfId="2323" priority="2322" stopIfTrue="1">
      <formula>INDIRECT("第１の３表②!"&amp;CELL("address",EE119))="×××"</formula>
    </cfRule>
    <cfRule type="expression" dxfId="2322" priority="2323" stopIfTrue="1">
      <formula>INDIRECT("第１の３表②!"&amp;CELL("address",EE119))="××"</formula>
    </cfRule>
    <cfRule type="expression" dxfId="2321" priority="2324" stopIfTrue="1">
      <formula>INDIRECT("第１の３表②!"&amp;CELL("address",EE119))="×"</formula>
    </cfRule>
    <cfRule type="expression" dxfId="2320" priority="2325" stopIfTrue="1">
      <formula>ISBLANK(BL119)=FALSE</formula>
    </cfRule>
  </conditionalFormatting>
  <conditionalFormatting sqref="BO119:BP120">
    <cfRule type="expression" dxfId="2319" priority="2316" stopIfTrue="1">
      <formula>ISBLANK(BO119)=TRUE</formula>
    </cfRule>
    <cfRule type="expression" dxfId="2318" priority="2317" stopIfTrue="1">
      <formula>INDIRECT("第１の３表②!"&amp;CELL("address",EH119))="×××"</formula>
    </cfRule>
    <cfRule type="expression" dxfId="2317" priority="2318" stopIfTrue="1">
      <formula>INDIRECT("第１の３表②!"&amp;CELL("address",EH119))="××"</formula>
    </cfRule>
    <cfRule type="expression" dxfId="2316" priority="2319" stopIfTrue="1">
      <formula>INDIRECT("第１の３表②!"&amp;CELL("address",EH119))="×"</formula>
    </cfRule>
    <cfRule type="expression" dxfId="2315" priority="2320" stopIfTrue="1">
      <formula>ISBLANK(BO119)=FALSE</formula>
    </cfRule>
  </conditionalFormatting>
  <conditionalFormatting sqref="G101:H102">
    <cfRule type="expression" dxfId="2314" priority="2311" stopIfTrue="1">
      <formula>ISBLANK(G101)=TRUE</formula>
    </cfRule>
    <cfRule type="expression" dxfId="2313" priority="2312" stopIfTrue="1">
      <formula>INDIRECT("第１の３表②!"&amp;CELL("address",BZ101))="×××"</formula>
    </cfRule>
    <cfRule type="expression" dxfId="2312" priority="2313" stopIfTrue="1">
      <formula>INDIRECT("第１の３表②!"&amp;CELL("address",BZ101))="××"</formula>
    </cfRule>
    <cfRule type="expression" dxfId="2311" priority="2314" stopIfTrue="1">
      <formula>INDIRECT("第１の３表②!"&amp;CELL("address",BZ101))="×"</formula>
    </cfRule>
    <cfRule type="expression" dxfId="2310" priority="2315" stopIfTrue="1">
      <formula>ISBLANK(G101)=FALSE</formula>
    </cfRule>
  </conditionalFormatting>
  <conditionalFormatting sqref="J101:K102">
    <cfRule type="expression" dxfId="2309" priority="2306" stopIfTrue="1">
      <formula>ISBLANK(J101)=TRUE</formula>
    </cfRule>
    <cfRule type="expression" dxfId="2308" priority="2307" stopIfTrue="1">
      <formula>INDIRECT("第１の３表②!"&amp;CELL("address",CC101))="×××"</formula>
    </cfRule>
    <cfRule type="expression" dxfId="2307" priority="2308" stopIfTrue="1">
      <formula>INDIRECT("第１の３表②!"&amp;CELL("address",CC101))="××"</formula>
    </cfRule>
    <cfRule type="expression" dxfId="2306" priority="2309" stopIfTrue="1">
      <formula>INDIRECT("第１の３表②!"&amp;CELL("address",CC101))="×"</formula>
    </cfRule>
    <cfRule type="expression" dxfId="2305" priority="2310" stopIfTrue="1">
      <formula>ISBLANK(J101)=FALSE</formula>
    </cfRule>
  </conditionalFormatting>
  <conditionalFormatting sqref="M101:N102">
    <cfRule type="expression" dxfId="2304" priority="2301" stopIfTrue="1">
      <formula>ISBLANK(M101)=TRUE</formula>
    </cfRule>
    <cfRule type="expression" dxfId="2303" priority="2302" stopIfTrue="1">
      <formula>INDIRECT("第１の３表②!"&amp;CELL("address",CF101))="×××"</formula>
    </cfRule>
    <cfRule type="expression" dxfId="2302" priority="2303" stopIfTrue="1">
      <formula>INDIRECT("第１の３表②!"&amp;CELL("address",CF101))="××"</formula>
    </cfRule>
    <cfRule type="expression" dxfId="2301" priority="2304" stopIfTrue="1">
      <formula>INDIRECT("第１の３表②!"&amp;CELL("address",CF101))="×"</formula>
    </cfRule>
    <cfRule type="expression" dxfId="2300" priority="2305" stopIfTrue="1">
      <formula>ISBLANK(M101)=FALSE</formula>
    </cfRule>
  </conditionalFormatting>
  <conditionalFormatting sqref="P101:Q102">
    <cfRule type="expression" dxfId="2299" priority="2296" stopIfTrue="1">
      <formula>ISBLANK(P101)=TRUE</formula>
    </cfRule>
    <cfRule type="expression" dxfId="2298" priority="2297" stopIfTrue="1">
      <formula>INDIRECT("第１の３表②!"&amp;CELL("address",CI101))="×××"</formula>
    </cfRule>
    <cfRule type="expression" dxfId="2297" priority="2298" stopIfTrue="1">
      <formula>INDIRECT("第１の３表②!"&amp;CELL("address",CI101))="××"</formula>
    </cfRule>
    <cfRule type="expression" dxfId="2296" priority="2299" stopIfTrue="1">
      <formula>INDIRECT("第１の３表②!"&amp;CELL("address",CI101))="×"</formula>
    </cfRule>
    <cfRule type="expression" dxfId="2295" priority="2300" stopIfTrue="1">
      <formula>ISBLANK(P101)=FALSE</formula>
    </cfRule>
  </conditionalFormatting>
  <conditionalFormatting sqref="S101:T102">
    <cfRule type="expression" dxfId="2294" priority="2291" stopIfTrue="1">
      <formula>ISBLANK(S101)=TRUE</formula>
    </cfRule>
    <cfRule type="expression" dxfId="2293" priority="2292" stopIfTrue="1">
      <formula>INDIRECT("第１の３表②!"&amp;CELL("address",CL101))="×××"</formula>
    </cfRule>
    <cfRule type="expression" dxfId="2292" priority="2293" stopIfTrue="1">
      <formula>INDIRECT("第１の３表②!"&amp;CELL("address",CL101))="××"</formula>
    </cfRule>
    <cfRule type="expression" dxfId="2291" priority="2294" stopIfTrue="1">
      <formula>INDIRECT("第１の３表②!"&amp;CELL("address",CL101))="×"</formula>
    </cfRule>
    <cfRule type="expression" dxfId="2290" priority="2295" stopIfTrue="1">
      <formula>ISBLANK(S101)=FALSE</formula>
    </cfRule>
  </conditionalFormatting>
  <conditionalFormatting sqref="V101:W102">
    <cfRule type="expression" dxfId="2289" priority="2286" stopIfTrue="1">
      <formula>ISBLANK(V101)=TRUE</formula>
    </cfRule>
    <cfRule type="expression" dxfId="2288" priority="2287" stopIfTrue="1">
      <formula>INDIRECT("第１の３表②!"&amp;CELL("address",CO101))="×××"</formula>
    </cfRule>
    <cfRule type="expression" dxfId="2287" priority="2288" stopIfTrue="1">
      <formula>INDIRECT("第１の３表②!"&amp;CELL("address",CO101))="××"</formula>
    </cfRule>
    <cfRule type="expression" dxfId="2286" priority="2289" stopIfTrue="1">
      <formula>INDIRECT("第１の３表②!"&amp;CELL("address",CO101))="×"</formula>
    </cfRule>
    <cfRule type="expression" dxfId="2285" priority="2290" stopIfTrue="1">
      <formula>ISBLANK(V101)=FALSE</formula>
    </cfRule>
  </conditionalFormatting>
  <conditionalFormatting sqref="Y101:Z102">
    <cfRule type="expression" dxfId="2284" priority="2281" stopIfTrue="1">
      <formula>ISBLANK(Y101)=TRUE</formula>
    </cfRule>
    <cfRule type="expression" dxfId="2283" priority="2282" stopIfTrue="1">
      <formula>INDIRECT("第１の３表②!"&amp;CELL("address",CR101))="×××"</formula>
    </cfRule>
    <cfRule type="expression" dxfId="2282" priority="2283" stopIfTrue="1">
      <formula>INDIRECT("第１の３表②!"&amp;CELL("address",CR101))="××"</formula>
    </cfRule>
    <cfRule type="expression" dxfId="2281" priority="2284" stopIfTrue="1">
      <formula>INDIRECT("第１の３表②!"&amp;CELL("address",CR101))="×"</formula>
    </cfRule>
    <cfRule type="expression" dxfId="2280" priority="2285" stopIfTrue="1">
      <formula>ISBLANK(Y101)=FALSE</formula>
    </cfRule>
  </conditionalFormatting>
  <conditionalFormatting sqref="AB101:AC102">
    <cfRule type="expression" dxfId="2279" priority="2276" stopIfTrue="1">
      <formula>ISBLANK(AB101)=TRUE</formula>
    </cfRule>
    <cfRule type="expression" dxfId="2278" priority="2277" stopIfTrue="1">
      <formula>INDIRECT("第１の３表②!"&amp;CELL("address",CU101))="×××"</formula>
    </cfRule>
    <cfRule type="expression" dxfId="2277" priority="2278" stopIfTrue="1">
      <formula>INDIRECT("第１の３表②!"&amp;CELL("address",CU101))="××"</formula>
    </cfRule>
    <cfRule type="expression" dxfId="2276" priority="2279" stopIfTrue="1">
      <formula>INDIRECT("第１の３表②!"&amp;CELL("address",CU101))="×"</formula>
    </cfRule>
    <cfRule type="expression" dxfId="2275" priority="2280" stopIfTrue="1">
      <formula>ISBLANK(AB101)=FALSE</formula>
    </cfRule>
  </conditionalFormatting>
  <conditionalFormatting sqref="AE101:AF102">
    <cfRule type="expression" dxfId="2274" priority="2271" stopIfTrue="1">
      <formula>ISBLANK(AE101)=TRUE</formula>
    </cfRule>
    <cfRule type="expression" dxfId="2273" priority="2272" stopIfTrue="1">
      <formula>INDIRECT("第１の３表②!"&amp;CELL("address",CX101))="×××"</formula>
    </cfRule>
    <cfRule type="expression" dxfId="2272" priority="2273" stopIfTrue="1">
      <formula>INDIRECT("第１の３表②!"&amp;CELL("address",CX101))="××"</formula>
    </cfRule>
    <cfRule type="expression" dxfId="2271" priority="2274" stopIfTrue="1">
      <formula>INDIRECT("第１の３表②!"&amp;CELL("address",CX101))="×"</formula>
    </cfRule>
    <cfRule type="expression" dxfId="2270" priority="2275" stopIfTrue="1">
      <formula>ISBLANK(AE101)=FALSE</formula>
    </cfRule>
  </conditionalFormatting>
  <conditionalFormatting sqref="AH101:AI102">
    <cfRule type="expression" dxfId="2269" priority="2266" stopIfTrue="1">
      <formula>ISBLANK(AH101)=TRUE</formula>
    </cfRule>
    <cfRule type="expression" dxfId="2268" priority="2267" stopIfTrue="1">
      <formula>INDIRECT("第１の３表②!"&amp;CELL("address",DA101))="×××"</formula>
    </cfRule>
    <cfRule type="expression" dxfId="2267" priority="2268" stopIfTrue="1">
      <formula>INDIRECT("第１の３表②!"&amp;CELL("address",DA101))="××"</formula>
    </cfRule>
    <cfRule type="expression" dxfId="2266" priority="2269" stopIfTrue="1">
      <formula>INDIRECT("第１の３表②!"&amp;CELL("address",DA101))="×"</formula>
    </cfRule>
    <cfRule type="expression" dxfId="2265" priority="2270" stopIfTrue="1">
      <formula>ISBLANK(AH101)=FALSE</formula>
    </cfRule>
  </conditionalFormatting>
  <conditionalFormatting sqref="AK101:AL102">
    <cfRule type="expression" dxfId="2264" priority="2261" stopIfTrue="1">
      <formula>ISBLANK(AK101)=TRUE</formula>
    </cfRule>
    <cfRule type="expression" dxfId="2263" priority="2262" stopIfTrue="1">
      <formula>INDIRECT("第１の３表②!"&amp;CELL("address",DD101))="×××"</formula>
    </cfRule>
    <cfRule type="expression" dxfId="2262" priority="2263" stopIfTrue="1">
      <formula>INDIRECT("第１の３表②!"&amp;CELL("address",DD101))="××"</formula>
    </cfRule>
    <cfRule type="expression" dxfId="2261" priority="2264" stopIfTrue="1">
      <formula>INDIRECT("第１の３表②!"&amp;CELL("address",DD101))="×"</formula>
    </cfRule>
    <cfRule type="expression" dxfId="2260" priority="2265" stopIfTrue="1">
      <formula>ISBLANK(AK101)=FALSE</formula>
    </cfRule>
  </conditionalFormatting>
  <conditionalFormatting sqref="AN101:AO102">
    <cfRule type="expression" dxfId="2259" priority="2256" stopIfTrue="1">
      <formula>ISBLANK(AN101)=TRUE</formula>
    </cfRule>
    <cfRule type="expression" dxfId="2258" priority="2257" stopIfTrue="1">
      <formula>INDIRECT("第１の３表②!"&amp;CELL("address",DG101))="×××"</formula>
    </cfRule>
    <cfRule type="expression" dxfId="2257" priority="2258" stopIfTrue="1">
      <formula>INDIRECT("第１の３表②!"&amp;CELL("address",DG101))="××"</formula>
    </cfRule>
    <cfRule type="expression" dxfId="2256" priority="2259" stopIfTrue="1">
      <formula>INDIRECT("第１の３表②!"&amp;CELL("address",DG101))="×"</formula>
    </cfRule>
    <cfRule type="expression" dxfId="2255" priority="2260" stopIfTrue="1">
      <formula>ISBLANK(AN101)=FALSE</formula>
    </cfRule>
  </conditionalFormatting>
  <conditionalFormatting sqref="AQ101:AR102">
    <cfRule type="expression" dxfId="2254" priority="2251" stopIfTrue="1">
      <formula>ISBLANK(AQ101)=TRUE</formula>
    </cfRule>
    <cfRule type="expression" dxfId="2253" priority="2252" stopIfTrue="1">
      <formula>INDIRECT("第１の３表②!"&amp;CELL("address",DJ101))="×××"</formula>
    </cfRule>
    <cfRule type="expression" dxfId="2252" priority="2253" stopIfTrue="1">
      <formula>INDIRECT("第１の３表②!"&amp;CELL("address",DJ101))="××"</formula>
    </cfRule>
    <cfRule type="expression" dxfId="2251" priority="2254" stopIfTrue="1">
      <formula>INDIRECT("第１の３表②!"&amp;CELL("address",DJ101))="×"</formula>
    </cfRule>
    <cfRule type="expression" dxfId="2250" priority="2255" stopIfTrue="1">
      <formula>ISBLANK(AQ101)=FALSE</formula>
    </cfRule>
  </conditionalFormatting>
  <conditionalFormatting sqref="AT101:AU102">
    <cfRule type="expression" dxfId="2249" priority="2246" stopIfTrue="1">
      <formula>ISBLANK(AT101)=TRUE</formula>
    </cfRule>
    <cfRule type="expression" dxfId="2248" priority="2247" stopIfTrue="1">
      <formula>INDIRECT("第１の３表②!"&amp;CELL("address",DM101))="×××"</formula>
    </cfRule>
    <cfRule type="expression" dxfId="2247" priority="2248" stopIfTrue="1">
      <formula>INDIRECT("第１の３表②!"&amp;CELL("address",DM101))="××"</formula>
    </cfRule>
    <cfRule type="expression" dxfId="2246" priority="2249" stopIfTrue="1">
      <formula>INDIRECT("第１の３表②!"&amp;CELL("address",DM101))="×"</formula>
    </cfRule>
    <cfRule type="expression" dxfId="2245" priority="2250" stopIfTrue="1">
      <formula>ISBLANK(AT101)=FALSE</formula>
    </cfRule>
  </conditionalFormatting>
  <conditionalFormatting sqref="AW101:AX102">
    <cfRule type="expression" dxfId="2244" priority="2241" stopIfTrue="1">
      <formula>ISBLANK(AW101)=TRUE</formula>
    </cfRule>
    <cfRule type="expression" dxfId="2243" priority="2242" stopIfTrue="1">
      <formula>INDIRECT("第１の３表②!"&amp;CELL("address",DP101))="×××"</formula>
    </cfRule>
    <cfRule type="expression" dxfId="2242" priority="2243" stopIfTrue="1">
      <formula>INDIRECT("第１の３表②!"&amp;CELL("address",DP101))="××"</formula>
    </cfRule>
    <cfRule type="expression" dxfId="2241" priority="2244" stopIfTrue="1">
      <formula>INDIRECT("第１の３表②!"&amp;CELL("address",DP101))="×"</formula>
    </cfRule>
    <cfRule type="expression" dxfId="2240" priority="2245" stopIfTrue="1">
      <formula>ISBLANK(AW101)=FALSE</formula>
    </cfRule>
  </conditionalFormatting>
  <conditionalFormatting sqref="AZ101:BA102">
    <cfRule type="expression" dxfId="2239" priority="2236" stopIfTrue="1">
      <formula>ISBLANK(AZ101)=TRUE</formula>
    </cfRule>
    <cfRule type="expression" dxfId="2238" priority="2237" stopIfTrue="1">
      <formula>INDIRECT("第１の３表②!"&amp;CELL("address",DS101))="×××"</formula>
    </cfRule>
    <cfRule type="expression" dxfId="2237" priority="2238" stopIfTrue="1">
      <formula>INDIRECT("第１の３表②!"&amp;CELL("address",DS101))="××"</formula>
    </cfRule>
    <cfRule type="expression" dxfId="2236" priority="2239" stopIfTrue="1">
      <formula>INDIRECT("第１の３表②!"&amp;CELL("address",DS101))="×"</formula>
    </cfRule>
    <cfRule type="expression" dxfId="2235" priority="2240" stopIfTrue="1">
      <formula>ISBLANK(AZ101)=FALSE</formula>
    </cfRule>
  </conditionalFormatting>
  <conditionalFormatting sqref="BC101:BD102">
    <cfRule type="expression" dxfId="2234" priority="2231" stopIfTrue="1">
      <formula>ISBLANK(BC101)=TRUE</formula>
    </cfRule>
    <cfRule type="expression" dxfId="2233" priority="2232" stopIfTrue="1">
      <formula>INDIRECT("第１の３表②!"&amp;CELL("address",DV101))="×××"</formula>
    </cfRule>
    <cfRule type="expression" dxfId="2232" priority="2233" stopIfTrue="1">
      <formula>INDIRECT("第１の３表②!"&amp;CELL("address",DV101))="××"</formula>
    </cfRule>
    <cfRule type="expression" dxfId="2231" priority="2234" stopIfTrue="1">
      <formula>INDIRECT("第１の３表②!"&amp;CELL("address",DV101))="×"</formula>
    </cfRule>
    <cfRule type="expression" dxfId="2230" priority="2235" stopIfTrue="1">
      <formula>ISBLANK(BC101)=FALSE</formula>
    </cfRule>
  </conditionalFormatting>
  <conditionalFormatting sqref="BF101:BG102">
    <cfRule type="expression" dxfId="2229" priority="2226" stopIfTrue="1">
      <formula>ISBLANK(BF101)=TRUE</formula>
    </cfRule>
    <cfRule type="expression" dxfId="2228" priority="2227" stopIfTrue="1">
      <formula>INDIRECT("第１の３表②!"&amp;CELL("address",DY101))="×××"</formula>
    </cfRule>
    <cfRule type="expression" dxfId="2227" priority="2228" stopIfTrue="1">
      <formula>INDIRECT("第１の３表②!"&amp;CELL("address",DY101))="××"</formula>
    </cfRule>
    <cfRule type="expression" dxfId="2226" priority="2229" stopIfTrue="1">
      <formula>INDIRECT("第１の３表②!"&amp;CELL("address",DY101))="×"</formula>
    </cfRule>
    <cfRule type="expression" dxfId="2225" priority="2230" stopIfTrue="1">
      <formula>ISBLANK(BF101)=FALSE</formula>
    </cfRule>
  </conditionalFormatting>
  <conditionalFormatting sqref="BI101:BJ102">
    <cfRule type="expression" dxfId="2224" priority="2221" stopIfTrue="1">
      <formula>ISBLANK(BI101)=TRUE</formula>
    </cfRule>
    <cfRule type="expression" dxfId="2223" priority="2222" stopIfTrue="1">
      <formula>INDIRECT("第１の３表②!"&amp;CELL("address",EB101))="×××"</formula>
    </cfRule>
    <cfRule type="expression" dxfId="2222" priority="2223" stopIfTrue="1">
      <formula>INDIRECT("第１の３表②!"&amp;CELL("address",EB101))="××"</formula>
    </cfRule>
    <cfRule type="expression" dxfId="2221" priority="2224" stopIfTrue="1">
      <formula>INDIRECT("第１の３表②!"&amp;CELL("address",EB101))="×"</formula>
    </cfRule>
    <cfRule type="expression" dxfId="2220" priority="2225" stopIfTrue="1">
      <formula>ISBLANK(BI101)=FALSE</formula>
    </cfRule>
  </conditionalFormatting>
  <conditionalFormatting sqref="BL101:BM102">
    <cfRule type="expression" dxfId="2219" priority="2216" stopIfTrue="1">
      <formula>ISBLANK(BL101)=TRUE</formula>
    </cfRule>
    <cfRule type="expression" dxfId="2218" priority="2217" stopIfTrue="1">
      <formula>INDIRECT("第１の３表②!"&amp;CELL("address",EE101))="×××"</formula>
    </cfRule>
    <cfRule type="expression" dxfId="2217" priority="2218" stopIfTrue="1">
      <formula>INDIRECT("第１の３表②!"&amp;CELL("address",EE101))="××"</formula>
    </cfRule>
    <cfRule type="expression" dxfId="2216" priority="2219" stopIfTrue="1">
      <formula>INDIRECT("第１の３表②!"&amp;CELL("address",EE101))="×"</formula>
    </cfRule>
    <cfRule type="expression" dxfId="2215" priority="2220" stopIfTrue="1">
      <formula>ISBLANK(BL101)=FALSE</formula>
    </cfRule>
  </conditionalFormatting>
  <conditionalFormatting sqref="BO101:BP102">
    <cfRule type="expression" dxfId="2214" priority="2211" stopIfTrue="1">
      <formula>ISBLANK(BO101)=TRUE</formula>
    </cfRule>
    <cfRule type="expression" dxfId="2213" priority="2212" stopIfTrue="1">
      <formula>INDIRECT("第１の３表②!"&amp;CELL("address",EH101))="×××"</formula>
    </cfRule>
    <cfRule type="expression" dxfId="2212" priority="2213" stopIfTrue="1">
      <formula>INDIRECT("第１の３表②!"&amp;CELL("address",EH101))="××"</formula>
    </cfRule>
    <cfRule type="expression" dxfId="2211" priority="2214" stopIfTrue="1">
      <formula>INDIRECT("第１の３表②!"&amp;CELL("address",EH101))="×"</formula>
    </cfRule>
    <cfRule type="expression" dxfId="2210" priority="2215" stopIfTrue="1">
      <formula>ISBLANK(BO101)=FALSE</formula>
    </cfRule>
  </conditionalFormatting>
  <conditionalFormatting sqref="G110:H111">
    <cfRule type="expression" dxfId="2209" priority="2206" stopIfTrue="1">
      <formula>ISBLANK(G110)=TRUE</formula>
    </cfRule>
    <cfRule type="expression" dxfId="2208" priority="2207" stopIfTrue="1">
      <formula>INDIRECT("第１の３表②!"&amp;CELL("address",BZ110))="×××"</formula>
    </cfRule>
    <cfRule type="expression" dxfId="2207" priority="2208" stopIfTrue="1">
      <formula>INDIRECT("第１の３表②!"&amp;CELL("address",BZ110))="××"</formula>
    </cfRule>
    <cfRule type="expression" dxfId="2206" priority="2209" stopIfTrue="1">
      <formula>INDIRECT("第１の３表②!"&amp;CELL("address",BZ110))="×"</formula>
    </cfRule>
    <cfRule type="expression" dxfId="2205" priority="2210" stopIfTrue="1">
      <formula>ISBLANK(G110)=FALSE</formula>
    </cfRule>
  </conditionalFormatting>
  <conditionalFormatting sqref="J110:K111">
    <cfRule type="expression" dxfId="2204" priority="2201" stopIfTrue="1">
      <formula>ISBLANK(J110)=TRUE</formula>
    </cfRule>
    <cfRule type="expression" dxfId="2203" priority="2202" stopIfTrue="1">
      <formula>INDIRECT("第１の３表②!"&amp;CELL("address",CC110))="×××"</formula>
    </cfRule>
    <cfRule type="expression" dxfId="2202" priority="2203" stopIfTrue="1">
      <formula>INDIRECT("第１の３表②!"&amp;CELL("address",CC110))="××"</formula>
    </cfRule>
    <cfRule type="expression" dxfId="2201" priority="2204" stopIfTrue="1">
      <formula>INDIRECT("第１の３表②!"&amp;CELL("address",CC110))="×"</formula>
    </cfRule>
    <cfRule type="expression" dxfId="2200" priority="2205" stopIfTrue="1">
      <formula>ISBLANK(J110)=FALSE</formula>
    </cfRule>
  </conditionalFormatting>
  <conditionalFormatting sqref="M110:N111">
    <cfRule type="expression" dxfId="2199" priority="2196" stopIfTrue="1">
      <formula>ISBLANK(M110)=TRUE</formula>
    </cfRule>
    <cfRule type="expression" dxfId="2198" priority="2197" stopIfTrue="1">
      <formula>INDIRECT("第１の３表②!"&amp;CELL("address",CF110))="×××"</formula>
    </cfRule>
    <cfRule type="expression" dxfId="2197" priority="2198" stopIfTrue="1">
      <formula>INDIRECT("第１の３表②!"&amp;CELL("address",CF110))="××"</formula>
    </cfRule>
    <cfRule type="expression" dxfId="2196" priority="2199" stopIfTrue="1">
      <formula>INDIRECT("第１の３表②!"&amp;CELL("address",CF110))="×"</formula>
    </cfRule>
    <cfRule type="expression" dxfId="2195" priority="2200" stopIfTrue="1">
      <formula>ISBLANK(M110)=FALSE</formula>
    </cfRule>
  </conditionalFormatting>
  <conditionalFormatting sqref="P110:Q111">
    <cfRule type="expression" dxfId="2194" priority="2191" stopIfTrue="1">
      <formula>ISBLANK(P110)=TRUE</formula>
    </cfRule>
    <cfRule type="expression" dxfId="2193" priority="2192" stopIfTrue="1">
      <formula>INDIRECT("第１の３表②!"&amp;CELL("address",CI110))="×××"</formula>
    </cfRule>
    <cfRule type="expression" dxfId="2192" priority="2193" stopIfTrue="1">
      <formula>INDIRECT("第１の３表②!"&amp;CELL("address",CI110))="××"</formula>
    </cfRule>
    <cfRule type="expression" dxfId="2191" priority="2194" stopIfTrue="1">
      <formula>INDIRECT("第１の３表②!"&amp;CELL("address",CI110))="×"</formula>
    </cfRule>
    <cfRule type="expression" dxfId="2190" priority="2195" stopIfTrue="1">
      <formula>ISBLANK(P110)=FALSE</formula>
    </cfRule>
  </conditionalFormatting>
  <conditionalFormatting sqref="S110:T111">
    <cfRule type="expression" dxfId="2189" priority="2186" stopIfTrue="1">
      <formula>ISBLANK(S110)=TRUE</formula>
    </cfRule>
    <cfRule type="expression" dxfId="2188" priority="2187" stopIfTrue="1">
      <formula>INDIRECT("第１の３表②!"&amp;CELL("address",CL110))="×××"</formula>
    </cfRule>
    <cfRule type="expression" dxfId="2187" priority="2188" stopIfTrue="1">
      <formula>INDIRECT("第１の３表②!"&amp;CELL("address",CL110))="××"</formula>
    </cfRule>
    <cfRule type="expression" dxfId="2186" priority="2189" stopIfTrue="1">
      <formula>INDIRECT("第１の３表②!"&amp;CELL("address",CL110))="×"</formula>
    </cfRule>
    <cfRule type="expression" dxfId="2185" priority="2190" stopIfTrue="1">
      <formula>ISBLANK(S110)=FALSE</formula>
    </cfRule>
  </conditionalFormatting>
  <conditionalFormatting sqref="V110:W111">
    <cfRule type="expression" dxfId="2184" priority="2181" stopIfTrue="1">
      <formula>ISBLANK(V110)=TRUE</formula>
    </cfRule>
    <cfRule type="expression" dxfId="2183" priority="2182" stopIfTrue="1">
      <formula>INDIRECT("第１の３表②!"&amp;CELL("address",CO110))="×××"</formula>
    </cfRule>
    <cfRule type="expression" dxfId="2182" priority="2183" stopIfTrue="1">
      <formula>INDIRECT("第１の３表②!"&amp;CELL("address",CO110))="××"</formula>
    </cfRule>
    <cfRule type="expression" dxfId="2181" priority="2184" stopIfTrue="1">
      <formula>INDIRECT("第１の３表②!"&amp;CELL("address",CO110))="×"</formula>
    </cfRule>
    <cfRule type="expression" dxfId="2180" priority="2185" stopIfTrue="1">
      <formula>ISBLANK(V110)=FALSE</formula>
    </cfRule>
  </conditionalFormatting>
  <conditionalFormatting sqref="Y110:Z111">
    <cfRule type="expression" dxfId="2179" priority="2176" stopIfTrue="1">
      <formula>ISBLANK(Y110)=TRUE</formula>
    </cfRule>
    <cfRule type="expression" dxfId="2178" priority="2177" stopIfTrue="1">
      <formula>INDIRECT("第１の３表②!"&amp;CELL("address",CR110))="×××"</formula>
    </cfRule>
    <cfRule type="expression" dxfId="2177" priority="2178" stopIfTrue="1">
      <formula>INDIRECT("第１の３表②!"&amp;CELL("address",CR110))="××"</formula>
    </cfRule>
    <cfRule type="expression" dxfId="2176" priority="2179" stopIfTrue="1">
      <formula>INDIRECT("第１の３表②!"&amp;CELL("address",CR110))="×"</formula>
    </cfRule>
    <cfRule type="expression" dxfId="2175" priority="2180" stopIfTrue="1">
      <formula>ISBLANK(Y110)=FALSE</formula>
    </cfRule>
  </conditionalFormatting>
  <conditionalFormatting sqref="AB110:AC111">
    <cfRule type="expression" dxfId="2174" priority="2171" stopIfTrue="1">
      <formula>ISBLANK(AB110)=TRUE</formula>
    </cfRule>
    <cfRule type="expression" dxfId="2173" priority="2172" stopIfTrue="1">
      <formula>INDIRECT("第１の３表②!"&amp;CELL("address",CU110))="×××"</formula>
    </cfRule>
    <cfRule type="expression" dxfId="2172" priority="2173" stopIfTrue="1">
      <formula>INDIRECT("第１の３表②!"&amp;CELL("address",CU110))="××"</formula>
    </cfRule>
    <cfRule type="expression" dxfId="2171" priority="2174" stopIfTrue="1">
      <formula>INDIRECT("第１の３表②!"&amp;CELL("address",CU110))="×"</formula>
    </cfRule>
    <cfRule type="expression" dxfId="2170" priority="2175" stopIfTrue="1">
      <formula>ISBLANK(AB110)=FALSE</formula>
    </cfRule>
  </conditionalFormatting>
  <conditionalFormatting sqref="AE110:AF111">
    <cfRule type="expression" dxfId="2169" priority="2166" stopIfTrue="1">
      <formula>ISBLANK(AE110)=TRUE</formula>
    </cfRule>
    <cfRule type="expression" dxfId="2168" priority="2167" stopIfTrue="1">
      <formula>INDIRECT("第１の３表②!"&amp;CELL("address",CX110))="×××"</formula>
    </cfRule>
    <cfRule type="expression" dxfId="2167" priority="2168" stopIfTrue="1">
      <formula>INDIRECT("第１の３表②!"&amp;CELL("address",CX110))="××"</formula>
    </cfRule>
    <cfRule type="expression" dxfId="2166" priority="2169" stopIfTrue="1">
      <formula>INDIRECT("第１の３表②!"&amp;CELL("address",CX110))="×"</formula>
    </cfRule>
    <cfRule type="expression" dxfId="2165" priority="2170" stopIfTrue="1">
      <formula>ISBLANK(AE110)=FALSE</formula>
    </cfRule>
  </conditionalFormatting>
  <conditionalFormatting sqref="AH110:AI111">
    <cfRule type="expression" dxfId="2164" priority="2161" stopIfTrue="1">
      <formula>ISBLANK(AH110)=TRUE</formula>
    </cfRule>
    <cfRule type="expression" dxfId="2163" priority="2162" stopIfTrue="1">
      <formula>INDIRECT("第１の３表②!"&amp;CELL("address",DA110))="×××"</formula>
    </cfRule>
    <cfRule type="expression" dxfId="2162" priority="2163" stopIfTrue="1">
      <formula>INDIRECT("第１の３表②!"&amp;CELL("address",DA110))="××"</formula>
    </cfRule>
    <cfRule type="expression" dxfId="2161" priority="2164" stopIfTrue="1">
      <formula>INDIRECT("第１の３表②!"&amp;CELL("address",DA110))="×"</formula>
    </cfRule>
    <cfRule type="expression" dxfId="2160" priority="2165" stopIfTrue="1">
      <formula>ISBLANK(AH110)=FALSE</formula>
    </cfRule>
  </conditionalFormatting>
  <conditionalFormatting sqref="AK110:AL111">
    <cfRule type="expression" dxfId="2159" priority="2156" stopIfTrue="1">
      <formula>ISBLANK(AK110)=TRUE</formula>
    </cfRule>
    <cfRule type="expression" dxfId="2158" priority="2157" stopIfTrue="1">
      <formula>INDIRECT("第１の３表②!"&amp;CELL("address",DD110))="×××"</formula>
    </cfRule>
    <cfRule type="expression" dxfId="2157" priority="2158" stopIfTrue="1">
      <formula>INDIRECT("第１の３表②!"&amp;CELL("address",DD110))="××"</formula>
    </cfRule>
    <cfRule type="expression" dxfId="2156" priority="2159" stopIfTrue="1">
      <formula>INDIRECT("第１の３表②!"&amp;CELL("address",DD110))="×"</formula>
    </cfRule>
    <cfRule type="expression" dxfId="2155" priority="2160" stopIfTrue="1">
      <formula>ISBLANK(AK110)=FALSE</formula>
    </cfRule>
  </conditionalFormatting>
  <conditionalFormatting sqref="AN110:AO111">
    <cfRule type="expression" dxfId="2154" priority="2151" stopIfTrue="1">
      <formula>ISBLANK(AN110)=TRUE</formula>
    </cfRule>
    <cfRule type="expression" dxfId="2153" priority="2152" stopIfTrue="1">
      <formula>INDIRECT("第１の３表②!"&amp;CELL("address",DG110))="×××"</formula>
    </cfRule>
    <cfRule type="expression" dxfId="2152" priority="2153" stopIfTrue="1">
      <formula>INDIRECT("第１の３表②!"&amp;CELL("address",DG110))="××"</formula>
    </cfRule>
    <cfRule type="expression" dxfId="2151" priority="2154" stopIfTrue="1">
      <formula>INDIRECT("第１の３表②!"&amp;CELL("address",DG110))="×"</formula>
    </cfRule>
    <cfRule type="expression" dxfId="2150" priority="2155" stopIfTrue="1">
      <formula>ISBLANK(AN110)=FALSE</formula>
    </cfRule>
  </conditionalFormatting>
  <conditionalFormatting sqref="AQ110:AR111">
    <cfRule type="expression" dxfId="2149" priority="2146" stopIfTrue="1">
      <formula>ISBLANK(AQ110)=TRUE</formula>
    </cfRule>
    <cfRule type="expression" dxfId="2148" priority="2147" stopIfTrue="1">
      <formula>INDIRECT("第１の３表②!"&amp;CELL("address",DJ110))="×××"</formula>
    </cfRule>
    <cfRule type="expression" dxfId="2147" priority="2148" stopIfTrue="1">
      <formula>INDIRECT("第１の３表②!"&amp;CELL("address",DJ110))="××"</formula>
    </cfRule>
    <cfRule type="expression" dxfId="2146" priority="2149" stopIfTrue="1">
      <formula>INDIRECT("第１の３表②!"&amp;CELL("address",DJ110))="×"</formula>
    </cfRule>
    <cfRule type="expression" dxfId="2145" priority="2150" stopIfTrue="1">
      <formula>ISBLANK(AQ110)=FALSE</formula>
    </cfRule>
  </conditionalFormatting>
  <conditionalFormatting sqref="AT110:AU111">
    <cfRule type="expression" dxfId="2144" priority="2141" stopIfTrue="1">
      <formula>ISBLANK(AT110)=TRUE</formula>
    </cfRule>
    <cfRule type="expression" dxfId="2143" priority="2142" stopIfTrue="1">
      <formula>INDIRECT("第１の３表②!"&amp;CELL("address",DM110))="×××"</formula>
    </cfRule>
    <cfRule type="expression" dxfId="2142" priority="2143" stopIfTrue="1">
      <formula>INDIRECT("第１の３表②!"&amp;CELL("address",DM110))="××"</formula>
    </cfRule>
    <cfRule type="expression" dxfId="2141" priority="2144" stopIfTrue="1">
      <formula>INDIRECT("第１の３表②!"&amp;CELL("address",DM110))="×"</formula>
    </cfRule>
    <cfRule type="expression" dxfId="2140" priority="2145" stopIfTrue="1">
      <formula>ISBLANK(AT110)=FALSE</formula>
    </cfRule>
  </conditionalFormatting>
  <conditionalFormatting sqref="AW110:AX111">
    <cfRule type="expression" dxfId="2139" priority="2136" stopIfTrue="1">
      <formula>ISBLANK(AW110)=TRUE</formula>
    </cfRule>
    <cfRule type="expression" dxfId="2138" priority="2137" stopIfTrue="1">
      <formula>INDIRECT("第１の３表②!"&amp;CELL("address",DP110))="×××"</formula>
    </cfRule>
    <cfRule type="expression" dxfId="2137" priority="2138" stopIfTrue="1">
      <formula>INDIRECT("第１の３表②!"&amp;CELL("address",DP110))="××"</formula>
    </cfRule>
    <cfRule type="expression" dxfId="2136" priority="2139" stopIfTrue="1">
      <formula>INDIRECT("第１の３表②!"&amp;CELL("address",DP110))="×"</formula>
    </cfRule>
    <cfRule type="expression" dxfId="2135" priority="2140" stopIfTrue="1">
      <formula>ISBLANK(AW110)=FALSE</formula>
    </cfRule>
  </conditionalFormatting>
  <conditionalFormatting sqref="AZ110:BA111">
    <cfRule type="expression" dxfId="2134" priority="2131" stopIfTrue="1">
      <formula>ISBLANK(AZ110)=TRUE</formula>
    </cfRule>
    <cfRule type="expression" dxfId="2133" priority="2132" stopIfTrue="1">
      <formula>INDIRECT("第１の３表②!"&amp;CELL("address",DS110))="×××"</formula>
    </cfRule>
    <cfRule type="expression" dxfId="2132" priority="2133" stopIfTrue="1">
      <formula>INDIRECT("第１の３表②!"&amp;CELL("address",DS110))="××"</formula>
    </cfRule>
    <cfRule type="expression" dxfId="2131" priority="2134" stopIfTrue="1">
      <formula>INDIRECT("第１の３表②!"&amp;CELL("address",DS110))="×"</formula>
    </cfRule>
    <cfRule type="expression" dxfId="2130" priority="2135" stopIfTrue="1">
      <formula>ISBLANK(AZ110)=FALSE</formula>
    </cfRule>
  </conditionalFormatting>
  <conditionalFormatting sqref="BC110:BD111">
    <cfRule type="expression" dxfId="2129" priority="2126" stopIfTrue="1">
      <formula>ISBLANK(BC110)=TRUE</formula>
    </cfRule>
    <cfRule type="expression" dxfId="2128" priority="2127" stopIfTrue="1">
      <formula>INDIRECT("第１の３表②!"&amp;CELL("address",DV110))="×××"</formula>
    </cfRule>
    <cfRule type="expression" dxfId="2127" priority="2128" stopIfTrue="1">
      <formula>INDIRECT("第１の３表②!"&amp;CELL("address",DV110))="××"</formula>
    </cfRule>
    <cfRule type="expression" dxfId="2126" priority="2129" stopIfTrue="1">
      <formula>INDIRECT("第１の３表②!"&amp;CELL("address",DV110))="×"</formula>
    </cfRule>
    <cfRule type="expression" dxfId="2125" priority="2130" stopIfTrue="1">
      <formula>ISBLANK(BC110)=FALSE</formula>
    </cfRule>
  </conditionalFormatting>
  <conditionalFormatting sqref="BF110:BG111">
    <cfRule type="expression" dxfId="2124" priority="2121" stopIfTrue="1">
      <formula>ISBLANK(BF110)=TRUE</formula>
    </cfRule>
    <cfRule type="expression" dxfId="2123" priority="2122" stopIfTrue="1">
      <formula>INDIRECT("第１の３表②!"&amp;CELL("address",DY110))="×××"</formula>
    </cfRule>
    <cfRule type="expression" dxfId="2122" priority="2123" stopIfTrue="1">
      <formula>INDIRECT("第１の３表②!"&amp;CELL("address",DY110))="××"</formula>
    </cfRule>
    <cfRule type="expression" dxfId="2121" priority="2124" stopIfTrue="1">
      <formula>INDIRECT("第１の３表②!"&amp;CELL("address",DY110))="×"</formula>
    </cfRule>
    <cfRule type="expression" dxfId="2120" priority="2125" stopIfTrue="1">
      <formula>ISBLANK(BF110)=FALSE</formula>
    </cfRule>
  </conditionalFormatting>
  <conditionalFormatting sqref="BI110:BJ111">
    <cfRule type="expression" dxfId="2119" priority="2116" stopIfTrue="1">
      <formula>ISBLANK(BI110)=TRUE</formula>
    </cfRule>
    <cfRule type="expression" dxfId="2118" priority="2117" stopIfTrue="1">
      <formula>INDIRECT("第１の３表②!"&amp;CELL("address",EB110))="×××"</formula>
    </cfRule>
    <cfRule type="expression" dxfId="2117" priority="2118" stopIfTrue="1">
      <formula>INDIRECT("第１の３表②!"&amp;CELL("address",EB110))="××"</formula>
    </cfRule>
    <cfRule type="expression" dxfId="2116" priority="2119" stopIfTrue="1">
      <formula>INDIRECT("第１の３表②!"&amp;CELL("address",EB110))="×"</formula>
    </cfRule>
    <cfRule type="expression" dxfId="2115" priority="2120" stopIfTrue="1">
      <formula>ISBLANK(BI110)=FALSE</formula>
    </cfRule>
  </conditionalFormatting>
  <conditionalFormatting sqref="BL110:BM111">
    <cfRule type="expression" dxfId="2114" priority="2111" stopIfTrue="1">
      <formula>ISBLANK(BL110)=TRUE</formula>
    </cfRule>
    <cfRule type="expression" dxfId="2113" priority="2112" stopIfTrue="1">
      <formula>INDIRECT("第１の３表②!"&amp;CELL("address",EE110))="×××"</formula>
    </cfRule>
    <cfRule type="expression" dxfId="2112" priority="2113" stopIfTrue="1">
      <formula>INDIRECT("第１の３表②!"&amp;CELL("address",EE110))="××"</formula>
    </cfRule>
    <cfRule type="expression" dxfId="2111" priority="2114" stopIfTrue="1">
      <formula>INDIRECT("第１の３表②!"&amp;CELL("address",EE110))="×"</formula>
    </cfRule>
    <cfRule type="expression" dxfId="2110" priority="2115" stopIfTrue="1">
      <formula>ISBLANK(BL110)=FALSE</formula>
    </cfRule>
  </conditionalFormatting>
  <conditionalFormatting sqref="BO110:BP111">
    <cfRule type="expression" dxfId="2109" priority="2106" stopIfTrue="1">
      <formula>ISBLANK(BO110)=TRUE</formula>
    </cfRule>
    <cfRule type="expression" dxfId="2108" priority="2107" stopIfTrue="1">
      <formula>INDIRECT("第１の３表②!"&amp;CELL("address",EH110))="×××"</formula>
    </cfRule>
    <cfRule type="expression" dxfId="2107" priority="2108" stopIfTrue="1">
      <formula>INDIRECT("第１の３表②!"&amp;CELL("address",EH110))="××"</formula>
    </cfRule>
    <cfRule type="expression" dxfId="2106" priority="2109" stopIfTrue="1">
      <formula>INDIRECT("第１の３表②!"&amp;CELL("address",EH110))="×"</formula>
    </cfRule>
    <cfRule type="expression" dxfId="2105" priority="2110" stopIfTrue="1">
      <formula>ISBLANK(BO110)=FALSE</formula>
    </cfRule>
  </conditionalFormatting>
  <conditionalFormatting sqref="G113:H114">
    <cfRule type="expression" dxfId="2104" priority="2101" stopIfTrue="1">
      <formula>ISBLANK(G113)=TRUE</formula>
    </cfRule>
    <cfRule type="expression" dxfId="2103" priority="2102" stopIfTrue="1">
      <formula>INDIRECT("第１の３表②!"&amp;CELL("address",BZ113))="×××"</formula>
    </cfRule>
    <cfRule type="expression" dxfId="2102" priority="2103" stopIfTrue="1">
      <formula>INDIRECT("第１の３表②!"&amp;CELL("address",BZ113))="××"</formula>
    </cfRule>
    <cfRule type="expression" dxfId="2101" priority="2104" stopIfTrue="1">
      <formula>INDIRECT("第１の３表②!"&amp;CELL("address",BZ113))="×"</formula>
    </cfRule>
    <cfRule type="expression" dxfId="2100" priority="2105" stopIfTrue="1">
      <formula>ISBLANK(G113)=FALSE</formula>
    </cfRule>
  </conditionalFormatting>
  <conditionalFormatting sqref="J113:K114">
    <cfRule type="expression" dxfId="2099" priority="2096" stopIfTrue="1">
      <formula>ISBLANK(J113)=TRUE</formula>
    </cfRule>
    <cfRule type="expression" dxfId="2098" priority="2097" stopIfTrue="1">
      <formula>INDIRECT("第１の３表②!"&amp;CELL("address",CC113))="×××"</formula>
    </cfRule>
    <cfRule type="expression" dxfId="2097" priority="2098" stopIfTrue="1">
      <formula>INDIRECT("第１の３表②!"&amp;CELL("address",CC113))="××"</formula>
    </cfRule>
    <cfRule type="expression" dxfId="2096" priority="2099" stopIfTrue="1">
      <formula>INDIRECT("第１の３表②!"&amp;CELL("address",CC113))="×"</formula>
    </cfRule>
    <cfRule type="expression" dxfId="2095" priority="2100" stopIfTrue="1">
      <formula>ISBLANK(J113)=FALSE</formula>
    </cfRule>
  </conditionalFormatting>
  <conditionalFormatting sqref="M113:N114">
    <cfRule type="expression" dxfId="2094" priority="2091" stopIfTrue="1">
      <formula>ISBLANK(M113)=TRUE</formula>
    </cfRule>
    <cfRule type="expression" dxfId="2093" priority="2092" stopIfTrue="1">
      <formula>INDIRECT("第１の３表②!"&amp;CELL("address",CF113))="×××"</formula>
    </cfRule>
    <cfRule type="expression" dxfId="2092" priority="2093" stopIfTrue="1">
      <formula>INDIRECT("第１の３表②!"&amp;CELL("address",CF113))="××"</formula>
    </cfRule>
    <cfRule type="expression" dxfId="2091" priority="2094" stopIfTrue="1">
      <formula>INDIRECT("第１の３表②!"&amp;CELL("address",CF113))="×"</formula>
    </cfRule>
    <cfRule type="expression" dxfId="2090" priority="2095" stopIfTrue="1">
      <formula>ISBLANK(M113)=FALSE</formula>
    </cfRule>
  </conditionalFormatting>
  <conditionalFormatting sqref="P113:Q114">
    <cfRule type="expression" dxfId="2089" priority="2086" stopIfTrue="1">
      <formula>ISBLANK(P113)=TRUE</formula>
    </cfRule>
    <cfRule type="expression" dxfId="2088" priority="2087" stopIfTrue="1">
      <formula>INDIRECT("第１の３表②!"&amp;CELL("address",CI113))="×××"</formula>
    </cfRule>
    <cfRule type="expression" dxfId="2087" priority="2088" stopIfTrue="1">
      <formula>INDIRECT("第１の３表②!"&amp;CELL("address",CI113))="××"</formula>
    </cfRule>
    <cfRule type="expression" dxfId="2086" priority="2089" stopIfTrue="1">
      <formula>INDIRECT("第１の３表②!"&amp;CELL("address",CI113))="×"</formula>
    </cfRule>
    <cfRule type="expression" dxfId="2085" priority="2090" stopIfTrue="1">
      <formula>ISBLANK(P113)=FALSE</formula>
    </cfRule>
  </conditionalFormatting>
  <conditionalFormatting sqref="S113:T114">
    <cfRule type="expression" dxfId="2084" priority="2081" stopIfTrue="1">
      <formula>ISBLANK(S113)=TRUE</formula>
    </cfRule>
    <cfRule type="expression" dxfId="2083" priority="2082" stopIfTrue="1">
      <formula>INDIRECT("第１の３表②!"&amp;CELL("address",CL113))="×××"</formula>
    </cfRule>
    <cfRule type="expression" dxfId="2082" priority="2083" stopIfTrue="1">
      <formula>INDIRECT("第１の３表②!"&amp;CELL("address",CL113))="××"</formula>
    </cfRule>
    <cfRule type="expression" dxfId="2081" priority="2084" stopIfTrue="1">
      <formula>INDIRECT("第１の３表②!"&amp;CELL("address",CL113))="×"</formula>
    </cfRule>
    <cfRule type="expression" dxfId="2080" priority="2085" stopIfTrue="1">
      <formula>ISBLANK(S113)=FALSE</formula>
    </cfRule>
  </conditionalFormatting>
  <conditionalFormatting sqref="V113:W114">
    <cfRule type="expression" dxfId="2079" priority="2076" stopIfTrue="1">
      <formula>ISBLANK(V113)=TRUE</formula>
    </cfRule>
    <cfRule type="expression" dxfId="2078" priority="2077" stopIfTrue="1">
      <formula>INDIRECT("第１の３表②!"&amp;CELL("address",CO113))="×××"</formula>
    </cfRule>
    <cfRule type="expression" dxfId="2077" priority="2078" stopIfTrue="1">
      <formula>INDIRECT("第１の３表②!"&amp;CELL("address",CO113))="××"</formula>
    </cfRule>
    <cfRule type="expression" dxfId="2076" priority="2079" stopIfTrue="1">
      <formula>INDIRECT("第１の３表②!"&amp;CELL("address",CO113))="×"</formula>
    </cfRule>
    <cfRule type="expression" dxfId="2075" priority="2080" stopIfTrue="1">
      <formula>ISBLANK(V113)=FALSE</formula>
    </cfRule>
  </conditionalFormatting>
  <conditionalFormatting sqref="Y113:Z114">
    <cfRule type="expression" dxfId="2074" priority="2071" stopIfTrue="1">
      <formula>ISBLANK(Y113)=TRUE</formula>
    </cfRule>
    <cfRule type="expression" dxfId="2073" priority="2072" stopIfTrue="1">
      <formula>INDIRECT("第１の３表②!"&amp;CELL("address",CR113))="×××"</formula>
    </cfRule>
    <cfRule type="expression" dxfId="2072" priority="2073" stopIfTrue="1">
      <formula>INDIRECT("第１の３表②!"&amp;CELL("address",CR113))="××"</formula>
    </cfRule>
    <cfRule type="expression" dxfId="2071" priority="2074" stopIfTrue="1">
      <formula>INDIRECT("第１の３表②!"&amp;CELL("address",CR113))="×"</formula>
    </cfRule>
    <cfRule type="expression" dxfId="2070" priority="2075" stopIfTrue="1">
      <formula>ISBLANK(Y113)=FALSE</formula>
    </cfRule>
  </conditionalFormatting>
  <conditionalFormatting sqref="AB113:AC114">
    <cfRule type="expression" dxfId="2069" priority="2066" stopIfTrue="1">
      <formula>ISBLANK(AB113)=TRUE</formula>
    </cfRule>
    <cfRule type="expression" dxfId="2068" priority="2067" stopIfTrue="1">
      <formula>INDIRECT("第１の３表②!"&amp;CELL("address",CU113))="×××"</formula>
    </cfRule>
    <cfRule type="expression" dxfId="2067" priority="2068" stopIfTrue="1">
      <formula>INDIRECT("第１の３表②!"&amp;CELL("address",CU113))="××"</formula>
    </cfRule>
    <cfRule type="expression" dxfId="2066" priority="2069" stopIfTrue="1">
      <formula>INDIRECT("第１の３表②!"&amp;CELL("address",CU113))="×"</formula>
    </cfRule>
    <cfRule type="expression" dxfId="2065" priority="2070" stopIfTrue="1">
      <formula>ISBLANK(AB113)=FALSE</formula>
    </cfRule>
  </conditionalFormatting>
  <conditionalFormatting sqref="AE113:AF114">
    <cfRule type="expression" dxfId="2064" priority="2061" stopIfTrue="1">
      <formula>ISBLANK(AE113)=TRUE</formula>
    </cfRule>
    <cfRule type="expression" dxfId="2063" priority="2062" stopIfTrue="1">
      <formula>INDIRECT("第１の３表②!"&amp;CELL("address",CX113))="×××"</formula>
    </cfRule>
    <cfRule type="expression" dxfId="2062" priority="2063" stopIfTrue="1">
      <formula>INDIRECT("第１の３表②!"&amp;CELL("address",CX113))="××"</formula>
    </cfRule>
    <cfRule type="expression" dxfId="2061" priority="2064" stopIfTrue="1">
      <formula>INDIRECT("第１の３表②!"&amp;CELL("address",CX113))="×"</formula>
    </cfRule>
    <cfRule type="expression" dxfId="2060" priority="2065" stopIfTrue="1">
      <formula>ISBLANK(AE113)=FALSE</formula>
    </cfRule>
  </conditionalFormatting>
  <conditionalFormatting sqref="AH113:AI114">
    <cfRule type="expression" dxfId="2059" priority="2056" stopIfTrue="1">
      <formula>ISBLANK(AH113)=TRUE</formula>
    </cfRule>
    <cfRule type="expression" dxfId="2058" priority="2057" stopIfTrue="1">
      <formula>INDIRECT("第１の３表②!"&amp;CELL("address",DA113))="×××"</formula>
    </cfRule>
    <cfRule type="expression" dxfId="2057" priority="2058" stopIfTrue="1">
      <formula>INDIRECT("第１の３表②!"&amp;CELL("address",DA113))="××"</formula>
    </cfRule>
    <cfRule type="expression" dxfId="2056" priority="2059" stopIfTrue="1">
      <formula>INDIRECT("第１の３表②!"&amp;CELL("address",DA113))="×"</formula>
    </cfRule>
    <cfRule type="expression" dxfId="2055" priority="2060" stopIfTrue="1">
      <formula>ISBLANK(AH113)=FALSE</formula>
    </cfRule>
  </conditionalFormatting>
  <conditionalFormatting sqref="AK113:AL114">
    <cfRule type="expression" dxfId="2054" priority="2051" stopIfTrue="1">
      <formula>ISBLANK(AK113)=TRUE</formula>
    </cfRule>
    <cfRule type="expression" dxfId="2053" priority="2052" stopIfTrue="1">
      <formula>INDIRECT("第１の３表②!"&amp;CELL("address",DD113))="×××"</formula>
    </cfRule>
    <cfRule type="expression" dxfId="2052" priority="2053" stopIfTrue="1">
      <formula>INDIRECT("第１の３表②!"&amp;CELL("address",DD113))="××"</formula>
    </cfRule>
    <cfRule type="expression" dxfId="2051" priority="2054" stopIfTrue="1">
      <formula>INDIRECT("第１の３表②!"&amp;CELL("address",DD113))="×"</formula>
    </cfRule>
    <cfRule type="expression" dxfId="2050" priority="2055" stopIfTrue="1">
      <formula>ISBLANK(AK113)=FALSE</formula>
    </cfRule>
  </conditionalFormatting>
  <conditionalFormatting sqref="AN113:AO114">
    <cfRule type="expression" dxfId="2049" priority="2046" stopIfTrue="1">
      <formula>ISBLANK(AN113)=TRUE</formula>
    </cfRule>
    <cfRule type="expression" dxfId="2048" priority="2047" stopIfTrue="1">
      <formula>INDIRECT("第１の３表②!"&amp;CELL("address",DG113))="×××"</formula>
    </cfRule>
    <cfRule type="expression" dxfId="2047" priority="2048" stopIfTrue="1">
      <formula>INDIRECT("第１の３表②!"&amp;CELL("address",DG113))="××"</formula>
    </cfRule>
    <cfRule type="expression" dxfId="2046" priority="2049" stopIfTrue="1">
      <formula>INDIRECT("第１の３表②!"&amp;CELL("address",DG113))="×"</formula>
    </cfRule>
    <cfRule type="expression" dxfId="2045" priority="2050" stopIfTrue="1">
      <formula>ISBLANK(AN113)=FALSE</formula>
    </cfRule>
  </conditionalFormatting>
  <conditionalFormatting sqref="AQ113:AR114">
    <cfRule type="expression" dxfId="2044" priority="2041" stopIfTrue="1">
      <formula>ISBLANK(AQ113)=TRUE</formula>
    </cfRule>
    <cfRule type="expression" dxfId="2043" priority="2042" stopIfTrue="1">
      <formula>INDIRECT("第１の３表②!"&amp;CELL("address",DJ113))="×××"</formula>
    </cfRule>
    <cfRule type="expression" dxfId="2042" priority="2043" stopIfTrue="1">
      <formula>INDIRECT("第１の３表②!"&amp;CELL("address",DJ113))="××"</formula>
    </cfRule>
    <cfRule type="expression" dxfId="2041" priority="2044" stopIfTrue="1">
      <formula>INDIRECT("第１の３表②!"&amp;CELL("address",DJ113))="×"</formula>
    </cfRule>
    <cfRule type="expression" dxfId="2040" priority="2045" stopIfTrue="1">
      <formula>ISBLANK(AQ113)=FALSE</formula>
    </cfRule>
  </conditionalFormatting>
  <conditionalFormatting sqref="AT113:AU114">
    <cfRule type="expression" dxfId="2039" priority="2036" stopIfTrue="1">
      <formula>ISBLANK(AT113)=TRUE</formula>
    </cfRule>
    <cfRule type="expression" dxfId="2038" priority="2037" stopIfTrue="1">
      <formula>INDIRECT("第１の３表②!"&amp;CELL("address",DM113))="×××"</formula>
    </cfRule>
    <cfRule type="expression" dxfId="2037" priority="2038" stopIfTrue="1">
      <formula>INDIRECT("第１の３表②!"&amp;CELL("address",DM113))="××"</formula>
    </cfRule>
    <cfRule type="expression" dxfId="2036" priority="2039" stopIfTrue="1">
      <formula>INDIRECT("第１の３表②!"&amp;CELL("address",DM113))="×"</formula>
    </cfRule>
    <cfRule type="expression" dxfId="2035" priority="2040" stopIfTrue="1">
      <formula>ISBLANK(AT113)=FALSE</formula>
    </cfRule>
  </conditionalFormatting>
  <conditionalFormatting sqref="AW113:AX114">
    <cfRule type="expression" dxfId="2034" priority="2031" stopIfTrue="1">
      <formula>ISBLANK(AW113)=TRUE</formula>
    </cfRule>
    <cfRule type="expression" dxfId="2033" priority="2032" stopIfTrue="1">
      <formula>INDIRECT("第１の３表②!"&amp;CELL("address",DP113))="×××"</formula>
    </cfRule>
    <cfRule type="expression" dxfId="2032" priority="2033" stopIfTrue="1">
      <formula>INDIRECT("第１の３表②!"&amp;CELL("address",DP113))="××"</formula>
    </cfRule>
    <cfRule type="expression" dxfId="2031" priority="2034" stopIfTrue="1">
      <formula>INDIRECT("第１の３表②!"&amp;CELL("address",DP113))="×"</formula>
    </cfRule>
    <cfRule type="expression" dxfId="2030" priority="2035" stopIfTrue="1">
      <formula>ISBLANK(AW113)=FALSE</formula>
    </cfRule>
  </conditionalFormatting>
  <conditionalFormatting sqref="AZ113:BA114">
    <cfRule type="expression" dxfId="2029" priority="2026" stopIfTrue="1">
      <formula>ISBLANK(AZ113)=TRUE</formula>
    </cfRule>
    <cfRule type="expression" dxfId="2028" priority="2027" stopIfTrue="1">
      <formula>INDIRECT("第１の３表②!"&amp;CELL("address",DS113))="×××"</formula>
    </cfRule>
    <cfRule type="expression" dxfId="2027" priority="2028" stopIfTrue="1">
      <formula>INDIRECT("第１の３表②!"&amp;CELL("address",DS113))="××"</formula>
    </cfRule>
    <cfRule type="expression" dxfId="2026" priority="2029" stopIfTrue="1">
      <formula>INDIRECT("第１の３表②!"&amp;CELL("address",DS113))="×"</formula>
    </cfRule>
    <cfRule type="expression" dxfId="2025" priority="2030" stopIfTrue="1">
      <formula>ISBLANK(AZ113)=FALSE</formula>
    </cfRule>
  </conditionalFormatting>
  <conditionalFormatting sqref="BC113:BD114">
    <cfRule type="expression" dxfId="2024" priority="2021" stopIfTrue="1">
      <formula>ISBLANK(BC113)=TRUE</formula>
    </cfRule>
    <cfRule type="expression" dxfId="2023" priority="2022" stopIfTrue="1">
      <formula>INDIRECT("第１の３表②!"&amp;CELL("address",DV113))="×××"</formula>
    </cfRule>
    <cfRule type="expression" dxfId="2022" priority="2023" stopIfTrue="1">
      <formula>INDIRECT("第１の３表②!"&amp;CELL("address",DV113))="××"</formula>
    </cfRule>
    <cfRule type="expression" dxfId="2021" priority="2024" stopIfTrue="1">
      <formula>INDIRECT("第１の３表②!"&amp;CELL("address",DV113))="×"</formula>
    </cfRule>
    <cfRule type="expression" dxfId="2020" priority="2025" stopIfTrue="1">
      <formula>ISBLANK(BC113)=FALSE</formula>
    </cfRule>
  </conditionalFormatting>
  <conditionalFormatting sqref="BF113:BG114">
    <cfRule type="expression" dxfId="2019" priority="2016" stopIfTrue="1">
      <formula>ISBLANK(BF113)=TRUE</formula>
    </cfRule>
    <cfRule type="expression" dxfId="2018" priority="2017" stopIfTrue="1">
      <formula>INDIRECT("第１の３表②!"&amp;CELL("address",DY113))="×××"</formula>
    </cfRule>
    <cfRule type="expression" dxfId="2017" priority="2018" stopIfTrue="1">
      <formula>INDIRECT("第１の３表②!"&amp;CELL("address",DY113))="××"</formula>
    </cfRule>
    <cfRule type="expression" dxfId="2016" priority="2019" stopIfTrue="1">
      <formula>INDIRECT("第１の３表②!"&amp;CELL("address",DY113))="×"</formula>
    </cfRule>
    <cfRule type="expression" dxfId="2015" priority="2020" stopIfTrue="1">
      <formula>ISBLANK(BF113)=FALSE</formula>
    </cfRule>
  </conditionalFormatting>
  <conditionalFormatting sqref="BI113:BJ114">
    <cfRule type="expression" dxfId="2014" priority="2011" stopIfTrue="1">
      <formula>ISBLANK(BI113)=TRUE</formula>
    </cfRule>
    <cfRule type="expression" dxfId="2013" priority="2012" stopIfTrue="1">
      <formula>INDIRECT("第１の３表②!"&amp;CELL("address",EB113))="×××"</formula>
    </cfRule>
    <cfRule type="expression" dxfId="2012" priority="2013" stopIfTrue="1">
      <formula>INDIRECT("第１の３表②!"&amp;CELL("address",EB113))="××"</formula>
    </cfRule>
    <cfRule type="expression" dxfId="2011" priority="2014" stopIfTrue="1">
      <formula>INDIRECT("第１の３表②!"&amp;CELL("address",EB113))="×"</formula>
    </cfRule>
    <cfRule type="expression" dxfId="2010" priority="2015" stopIfTrue="1">
      <formula>ISBLANK(BI113)=FALSE</formula>
    </cfRule>
  </conditionalFormatting>
  <conditionalFormatting sqref="BL113:BM114">
    <cfRule type="expression" dxfId="2009" priority="2006" stopIfTrue="1">
      <formula>ISBLANK(BL113)=TRUE</formula>
    </cfRule>
    <cfRule type="expression" dxfId="2008" priority="2007" stopIfTrue="1">
      <formula>INDIRECT("第１の３表②!"&amp;CELL("address",EE113))="×××"</formula>
    </cfRule>
    <cfRule type="expression" dxfId="2007" priority="2008" stopIfTrue="1">
      <formula>INDIRECT("第１の３表②!"&amp;CELL("address",EE113))="××"</formula>
    </cfRule>
    <cfRule type="expression" dxfId="2006" priority="2009" stopIfTrue="1">
      <formula>INDIRECT("第１の３表②!"&amp;CELL("address",EE113))="×"</formula>
    </cfRule>
    <cfRule type="expression" dxfId="2005" priority="2010" stopIfTrue="1">
      <formula>ISBLANK(BL113)=FALSE</formula>
    </cfRule>
  </conditionalFormatting>
  <conditionalFormatting sqref="BO113:BP114">
    <cfRule type="expression" dxfId="2004" priority="2001" stopIfTrue="1">
      <formula>ISBLANK(BO113)=TRUE</formula>
    </cfRule>
    <cfRule type="expression" dxfId="2003" priority="2002" stopIfTrue="1">
      <formula>INDIRECT("第１の３表②!"&amp;CELL("address",EH113))="×××"</formula>
    </cfRule>
    <cfRule type="expression" dxfId="2002" priority="2003" stopIfTrue="1">
      <formula>INDIRECT("第１の３表②!"&amp;CELL("address",EH113))="××"</formula>
    </cfRule>
    <cfRule type="expression" dxfId="2001" priority="2004" stopIfTrue="1">
      <formula>INDIRECT("第１の３表②!"&amp;CELL("address",EH113))="×"</formula>
    </cfRule>
    <cfRule type="expression" dxfId="2000" priority="2005" stopIfTrue="1">
      <formula>ISBLANK(BO113)=FALSE</formula>
    </cfRule>
  </conditionalFormatting>
  <conditionalFormatting sqref="G125:H126">
    <cfRule type="expression" dxfId="1999" priority="1996" stopIfTrue="1">
      <formula>ISBLANK(G125)=TRUE</formula>
    </cfRule>
    <cfRule type="expression" dxfId="1998" priority="1997" stopIfTrue="1">
      <formula>INDIRECT("第１の３表②!"&amp;CELL("address",BZ125))="×××"</formula>
    </cfRule>
    <cfRule type="expression" dxfId="1997" priority="1998" stopIfTrue="1">
      <formula>INDIRECT("第１の３表②!"&amp;CELL("address",BZ125))="××"</formula>
    </cfRule>
    <cfRule type="expression" dxfId="1996" priority="1999" stopIfTrue="1">
      <formula>INDIRECT("第１の３表②!"&amp;CELL("address",BZ125))="×"</formula>
    </cfRule>
    <cfRule type="expression" dxfId="1995" priority="2000" stopIfTrue="1">
      <formula>ISBLANK(G125)=FALSE</formula>
    </cfRule>
  </conditionalFormatting>
  <conditionalFormatting sqref="J125:K126">
    <cfRule type="expression" dxfId="1994" priority="1991" stopIfTrue="1">
      <formula>ISBLANK(J125)=TRUE</formula>
    </cfRule>
    <cfRule type="expression" dxfId="1993" priority="1992" stopIfTrue="1">
      <formula>INDIRECT("第１の３表②!"&amp;CELL("address",CC125))="×××"</formula>
    </cfRule>
    <cfRule type="expression" dxfId="1992" priority="1993" stopIfTrue="1">
      <formula>INDIRECT("第１の３表②!"&amp;CELL("address",CC125))="××"</formula>
    </cfRule>
    <cfRule type="expression" dxfId="1991" priority="1994" stopIfTrue="1">
      <formula>INDIRECT("第１の３表②!"&amp;CELL("address",CC125))="×"</formula>
    </cfRule>
    <cfRule type="expression" dxfId="1990" priority="1995" stopIfTrue="1">
      <formula>ISBLANK(J125)=FALSE</formula>
    </cfRule>
  </conditionalFormatting>
  <conditionalFormatting sqref="M125:N126">
    <cfRule type="expression" dxfId="1989" priority="1986" stopIfTrue="1">
      <formula>ISBLANK(M125)=TRUE</formula>
    </cfRule>
    <cfRule type="expression" dxfId="1988" priority="1987" stopIfTrue="1">
      <formula>INDIRECT("第１の３表②!"&amp;CELL("address",CF125))="×××"</formula>
    </cfRule>
    <cfRule type="expression" dxfId="1987" priority="1988" stopIfTrue="1">
      <formula>INDIRECT("第１の３表②!"&amp;CELL("address",CF125))="××"</formula>
    </cfRule>
    <cfRule type="expression" dxfId="1986" priority="1989" stopIfTrue="1">
      <formula>INDIRECT("第１の３表②!"&amp;CELL("address",CF125))="×"</formula>
    </cfRule>
    <cfRule type="expression" dxfId="1985" priority="1990" stopIfTrue="1">
      <formula>ISBLANK(M125)=FALSE</formula>
    </cfRule>
  </conditionalFormatting>
  <conditionalFormatting sqref="P125:Q126">
    <cfRule type="expression" dxfId="1984" priority="1981" stopIfTrue="1">
      <formula>ISBLANK(P125)=TRUE</formula>
    </cfRule>
    <cfRule type="expression" dxfId="1983" priority="1982" stopIfTrue="1">
      <formula>INDIRECT("第１の３表②!"&amp;CELL("address",CI125))="×××"</formula>
    </cfRule>
    <cfRule type="expression" dxfId="1982" priority="1983" stopIfTrue="1">
      <formula>INDIRECT("第１の３表②!"&amp;CELL("address",CI125))="××"</formula>
    </cfRule>
    <cfRule type="expression" dxfId="1981" priority="1984" stopIfTrue="1">
      <formula>INDIRECT("第１の３表②!"&amp;CELL("address",CI125))="×"</formula>
    </cfRule>
    <cfRule type="expression" dxfId="1980" priority="1985" stopIfTrue="1">
      <formula>ISBLANK(P125)=FALSE</formula>
    </cfRule>
  </conditionalFormatting>
  <conditionalFormatting sqref="S125:T126">
    <cfRule type="expression" dxfId="1979" priority="1976" stopIfTrue="1">
      <formula>ISBLANK(S125)=TRUE</formula>
    </cfRule>
    <cfRule type="expression" dxfId="1978" priority="1977" stopIfTrue="1">
      <formula>INDIRECT("第１の３表②!"&amp;CELL("address",CL125))="×××"</formula>
    </cfRule>
    <cfRule type="expression" dxfId="1977" priority="1978" stopIfTrue="1">
      <formula>INDIRECT("第１の３表②!"&amp;CELL("address",CL125))="××"</formula>
    </cfRule>
    <cfRule type="expression" dxfId="1976" priority="1979" stopIfTrue="1">
      <formula>INDIRECT("第１の３表②!"&amp;CELL("address",CL125))="×"</formula>
    </cfRule>
    <cfRule type="expression" dxfId="1975" priority="1980" stopIfTrue="1">
      <formula>ISBLANK(S125)=FALSE</formula>
    </cfRule>
  </conditionalFormatting>
  <conditionalFormatting sqref="V125:W126">
    <cfRule type="expression" dxfId="1974" priority="1971" stopIfTrue="1">
      <formula>ISBLANK(V125)=TRUE</formula>
    </cfRule>
    <cfRule type="expression" dxfId="1973" priority="1972" stopIfTrue="1">
      <formula>INDIRECT("第１の３表②!"&amp;CELL("address",CO125))="×××"</formula>
    </cfRule>
    <cfRule type="expression" dxfId="1972" priority="1973" stopIfTrue="1">
      <formula>INDIRECT("第１の３表②!"&amp;CELL("address",CO125))="××"</formula>
    </cfRule>
    <cfRule type="expression" dxfId="1971" priority="1974" stopIfTrue="1">
      <formula>INDIRECT("第１の３表②!"&amp;CELL("address",CO125))="×"</formula>
    </cfRule>
    <cfRule type="expression" dxfId="1970" priority="1975" stopIfTrue="1">
      <formula>ISBLANK(V125)=FALSE</formula>
    </cfRule>
  </conditionalFormatting>
  <conditionalFormatting sqref="Y125:Z126">
    <cfRule type="expression" dxfId="1969" priority="1966" stopIfTrue="1">
      <formula>ISBLANK(Y125)=TRUE</formula>
    </cfRule>
    <cfRule type="expression" dxfId="1968" priority="1967" stopIfTrue="1">
      <formula>INDIRECT("第１の３表②!"&amp;CELL("address",CR125))="×××"</formula>
    </cfRule>
    <cfRule type="expression" dxfId="1967" priority="1968" stopIfTrue="1">
      <formula>INDIRECT("第１の３表②!"&amp;CELL("address",CR125))="××"</formula>
    </cfRule>
    <cfRule type="expression" dxfId="1966" priority="1969" stopIfTrue="1">
      <formula>INDIRECT("第１の３表②!"&amp;CELL("address",CR125))="×"</formula>
    </cfRule>
    <cfRule type="expression" dxfId="1965" priority="1970" stopIfTrue="1">
      <formula>ISBLANK(Y125)=FALSE</formula>
    </cfRule>
  </conditionalFormatting>
  <conditionalFormatting sqref="AB125:AC126">
    <cfRule type="expression" dxfId="1964" priority="1961" stopIfTrue="1">
      <formula>ISBLANK(AB125)=TRUE</formula>
    </cfRule>
    <cfRule type="expression" dxfId="1963" priority="1962" stopIfTrue="1">
      <formula>INDIRECT("第１の３表②!"&amp;CELL("address",CU125))="×××"</formula>
    </cfRule>
    <cfRule type="expression" dxfId="1962" priority="1963" stopIfTrue="1">
      <formula>INDIRECT("第１の３表②!"&amp;CELL("address",CU125))="××"</formula>
    </cfRule>
    <cfRule type="expression" dxfId="1961" priority="1964" stopIfTrue="1">
      <formula>INDIRECT("第１の３表②!"&amp;CELL("address",CU125))="×"</formula>
    </cfRule>
    <cfRule type="expression" dxfId="1960" priority="1965" stopIfTrue="1">
      <formula>ISBLANK(AB125)=FALSE</formula>
    </cfRule>
  </conditionalFormatting>
  <conditionalFormatting sqref="AE125:AF126">
    <cfRule type="expression" dxfId="1959" priority="1956" stopIfTrue="1">
      <formula>ISBLANK(AE125)=TRUE</formula>
    </cfRule>
    <cfRule type="expression" dxfId="1958" priority="1957" stopIfTrue="1">
      <formula>INDIRECT("第１の３表②!"&amp;CELL("address",CX125))="×××"</formula>
    </cfRule>
    <cfRule type="expression" dxfId="1957" priority="1958" stopIfTrue="1">
      <formula>INDIRECT("第１の３表②!"&amp;CELL("address",CX125))="××"</formula>
    </cfRule>
    <cfRule type="expression" dxfId="1956" priority="1959" stopIfTrue="1">
      <formula>INDIRECT("第１の３表②!"&amp;CELL("address",CX125))="×"</formula>
    </cfRule>
    <cfRule type="expression" dxfId="1955" priority="1960" stopIfTrue="1">
      <formula>ISBLANK(AE125)=FALSE</formula>
    </cfRule>
  </conditionalFormatting>
  <conditionalFormatting sqref="AH125:AI126">
    <cfRule type="expression" dxfId="1954" priority="1951" stopIfTrue="1">
      <formula>ISBLANK(AH125)=TRUE</formula>
    </cfRule>
    <cfRule type="expression" dxfId="1953" priority="1952" stopIfTrue="1">
      <formula>INDIRECT("第１の３表②!"&amp;CELL("address",DA125))="×××"</formula>
    </cfRule>
    <cfRule type="expression" dxfId="1952" priority="1953" stopIfTrue="1">
      <formula>INDIRECT("第１の３表②!"&amp;CELL("address",DA125))="××"</formula>
    </cfRule>
    <cfRule type="expression" dxfId="1951" priority="1954" stopIfTrue="1">
      <formula>INDIRECT("第１の３表②!"&amp;CELL("address",DA125))="×"</formula>
    </cfRule>
    <cfRule type="expression" dxfId="1950" priority="1955" stopIfTrue="1">
      <formula>ISBLANK(AH125)=FALSE</formula>
    </cfRule>
  </conditionalFormatting>
  <conditionalFormatting sqref="AK125:AL126">
    <cfRule type="expression" dxfId="1949" priority="1946" stopIfTrue="1">
      <formula>ISBLANK(AK125)=TRUE</formula>
    </cfRule>
    <cfRule type="expression" dxfId="1948" priority="1947" stopIfTrue="1">
      <formula>INDIRECT("第１の３表②!"&amp;CELL("address",DD125))="×××"</formula>
    </cfRule>
    <cfRule type="expression" dxfId="1947" priority="1948" stopIfTrue="1">
      <formula>INDIRECT("第１の３表②!"&amp;CELL("address",DD125))="××"</formula>
    </cfRule>
    <cfRule type="expression" dxfId="1946" priority="1949" stopIfTrue="1">
      <formula>INDIRECT("第１の３表②!"&amp;CELL("address",DD125))="×"</formula>
    </cfRule>
    <cfRule type="expression" dxfId="1945" priority="1950" stopIfTrue="1">
      <formula>ISBLANK(AK125)=FALSE</formula>
    </cfRule>
  </conditionalFormatting>
  <conditionalFormatting sqref="AN125:AO126">
    <cfRule type="expression" dxfId="1944" priority="1941" stopIfTrue="1">
      <formula>ISBLANK(AN125)=TRUE</formula>
    </cfRule>
    <cfRule type="expression" dxfId="1943" priority="1942" stopIfTrue="1">
      <formula>INDIRECT("第１の３表②!"&amp;CELL("address",DG125))="×××"</formula>
    </cfRule>
    <cfRule type="expression" dxfId="1942" priority="1943" stopIfTrue="1">
      <formula>INDIRECT("第１の３表②!"&amp;CELL("address",DG125))="××"</formula>
    </cfRule>
    <cfRule type="expression" dxfId="1941" priority="1944" stopIfTrue="1">
      <formula>INDIRECT("第１の３表②!"&amp;CELL("address",DG125))="×"</formula>
    </cfRule>
    <cfRule type="expression" dxfId="1940" priority="1945" stopIfTrue="1">
      <formula>ISBLANK(AN125)=FALSE</formula>
    </cfRule>
  </conditionalFormatting>
  <conditionalFormatting sqref="AQ125:AR126">
    <cfRule type="expression" dxfId="1939" priority="1936" stopIfTrue="1">
      <formula>ISBLANK(AQ125)=TRUE</formula>
    </cfRule>
    <cfRule type="expression" dxfId="1938" priority="1937" stopIfTrue="1">
      <formula>INDIRECT("第１の３表②!"&amp;CELL("address",DJ125))="×××"</formula>
    </cfRule>
    <cfRule type="expression" dxfId="1937" priority="1938" stopIfTrue="1">
      <formula>INDIRECT("第１の３表②!"&amp;CELL("address",DJ125))="××"</formula>
    </cfRule>
    <cfRule type="expression" dxfId="1936" priority="1939" stopIfTrue="1">
      <formula>INDIRECT("第１の３表②!"&amp;CELL("address",DJ125))="×"</formula>
    </cfRule>
    <cfRule type="expression" dxfId="1935" priority="1940" stopIfTrue="1">
      <formula>ISBLANK(AQ125)=FALSE</formula>
    </cfRule>
  </conditionalFormatting>
  <conditionalFormatting sqref="AT125:AU126">
    <cfRule type="expression" dxfId="1934" priority="1931" stopIfTrue="1">
      <formula>ISBLANK(AT125)=TRUE</formula>
    </cfRule>
    <cfRule type="expression" dxfId="1933" priority="1932" stopIfTrue="1">
      <formula>INDIRECT("第１の３表②!"&amp;CELL("address",DM125))="×××"</formula>
    </cfRule>
    <cfRule type="expression" dxfId="1932" priority="1933" stopIfTrue="1">
      <formula>INDIRECT("第１の３表②!"&amp;CELL("address",DM125))="××"</formula>
    </cfRule>
    <cfRule type="expression" dxfId="1931" priority="1934" stopIfTrue="1">
      <formula>INDIRECT("第１の３表②!"&amp;CELL("address",DM125))="×"</formula>
    </cfRule>
    <cfRule type="expression" dxfId="1930" priority="1935" stopIfTrue="1">
      <formula>ISBLANK(AT125)=FALSE</formula>
    </cfRule>
  </conditionalFormatting>
  <conditionalFormatting sqref="AW125:AX126">
    <cfRule type="expression" dxfId="1929" priority="1926" stopIfTrue="1">
      <formula>ISBLANK(AW125)=TRUE</formula>
    </cfRule>
    <cfRule type="expression" dxfId="1928" priority="1927" stopIfTrue="1">
      <formula>INDIRECT("第１の３表②!"&amp;CELL("address",DP125))="×××"</formula>
    </cfRule>
    <cfRule type="expression" dxfId="1927" priority="1928" stopIfTrue="1">
      <formula>INDIRECT("第１の３表②!"&amp;CELL("address",DP125))="××"</formula>
    </cfRule>
    <cfRule type="expression" dxfId="1926" priority="1929" stopIfTrue="1">
      <formula>INDIRECT("第１の３表②!"&amp;CELL("address",DP125))="×"</formula>
    </cfRule>
    <cfRule type="expression" dxfId="1925" priority="1930" stopIfTrue="1">
      <formula>ISBLANK(AW125)=FALSE</formula>
    </cfRule>
  </conditionalFormatting>
  <conditionalFormatting sqref="AZ125:BA126">
    <cfRule type="expression" dxfId="1924" priority="1921" stopIfTrue="1">
      <formula>ISBLANK(AZ125)=TRUE</formula>
    </cfRule>
    <cfRule type="expression" dxfId="1923" priority="1922" stopIfTrue="1">
      <formula>INDIRECT("第１の３表②!"&amp;CELL("address",DS125))="×××"</formula>
    </cfRule>
    <cfRule type="expression" dxfId="1922" priority="1923" stopIfTrue="1">
      <formula>INDIRECT("第１の３表②!"&amp;CELL("address",DS125))="××"</formula>
    </cfRule>
    <cfRule type="expression" dxfId="1921" priority="1924" stopIfTrue="1">
      <formula>INDIRECT("第１の３表②!"&amp;CELL("address",DS125))="×"</formula>
    </cfRule>
    <cfRule type="expression" dxfId="1920" priority="1925" stopIfTrue="1">
      <formula>ISBLANK(AZ125)=FALSE</formula>
    </cfRule>
  </conditionalFormatting>
  <conditionalFormatting sqref="BC125:BD126">
    <cfRule type="expression" dxfId="1919" priority="1916" stopIfTrue="1">
      <formula>ISBLANK(BC125)=TRUE</formula>
    </cfRule>
    <cfRule type="expression" dxfId="1918" priority="1917" stopIfTrue="1">
      <formula>INDIRECT("第１の３表②!"&amp;CELL("address",DV125))="×××"</formula>
    </cfRule>
    <cfRule type="expression" dxfId="1917" priority="1918" stopIfTrue="1">
      <formula>INDIRECT("第１の３表②!"&amp;CELL("address",DV125))="××"</formula>
    </cfRule>
    <cfRule type="expression" dxfId="1916" priority="1919" stopIfTrue="1">
      <formula>INDIRECT("第１の３表②!"&amp;CELL("address",DV125))="×"</formula>
    </cfRule>
    <cfRule type="expression" dxfId="1915" priority="1920" stopIfTrue="1">
      <formula>ISBLANK(BC125)=FALSE</formula>
    </cfRule>
  </conditionalFormatting>
  <conditionalFormatting sqref="BF125:BG126">
    <cfRule type="expression" dxfId="1914" priority="1911" stopIfTrue="1">
      <formula>ISBLANK(BF125)=TRUE</formula>
    </cfRule>
    <cfRule type="expression" dxfId="1913" priority="1912" stopIfTrue="1">
      <formula>INDIRECT("第１の３表②!"&amp;CELL("address",DY125))="×××"</formula>
    </cfRule>
    <cfRule type="expression" dxfId="1912" priority="1913" stopIfTrue="1">
      <formula>INDIRECT("第１の３表②!"&amp;CELL("address",DY125))="××"</formula>
    </cfRule>
    <cfRule type="expression" dxfId="1911" priority="1914" stopIfTrue="1">
      <formula>INDIRECT("第１の３表②!"&amp;CELL("address",DY125))="×"</formula>
    </cfRule>
    <cfRule type="expression" dxfId="1910" priority="1915" stopIfTrue="1">
      <formula>ISBLANK(BF125)=FALSE</formula>
    </cfRule>
  </conditionalFormatting>
  <conditionalFormatting sqref="BI125:BJ126">
    <cfRule type="expression" dxfId="1909" priority="1906" stopIfTrue="1">
      <formula>ISBLANK(BI125)=TRUE</formula>
    </cfRule>
    <cfRule type="expression" dxfId="1908" priority="1907" stopIfTrue="1">
      <formula>INDIRECT("第１の３表②!"&amp;CELL("address",EB125))="×××"</formula>
    </cfRule>
    <cfRule type="expression" dxfId="1907" priority="1908" stopIfTrue="1">
      <formula>INDIRECT("第１の３表②!"&amp;CELL("address",EB125))="××"</formula>
    </cfRule>
    <cfRule type="expression" dxfId="1906" priority="1909" stopIfTrue="1">
      <formula>INDIRECT("第１の３表②!"&amp;CELL("address",EB125))="×"</formula>
    </cfRule>
    <cfRule type="expression" dxfId="1905" priority="1910" stopIfTrue="1">
      <formula>ISBLANK(BI125)=FALSE</formula>
    </cfRule>
  </conditionalFormatting>
  <conditionalFormatting sqref="BL125:BM126">
    <cfRule type="expression" dxfId="1904" priority="1901" stopIfTrue="1">
      <formula>ISBLANK(BL125)=TRUE</formula>
    </cfRule>
    <cfRule type="expression" dxfId="1903" priority="1902" stopIfTrue="1">
      <formula>INDIRECT("第１の３表②!"&amp;CELL("address",EE125))="×××"</formula>
    </cfRule>
    <cfRule type="expression" dxfId="1902" priority="1903" stopIfTrue="1">
      <formula>INDIRECT("第１の３表②!"&amp;CELL("address",EE125))="××"</formula>
    </cfRule>
    <cfRule type="expression" dxfId="1901" priority="1904" stopIfTrue="1">
      <formula>INDIRECT("第１の３表②!"&amp;CELL("address",EE125))="×"</formula>
    </cfRule>
    <cfRule type="expression" dxfId="1900" priority="1905" stopIfTrue="1">
      <formula>ISBLANK(BL125)=FALSE</formula>
    </cfRule>
  </conditionalFormatting>
  <conditionalFormatting sqref="BO125:BP126">
    <cfRule type="expression" dxfId="1899" priority="1896" stopIfTrue="1">
      <formula>ISBLANK(BO125)=TRUE</formula>
    </cfRule>
    <cfRule type="expression" dxfId="1898" priority="1897" stopIfTrue="1">
      <formula>INDIRECT("第１の３表②!"&amp;CELL("address",EH125))="×××"</formula>
    </cfRule>
    <cfRule type="expression" dxfId="1897" priority="1898" stopIfTrue="1">
      <formula>INDIRECT("第１の３表②!"&amp;CELL("address",EH125))="××"</formula>
    </cfRule>
    <cfRule type="expression" dxfId="1896" priority="1899" stopIfTrue="1">
      <formula>INDIRECT("第１の３表②!"&amp;CELL("address",EH125))="×"</formula>
    </cfRule>
    <cfRule type="expression" dxfId="1895" priority="1900" stopIfTrue="1">
      <formula>ISBLANK(BO125)=FALSE</formula>
    </cfRule>
  </conditionalFormatting>
  <conditionalFormatting sqref="G128:H129">
    <cfRule type="expression" dxfId="1894" priority="1891" stopIfTrue="1">
      <formula>ISBLANK(G128)=TRUE</formula>
    </cfRule>
    <cfRule type="expression" dxfId="1893" priority="1892" stopIfTrue="1">
      <formula>INDIRECT("第１の３表②!"&amp;CELL("address",BZ128))="×××"</formula>
    </cfRule>
    <cfRule type="expression" dxfId="1892" priority="1893" stopIfTrue="1">
      <formula>INDIRECT("第１の３表②!"&amp;CELL("address",BZ128))="××"</formula>
    </cfRule>
    <cfRule type="expression" dxfId="1891" priority="1894" stopIfTrue="1">
      <formula>INDIRECT("第１の３表②!"&amp;CELL("address",BZ128))="×"</formula>
    </cfRule>
    <cfRule type="expression" dxfId="1890" priority="1895" stopIfTrue="1">
      <formula>ISBLANK(G128)=FALSE</formula>
    </cfRule>
  </conditionalFormatting>
  <conditionalFormatting sqref="J128:K129">
    <cfRule type="expression" dxfId="1889" priority="1886" stopIfTrue="1">
      <formula>ISBLANK(J128)=TRUE</formula>
    </cfRule>
    <cfRule type="expression" dxfId="1888" priority="1887" stopIfTrue="1">
      <formula>INDIRECT("第１の３表②!"&amp;CELL("address",CC128))="×××"</formula>
    </cfRule>
    <cfRule type="expression" dxfId="1887" priority="1888" stopIfTrue="1">
      <formula>INDIRECT("第１の３表②!"&amp;CELL("address",CC128))="××"</formula>
    </cfRule>
    <cfRule type="expression" dxfId="1886" priority="1889" stopIfTrue="1">
      <formula>INDIRECT("第１の３表②!"&amp;CELL("address",CC128))="×"</formula>
    </cfRule>
    <cfRule type="expression" dxfId="1885" priority="1890" stopIfTrue="1">
      <formula>ISBLANK(J128)=FALSE</formula>
    </cfRule>
  </conditionalFormatting>
  <conditionalFormatting sqref="M128:N129">
    <cfRule type="expression" dxfId="1884" priority="1881" stopIfTrue="1">
      <formula>ISBLANK(M128)=TRUE</formula>
    </cfRule>
    <cfRule type="expression" dxfId="1883" priority="1882" stopIfTrue="1">
      <formula>INDIRECT("第１の３表②!"&amp;CELL("address",CF128))="×××"</formula>
    </cfRule>
    <cfRule type="expression" dxfId="1882" priority="1883" stopIfTrue="1">
      <formula>INDIRECT("第１の３表②!"&amp;CELL("address",CF128))="××"</formula>
    </cfRule>
    <cfRule type="expression" dxfId="1881" priority="1884" stopIfTrue="1">
      <formula>INDIRECT("第１の３表②!"&amp;CELL("address",CF128))="×"</formula>
    </cfRule>
    <cfRule type="expression" dxfId="1880" priority="1885" stopIfTrue="1">
      <formula>ISBLANK(M128)=FALSE</formula>
    </cfRule>
  </conditionalFormatting>
  <conditionalFormatting sqref="P128:Q129">
    <cfRule type="expression" dxfId="1879" priority="1876" stopIfTrue="1">
      <formula>ISBLANK(P128)=TRUE</formula>
    </cfRule>
    <cfRule type="expression" dxfId="1878" priority="1877" stopIfTrue="1">
      <formula>INDIRECT("第１の３表②!"&amp;CELL("address",CI128))="×××"</formula>
    </cfRule>
    <cfRule type="expression" dxfId="1877" priority="1878" stopIfTrue="1">
      <formula>INDIRECT("第１の３表②!"&amp;CELL("address",CI128))="××"</formula>
    </cfRule>
    <cfRule type="expression" dxfId="1876" priority="1879" stopIfTrue="1">
      <formula>INDIRECT("第１の３表②!"&amp;CELL("address",CI128))="×"</formula>
    </cfRule>
    <cfRule type="expression" dxfId="1875" priority="1880" stopIfTrue="1">
      <formula>ISBLANK(P128)=FALSE</formula>
    </cfRule>
  </conditionalFormatting>
  <conditionalFormatting sqref="S128:T129">
    <cfRule type="expression" dxfId="1874" priority="1871" stopIfTrue="1">
      <formula>ISBLANK(S128)=TRUE</formula>
    </cfRule>
    <cfRule type="expression" dxfId="1873" priority="1872" stopIfTrue="1">
      <formula>INDIRECT("第１の３表②!"&amp;CELL("address",CL128))="×××"</formula>
    </cfRule>
    <cfRule type="expression" dxfId="1872" priority="1873" stopIfTrue="1">
      <formula>INDIRECT("第１の３表②!"&amp;CELL("address",CL128))="××"</formula>
    </cfRule>
    <cfRule type="expression" dxfId="1871" priority="1874" stopIfTrue="1">
      <formula>INDIRECT("第１の３表②!"&amp;CELL("address",CL128))="×"</formula>
    </cfRule>
    <cfRule type="expression" dxfId="1870" priority="1875" stopIfTrue="1">
      <formula>ISBLANK(S128)=FALSE</formula>
    </cfRule>
  </conditionalFormatting>
  <conditionalFormatting sqref="V128:W129">
    <cfRule type="expression" dxfId="1869" priority="1866" stopIfTrue="1">
      <formula>ISBLANK(V128)=TRUE</formula>
    </cfRule>
    <cfRule type="expression" dxfId="1868" priority="1867" stopIfTrue="1">
      <formula>INDIRECT("第１の３表②!"&amp;CELL("address",CO128))="×××"</formula>
    </cfRule>
    <cfRule type="expression" dxfId="1867" priority="1868" stopIfTrue="1">
      <formula>INDIRECT("第１の３表②!"&amp;CELL("address",CO128))="××"</formula>
    </cfRule>
    <cfRule type="expression" dxfId="1866" priority="1869" stopIfTrue="1">
      <formula>INDIRECT("第１の３表②!"&amp;CELL("address",CO128))="×"</formula>
    </cfRule>
    <cfRule type="expression" dxfId="1865" priority="1870" stopIfTrue="1">
      <formula>ISBLANK(V128)=FALSE</formula>
    </cfRule>
  </conditionalFormatting>
  <conditionalFormatting sqref="Y128:Z129">
    <cfRule type="expression" dxfId="1864" priority="1861" stopIfTrue="1">
      <formula>ISBLANK(Y128)=TRUE</formula>
    </cfRule>
    <cfRule type="expression" dxfId="1863" priority="1862" stopIfTrue="1">
      <formula>INDIRECT("第１の３表②!"&amp;CELL("address",CR128))="×××"</formula>
    </cfRule>
    <cfRule type="expression" dxfId="1862" priority="1863" stopIfTrue="1">
      <formula>INDIRECT("第１の３表②!"&amp;CELL("address",CR128))="××"</formula>
    </cfRule>
    <cfRule type="expression" dxfId="1861" priority="1864" stopIfTrue="1">
      <formula>INDIRECT("第１の３表②!"&amp;CELL("address",CR128))="×"</formula>
    </cfRule>
    <cfRule type="expression" dxfId="1860" priority="1865" stopIfTrue="1">
      <formula>ISBLANK(Y128)=FALSE</formula>
    </cfRule>
  </conditionalFormatting>
  <conditionalFormatting sqref="AB128:AC129">
    <cfRule type="expression" dxfId="1859" priority="1856" stopIfTrue="1">
      <formula>ISBLANK(AB128)=TRUE</formula>
    </cfRule>
    <cfRule type="expression" dxfId="1858" priority="1857" stopIfTrue="1">
      <formula>INDIRECT("第１の３表②!"&amp;CELL("address",CU128))="×××"</formula>
    </cfRule>
    <cfRule type="expression" dxfId="1857" priority="1858" stopIfTrue="1">
      <formula>INDIRECT("第１の３表②!"&amp;CELL("address",CU128))="××"</formula>
    </cfRule>
    <cfRule type="expression" dxfId="1856" priority="1859" stopIfTrue="1">
      <formula>INDIRECT("第１の３表②!"&amp;CELL("address",CU128))="×"</formula>
    </cfRule>
    <cfRule type="expression" dxfId="1855" priority="1860" stopIfTrue="1">
      <formula>ISBLANK(AB128)=FALSE</formula>
    </cfRule>
  </conditionalFormatting>
  <conditionalFormatting sqref="AE128:AF129">
    <cfRule type="expression" dxfId="1854" priority="1851" stopIfTrue="1">
      <formula>ISBLANK(AE128)=TRUE</formula>
    </cfRule>
    <cfRule type="expression" dxfId="1853" priority="1852" stopIfTrue="1">
      <formula>INDIRECT("第１の３表②!"&amp;CELL("address",CX128))="×××"</formula>
    </cfRule>
    <cfRule type="expression" dxfId="1852" priority="1853" stopIfTrue="1">
      <formula>INDIRECT("第１の３表②!"&amp;CELL("address",CX128))="××"</formula>
    </cfRule>
    <cfRule type="expression" dxfId="1851" priority="1854" stopIfTrue="1">
      <formula>INDIRECT("第１の３表②!"&amp;CELL("address",CX128))="×"</formula>
    </cfRule>
    <cfRule type="expression" dxfId="1850" priority="1855" stopIfTrue="1">
      <formula>ISBLANK(AE128)=FALSE</formula>
    </cfRule>
  </conditionalFormatting>
  <conditionalFormatting sqref="AH128:AI129">
    <cfRule type="expression" dxfId="1849" priority="1846" stopIfTrue="1">
      <formula>ISBLANK(AH128)=TRUE</formula>
    </cfRule>
    <cfRule type="expression" dxfId="1848" priority="1847" stopIfTrue="1">
      <formula>INDIRECT("第１の３表②!"&amp;CELL("address",DA128))="×××"</formula>
    </cfRule>
    <cfRule type="expression" dxfId="1847" priority="1848" stopIfTrue="1">
      <formula>INDIRECT("第１の３表②!"&amp;CELL("address",DA128))="××"</formula>
    </cfRule>
    <cfRule type="expression" dxfId="1846" priority="1849" stopIfTrue="1">
      <formula>INDIRECT("第１の３表②!"&amp;CELL("address",DA128))="×"</formula>
    </cfRule>
    <cfRule type="expression" dxfId="1845" priority="1850" stopIfTrue="1">
      <formula>ISBLANK(AH128)=FALSE</formula>
    </cfRule>
  </conditionalFormatting>
  <conditionalFormatting sqref="AK128:AL129">
    <cfRule type="expression" dxfId="1844" priority="1841" stopIfTrue="1">
      <formula>ISBLANK(AK128)=TRUE</formula>
    </cfRule>
    <cfRule type="expression" dxfId="1843" priority="1842" stopIfTrue="1">
      <formula>INDIRECT("第１の３表②!"&amp;CELL("address",DD128))="×××"</formula>
    </cfRule>
    <cfRule type="expression" dxfId="1842" priority="1843" stopIfTrue="1">
      <formula>INDIRECT("第１の３表②!"&amp;CELL("address",DD128))="××"</formula>
    </cfRule>
    <cfRule type="expression" dxfId="1841" priority="1844" stopIfTrue="1">
      <formula>INDIRECT("第１の３表②!"&amp;CELL("address",DD128))="×"</formula>
    </cfRule>
    <cfRule type="expression" dxfId="1840" priority="1845" stopIfTrue="1">
      <formula>ISBLANK(AK128)=FALSE</formula>
    </cfRule>
  </conditionalFormatting>
  <conditionalFormatting sqref="AN128:AO129">
    <cfRule type="expression" dxfId="1839" priority="1836" stopIfTrue="1">
      <formula>ISBLANK(AN128)=TRUE</formula>
    </cfRule>
    <cfRule type="expression" dxfId="1838" priority="1837" stopIfTrue="1">
      <formula>INDIRECT("第１の３表②!"&amp;CELL("address",DG128))="×××"</formula>
    </cfRule>
    <cfRule type="expression" dxfId="1837" priority="1838" stopIfTrue="1">
      <formula>INDIRECT("第１の３表②!"&amp;CELL("address",DG128))="××"</formula>
    </cfRule>
    <cfRule type="expression" dxfId="1836" priority="1839" stopIfTrue="1">
      <formula>INDIRECT("第１の３表②!"&amp;CELL("address",DG128))="×"</formula>
    </cfRule>
    <cfRule type="expression" dxfId="1835" priority="1840" stopIfTrue="1">
      <formula>ISBLANK(AN128)=FALSE</formula>
    </cfRule>
  </conditionalFormatting>
  <conditionalFormatting sqref="AQ128:AR129">
    <cfRule type="expression" dxfId="1834" priority="1831" stopIfTrue="1">
      <formula>ISBLANK(AQ128)=TRUE</formula>
    </cfRule>
    <cfRule type="expression" dxfId="1833" priority="1832" stopIfTrue="1">
      <formula>INDIRECT("第１の３表②!"&amp;CELL("address",DJ128))="×××"</formula>
    </cfRule>
    <cfRule type="expression" dxfId="1832" priority="1833" stopIfTrue="1">
      <formula>INDIRECT("第１の３表②!"&amp;CELL("address",DJ128))="××"</formula>
    </cfRule>
    <cfRule type="expression" dxfId="1831" priority="1834" stopIfTrue="1">
      <formula>INDIRECT("第１の３表②!"&amp;CELL("address",DJ128))="×"</formula>
    </cfRule>
    <cfRule type="expression" dxfId="1830" priority="1835" stopIfTrue="1">
      <formula>ISBLANK(AQ128)=FALSE</formula>
    </cfRule>
  </conditionalFormatting>
  <conditionalFormatting sqref="AT128:AU129">
    <cfRule type="expression" dxfId="1829" priority="1826" stopIfTrue="1">
      <formula>ISBLANK(AT128)=TRUE</formula>
    </cfRule>
    <cfRule type="expression" dxfId="1828" priority="1827" stopIfTrue="1">
      <formula>INDIRECT("第１の３表②!"&amp;CELL("address",DM128))="×××"</formula>
    </cfRule>
    <cfRule type="expression" dxfId="1827" priority="1828" stopIfTrue="1">
      <formula>INDIRECT("第１の３表②!"&amp;CELL("address",DM128))="××"</formula>
    </cfRule>
    <cfRule type="expression" dxfId="1826" priority="1829" stopIfTrue="1">
      <formula>INDIRECT("第１の３表②!"&amp;CELL("address",DM128))="×"</formula>
    </cfRule>
    <cfRule type="expression" dxfId="1825" priority="1830" stopIfTrue="1">
      <formula>ISBLANK(AT128)=FALSE</formula>
    </cfRule>
  </conditionalFormatting>
  <conditionalFormatting sqref="AW128:AX129">
    <cfRule type="expression" dxfId="1824" priority="1821" stopIfTrue="1">
      <formula>ISBLANK(AW128)=TRUE</formula>
    </cfRule>
    <cfRule type="expression" dxfId="1823" priority="1822" stopIfTrue="1">
      <formula>INDIRECT("第１の３表②!"&amp;CELL("address",DP128))="×××"</formula>
    </cfRule>
    <cfRule type="expression" dxfId="1822" priority="1823" stopIfTrue="1">
      <formula>INDIRECT("第１の３表②!"&amp;CELL("address",DP128))="××"</formula>
    </cfRule>
    <cfRule type="expression" dxfId="1821" priority="1824" stopIfTrue="1">
      <formula>INDIRECT("第１の３表②!"&amp;CELL("address",DP128))="×"</formula>
    </cfRule>
    <cfRule type="expression" dxfId="1820" priority="1825" stopIfTrue="1">
      <formula>ISBLANK(AW128)=FALSE</formula>
    </cfRule>
  </conditionalFormatting>
  <conditionalFormatting sqref="AZ128:BA129">
    <cfRule type="expression" dxfId="1819" priority="1816" stopIfTrue="1">
      <formula>ISBLANK(AZ128)=TRUE</formula>
    </cfRule>
    <cfRule type="expression" dxfId="1818" priority="1817" stopIfTrue="1">
      <formula>INDIRECT("第１の３表②!"&amp;CELL("address",DS128))="×××"</formula>
    </cfRule>
    <cfRule type="expression" dxfId="1817" priority="1818" stopIfTrue="1">
      <formula>INDIRECT("第１の３表②!"&amp;CELL("address",DS128))="××"</formula>
    </cfRule>
    <cfRule type="expression" dxfId="1816" priority="1819" stopIfTrue="1">
      <formula>INDIRECT("第１の３表②!"&amp;CELL("address",DS128))="×"</formula>
    </cfRule>
    <cfRule type="expression" dxfId="1815" priority="1820" stopIfTrue="1">
      <formula>ISBLANK(AZ128)=FALSE</formula>
    </cfRule>
  </conditionalFormatting>
  <conditionalFormatting sqref="BC128:BD129">
    <cfRule type="expression" dxfId="1814" priority="1811" stopIfTrue="1">
      <formula>ISBLANK(BC128)=TRUE</formula>
    </cfRule>
    <cfRule type="expression" dxfId="1813" priority="1812" stopIfTrue="1">
      <formula>INDIRECT("第１の３表②!"&amp;CELL("address",DV128))="×××"</formula>
    </cfRule>
    <cfRule type="expression" dxfId="1812" priority="1813" stopIfTrue="1">
      <formula>INDIRECT("第１の３表②!"&amp;CELL("address",DV128))="××"</formula>
    </cfRule>
    <cfRule type="expression" dxfId="1811" priority="1814" stopIfTrue="1">
      <formula>INDIRECT("第１の３表②!"&amp;CELL("address",DV128))="×"</formula>
    </cfRule>
    <cfRule type="expression" dxfId="1810" priority="1815" stopIfTrue="1">
      <formula>ISBLANK(BC128)=FALSE</formula>
    </cfRule>
  </conditionalFormatting>
  <conditionalFormatting sqref="BF128:BG129">
    <cfRule type="expression" dxfId="1809" priority="1806" stopIfTrue="1">
      <formula>ISBLANK(BF128)=TRUE</formula>
    </cfRule>
    <cfRule type="expression" dxfId="1808" priority="1807" stopIfTrue="1">
      <formula>INDIRECT("第１の３表②!"&amp;CELL("address",DY128))="×××"</formula>
    </cfRule>
    <cfRule type="expression" dxfId="1807" priority="1808" stopIfTrue="1">
      <formula>INDIRECT("第１の３表②!"&amp;CELL("address",DY128))="××"</formula>
    </cfRule>
    <cfRule type="expression" dxfId="1806" priority="1809" stopIfTrue="1">
      <formula>INDIRECT("第１の３表②!"&amp;CELL("address",DY128))="×"</formula>
    </cfRule>
    <cfRule type="expression" dxfId="1805" priority="1810" stopIfTrue="1">
      <formula>ISBLANK(BF128)=FALSE</formula>
    </cfRule>
  </conditionalFormatting>
  <conditionalFormatting sqref="BI128:BJ129">
    <cfRule type="expression" dxfId="1804" priority="1801" stopIfTrue="1">
      <formula>ISBLANK(BI128)=TRUE</formula>
    </cfRule>
    <cfRule type="expression" dxfId="1803" priority="1802" stopIfTrue="1">
      <formula>INDIRECT("第１の３表②!"&amp;CELL("address",EB128))="×××"</formula>
    </cfRule>
    <cfRule type="expression" dxfId="1802" priority="1803" stopIfTrue="1">
      <formula>INDIRECT("第１の３表②!"&amp;CELL("address",EB128))="××"</formula>
    </cfRule>
    <cfRule type="expression" dxfId="1801" priority="1804" stopIfTrue="1">
      <formula>INDIRECT("第１の３表②!"&amp;CELL("address",EB128))="×"</formula>
    </cfRule>
    <cfRule type="expression" dxfId="1800" priority="1805" stopIfTrue="1">
      <formula>ISBLANK(BI128)=FALSE</formula>
    </cfRule>
  </conditionalFormatting>
  <conditionalFormatting sqref="BL128:BM129">
    <cfRule type="expression" dxfId="1799" priority="1796" stopIfTrue="1">
      <formula>ISBLANK(BL128)=TRUE</formula>
    </cfRule>
    <cfRule type="expression" dxfId="1798" priority="1797" stopIfTrue="1">
      <formula>INDIRECT("第１の３表②!"&amp;CELL("address",EE128))="×××"</formula>
    </cfRule>
    <cfRule type="expression" dxfId="1797" priority="1798" stopIfTrue="1">
      <formula>INDIRECT("第１の３表②!"&amp;CELL("address",EE128))="××"</formula>
    </cfRule>
    <cfRule type="expression" dxfId="1796" priority="1799" stopIfTrue="1">
      <formula>INDIRECT("第１の３表②!"&amp;CELL("address",EE128))="×"</formula>
    </cfRule>
    <cfRule type="expression" dxfId="1795" priority="1800" stopIfTrue="1">
      <formula>ISBLANK(BL128)=FALSE</formula>
    </cfRule>
  </conditionalFormatting>
  <conditionalFormatting sqref="BO128:BP129">
    <cfRule type="expression" dxfId="1794" priority="1791" stopIfTrue="1">
      <formula>ISBLANK(BO128)=TRUE</formula>
    </cfRule>
    <cfRule type="expression" dxfId="1793" priority="1792" stopIfTrue="1">
      <formula>INDIRECT("第１の３表②!"&amp;CELL("address",EH128))="×××"</formula>
    </cfRule>
    <cfRule type="expression" dxfId="1792" priority="1793" stopIfTrue="1">
      <formula>INDIRECT("第１の３表②!"&amp;CELL("address",EH128))="××"</formula>
    </cfRule>
    <cfRule type="expression" dxfId="1791" priority="1794" stopIfTrue="1">
      <formula>INDIRECT("第１の３表②!"&amp;CELL("address",EH128))="×"</formula>
    </cfRule>
    <cfRule type="expression" dxfId="1790" priority="1795" stopIfTrue="1">
      <formula>ISBLANK(BO128)=FALSE</formula>
    </cfRule>
  </conditionalFormatting>
  <conditionalFormatting sqref="G134:H135">
    <cfRule type="expression" dxfId="1789" priority="1786" stopIfTrue="1">
      <formula>ISBLANK(G134)=TRUE</formula>
    </cfRule>
    <cfRule type="expression" dxfId="1788" priority="1787" stopIfTrue="1">
      <formula>INDIRECT("第１の３表②!"&amp;CELL("address",BZ134))="×××"</formula>
    </cfRule>
    <cfRule type="expression" dxfId="1787" priority="1788" stopIfTrue="1">
      <formula>INDIRECT("第１の３表②!"&amp;CELL("address",BZ134))="××"</formula>
    </cfRule>
    <cfRule type="expression" dxfId="1786" priority="1789" stopIfTrue="1">
      <formula>INDIRECT("第１の３表②!"&amp;CELL("address",BZ134))="×"</formula>
    </cfRule>
    <cfRule type="expression" dxfId="1785" priority="1790" stopIfTrue="1">
      <formula>ISBLANK(G134)=FALSE</formula>
    </cfRule>
  </conditionalFormatting>
  <conditionalFormatting sqref="J134:K135">
    <cfRule type="expression" dxfId="1784" priority="1781" stopIfTrue="1">
      <formula>ISBLANK(J134)=TRUE</formula>
    </cfRule>
    <cfRule type="expression" dxfId="1783" priority="1782" stopIfTrue="1">
      <formula>INDIRECT("第１の３表②!"&amp;CELL("address",CC134))="×××"</formula>
    </cfRule>
    <cfRule type="expression" dxfId="1782" priority="1783" stopIfTrue="1">
      <formula>INDIRECT("第１の３表②!"&amp;CELL("address",CC134))="××"</formula>
    </cfRule>
    <cfRule type="expression" dxfId="1781" priority="1784" stopIfTrue="1">
      <formula>INDIRECT("第１の３表②!"&amp;CELL("address",CC134))="×"</formula>
    </cfRule>
    <cfRule type="expression" dxfId="1780" priority="1785" stopIfTrue="1">
      <formula>ISBLANK(J134)=FALSE</formula>
    </cfRule>
  </conditionalFormatting>
  <conditionalFormatting sqref="M134:N135">
    <cfRule type="expression" dxfId="1779" priority="1776" stopIfTrue="1">
      <formula>ISBLANK(M134)=TRUE</formula>
    </cfRule>
    <cfRule type="expression" dxfId="1778" priority="1777" stopIfTrue="1">
      <formula>INDIRECT("第１の３表②!"&amp;CELL("address",CF134))="×××"</formula>
    </cfRule>
    <cfRule type="expression" dxfId="1777" priority="1778" stopIfTrue="1">
      <formula>INDIRECT("第１の３表②!"&amp;CELL("address",CF134))="××"</formula>
    </cfRule>
    <cfRule type="expression" dxfId="1776" priority="1779" stopIfTrue="1">
      <formula>INDIRECT("第１の３表②!"&amp;CELL("address",CF134))="×"</formula>
    </cfRule>
    <cfRule type="expression" dxfId="1775" priority="1780" stopIfTrue="1">
      <formula>ISBLANK(M134)=FALSE</formula>
    </cfRule>
  </conditionalFormatting>
  <conditionalFormatting sqref="P134:Q135">
    <cfRule type="expression" dxfId="1774" priority="1771" stopIfTrue="1">
      <formula>ISBLANK(P134)=TRUE</formula>
    </cfRule>
    <cfRule type="expression" dxfId="1773" priority="1772" stopIfTrue="1">
      <formula>INDIRECT("第１の３表②!"&amp;CELL("address",CI134))="×××"</formula>
    </cfRule>
    <cfRule type="expression" dxfId="1772" priority="1773" stopIfTrue="1">
      <formula>INDIRECT("第１の３表②!"&amp;CELL("address",CI134))="××"</formula>
    </cfRule>
    <cfRule type="expression" dxfId="1771" priority="1774" stopIfTrue="1">
      <formula>INDIRECT("第１の３表②!"&amp;CELL("address",CI134))="×"</formula>
    </cfRule>
    <cfRule type="expression" dxfId="1770" priority="1775" stopIfTrue="1">
      <formula>ISBLANK(P134)=FALSE</formula>
    </cfRule>
  </conditionalFormatting>
  <conditionalFormatting sqref="S134:T135">
    <cfRule type="expression" dxfId="1769" priority="1766" stopIfTrue="1">
      <formula>ISBLANK(S134)=TRUE</formula>
    </cfRule>
    <cfRule type="expression" dxfId="1768" priority="1767" stopIfTrue="1">
      <formula>INDIRECT("第１の３表②!"&amp;CELL("address",CL134))="×××"</formula>
    </cfRule>
    <cfRule type="expression" dxfId="1767" priority="1768" stopIfTrue="1">
      <formula>INDIRECT("第１の３表②!"&amp;CELL("address",CL134))="××"</formula>
    </cfRule>
    <cfRule type="expression" dxfId="1766" priority="1769" stopIfTrue="1">
      <formula>INDIRECT("第１の３表②!"&amp;CELL("address",CL134))="×"</formula>
    </cfRule>
    <cfRule type="expression" dxfId="1765" priority="1770" stopIfTrue="1">
      <formula>ISBLANK(S134)=FALSE</formula>
    </cfRule>
  </conditionalFormatting>
  <conditionalFormatting sqref="V134:W135">
    <cfRule type="expression" dxfId="1764" priority="1761" stopIfTrue="1">
      <formula>ISBLANK(V134)=TRUE</formula>
    </cfRule>
    <cfRule type="expression" dxfId="1763" priority="1762" stopIfTrue="1">
      <formula>INDIRECT("第１の３表②!"&amp;CELL("address",CO134))="×××"</formula>
    </cfRule>
    <cfRule type="expression" dxfId="1762" priority="1763" stopIfTrue="1">
      <formula>INDIRECT("第１の３表②!"&amp;CELL("address",CO134))="××"</formula>
    </cfRule>
    <cfRule type="expression" dxfId="1761" priority="1764" stopIfTrue="1">
      <formula>INDIRECT("第１の３表②!"&amp;CELL("address",CO134))="×"</formula>
    </cfRule>
    <cfRule type="expression" dxfId="1760" priority="1765" stopIfTrue="1">
      <formula>ISBLANK(V134)=FALSE</formula>
    </cfRule>
  </conditionalFormatting>
  <conditionalFormatting sqref="Y134:Z135">
    <cfRule type="expression" dxfId="1759" priority="1756" stopIfTrue="1">
      <formula>ISBLANK(Y134)=TRUE</formula>
    </cfRule>
    <cfRule type="expression" dxfId="1758" priority="1757" stopIfTrue="1">
      <formula>INDIRECT("第１の３表②!"&amp;CELL("address",CR134))="×××"</formula>
    </cfRule>
    <cfRule type="expression" dxfId="1757" priority="1758" stopIfTrue="1">
      <formula>INDIRECT("第１の３表②!"&amp;CELL("address",CR134))="××"</formula>
    </cfRule>
    <cfRule type="expression" dxfId="1756" priority="1759" stopIfTrue="1">
      <formula>INDIRECT("第１の３表②!"&amp;CELL("address",CR134))="×"</formula>
    </cfRule>
    <cfRule type="expression" dxfId="1755" priority="1760" stopIfTrue="1">
      <formula>ISBLANK(Y134)=FALSE</formula>
    </cfRule>
  </conditionalFormatting>
  <conditionalFormatting sqref="AB134:AC135">
    <cfRule type="expression" dxfId="1754" priority="1751" stopIfTrue="1">
      <formula>ISBLANK(AB134)=TRUE</formula>
    </cfRule>
    <cfRule type="expression" dxfId="1753" priority="1752" stopIfTrue="1">
      <formula>INDIRECT("第１の３表②!"&amp;CELL("address",CU134))="×××"</formula>
    </cfRule>
    <cfRule type="expression" dxfId="1752" priority="1753" stopIfTrue="1">
      <formula>INDIRECT("第１の３表②!"&amp;CELL("address",CU134))="××"</formula>
    </cfRule>
    <cfRule type="expression" dxfId="1751" priority="1754" stopIfTrue="1">
      <formula>INDIRECT("第１の３表②!"&amp;CELL("address",CU134))="×"</formula>
    </cfRule>
    <cfRule type="expression" dxfId="1750" priority="1755" stopIfTrue="1">
      <formula>ISBLANK(AB134)=FALSE</formula>
    </cfRule>
  </conditionalFormatting>
  <conditionalFormatting sqref="AE134:AF135">
    <cfRule type="expression" dxfId="1749" priority="1746" stopIfTrue="1">
      <formula>ISBLANK(AE134)=TRUE</formula>
    </cfRule>
    <cfRule type="expression" dxfId="1748" priority="1747" stopIfTrue="1">
      <formula>INDIRECT("第１の３表②!"&amp;CELL("address",CX134))="×××"</formula>
    </cfRule>
    <cfRule type="expression" dxfId="1747" priority="1748" stopIfTrue="1">
      <formula>INDIRECT("第１の３表②!"&amp;CELL("address",CX134))="××"</formula>
    </cfRule>
    <cfRule type="expression" dxfId="1746" priority="1749" stopIfTrue="1">
      <formula>INDIRECT("第１の３表②!"&amp;CELL("address",CX134))="×"</formula>
    </cfRule>
    <cfRule type="expression" dxfId="1745" priority="1750" stopIfTrue="1">
      <formula>ISBLANK(AE134)=FALSE</formula>
    </cfRule>
  </conditionalFormatting>
  <conditionalFormatting sqref="AH134:AI135">
    <cfRule type="expression" dxfId="1744" priority="1741" stopIfTrue="1">
      <formula>ISBLANK(AH134)=TRUE</formula>
    </cfRule>
    <cfRule type="expression" dxfId="1743" priority="1742" stopIfTrue="1">
      <formula>INDIRECT("第１の３表②!"&amp;CELL("address",DA134))="×××"</formula>
    </cfRule>
    <cfRule type="expression" dxfId="1742" priority="1743" stopIfTrue="1">
      <formula>INDIRECT("第１の３表②!"&amp;CELL("address",DA134))="××"</formula>
    </cfRule>
    <cfRule type="expression" dxfId="1741" priority="1744" stopIfTrue="1">
      <formula>INDIRECT("第１の３表②!"&amp;CELL("address",DA134))="×"</formula>
    </cfRule>
    <cfRule type="expression" dxfId="1740" priority="1745" stopIfTrue="1">
      <formula>ISBLANK(AH134)=FALSE</formula>
    </cfRule>
  </conditionalFormatting>
  <conditionalFormatting sqref="AK134:AL135">
    <cfRule type="expression" dxfId="1739" priority="1736" stopIfTrue="1">
      <formula>ISBLANK(AK134)=TRUE</formula>
    </cfRule>
    <cfRule type="expression" dxfId="1738" priority="1737" stopIfTrue="1">
      <formula>INDIRECT("第１の３表②!"&amp;CELL("address",DD134))="×××"</formula>
    </cfRule>
    <cfRule type="expression" dxfId="1737" priority="1738" stopIfTrue="1">
      <formula>INDIRECT("第１の３表②!"&amp;CELL("address",DD134))="××"</formula>
    </cfRule>
    <cfRule type="expression" dxfId="1736" priority="1739" stopIfTrue="1">
      <formula>INDIRECT("第１の３表②!"&amp;CELL("address",DD134))="×"</formula>
    </cfRule>
    <cfRule type="expression" dxfId="1735" priority="1740" stopIfTrue="1">
      <formula>ISBLANK(AK134)=FALSE</formula>
    </cfRule>
  </conditionalFormatting>
  <conditionalFormatting sqref="AN134:AO135">
    <cfRule type="expression" dxfId="1734" priority="1731" stopIfTrue="1">
      <formula>ISBLANK(AN134)=TRUE</formula>
    </cfRule>
    <cfRule type="expression" dxfId="1733" priority="1732" stopIfTrue="1">
      <formula>INDIRECT("第１の３表②!"&amp;CELL("address",DG134))="×××"</formula>
    </cfRule>
    <cfRule type="expression" dxfId="1732" priority="1733" stopIfTrue="1">
      <formula>INDIRECT("第１の３表②!"&amp;CELL("address",DG134))="××"</formula>
    </cfRule>
    <cfRule type="expression" dxfId="1731" priority="1734" stopIfTrue="1">
      <formula>INDIRECT("第１の３表②!"&amp;CELL("address",DG134))="×"</formula>
    </cfRule>
    <cfRule type="expression" dxfId="1730" priority="1735" stopIfTrue="1">
      <formula>ISBLANK(AN134)=FALSE</formula>
    </cfRule>
  </conditionalFormatting>
  <conditionalFormatting sqref="AQ134:AR135">
    <cfRule type="expression" dxfId="1729" priority="1726" stopIfTrue="1">
      <formula>ISBLANK(AQ134)=TRUE</formula>
    </cfRule>
    <cfRule type="expression" dxfId="1728" priority="1727" stopIfTrue="1">
      <formula>INDIRECT("第１の３表②!"&amp;CELL("address",DJ134))="×××"</formula>
    </cfRule>
    <cfRule type="expression" dxfId="1727" priority="1728" stopIfTrue="1">
      <formula>INDIRECT("第１の３表②!"&amp;CELL("address",DJ134))="××"</formula>
    </cfRule>
    <cfRule type="expression" dxfId="1726" priority="1729" stopIfTrue="1">
      <formula>INDIRECT("第１の３表②!"&amp;CELL("address",DJ134))="×"</formula>
    </cfRule>
    <cfRule type="expression" dxfId="1725" priority="1730" stopIfTrue="1">
      <formula>ISBLANK(AQ134)=FALSE</formula>
    </cfRule>
  </conditionalFormatting>
  <conditionalFormatting sqref="AT134:AU135">
    <cfRule type="expression" dxfId="1724" priority="1721" stopIfTrue="1">
      <formula>ISBLANK(AT134)=TRUE</formula>
    </cfRule>
    <cfRule type="expression" dxfId="1723" priority="1722" stopIfTrue="1">
      <formula>INDIRECT("第１の３表②!"&amp;CELL("address",DM134))="×××"</formula>
    </cfRule>
    <cfRule type="expression" dxfId="1722" priority="1723" stopIfTrue="1">
      <formula>INDIRECT("第１の３表②!"&amp;CELL("address",DM134))="××"</formula>
    </cfRule>
    <cfRule type="expression" dxfId="1721" priority="1724" stopIfTrue="1">
      <formula>INDIRECT("第１の３表②!"&amp;CELL("address",DM134))="×"</formula>
    </cfRule>
    <cfRule type="expression" dxfId="1720" priority="1725" stopIfTrue="1">
      <formula>ISBLANK(AT134)=FALSE</formula>
    </cfRule>
  </conditionalFormatting>
  <conditionalFormatting sqref="AW134:AX135">
    <cfRule type="expression" dxfId="1719" priority="1716" stopIfTrue="1">
      <formula>ISBLANK(AW134)=TRUE</formula>
    </cfRule>
    <cfRule type="expression" dxfId="1718" priority="1717" stopIfTrue="1">
      <formula>INDIRECT("第１の３表②!"&amp;CELL("address",DP134))="×××"</formula>
    </cfRule>
    <cfRule type="expression" dxfId="1717" priority="1718" stopIfTrue="1">
      <formula>INDIRECT("第１の３表②!"&amp;CELL("address",DP134))="××"</formula>
    </cfRule>
    <cfRule type="expression" dxfId="1716" priority="1719" stopIfTrue="1">
      <formula>INDIRECT("第１の３表②!"&amp;CELL("address",DP134))="×"</formula>
    </cfRule>
    <cfRule type="expression" dxfId="1715" priority="1720" stopIfTrue="1">
      <formula>ISBLANK(AW134)=FALSE</formula>
    </cfRule>
  </conditionalFormatting>
  <conditionalFormatting sqref="AZ134:BA135">
    <cfRule type="expression" dxfId="1714" priority="1711" stopIfTrue="1">
      <formula>ISBLANK(AZ134)=TRUE</formula>
    </cfRule>
    <cfRule type="expression" dxfId="1713" priority="1712" stopIfTrue="1">
      <formula>INDIRECT("第１の３表②!"&amp;CELL("address",DS134))="×××"</formula>
    </cfRule>
    <cfRule type="expression" dxfId="1712" priority="1713" stopIfTrue="1">
      <formula>INDIRECT("第１の３表②!"&amp;CELL("address",DS134))="××"</formula>
    </cfRule>
    <cfRule type="expression" dxfId="1711" priority="1714" stopIfTrue="1">
      <formula>INDIRECT("第１の３表②!"&amp;CELL("address",DS134))="×"</formula>
    </cfRule>
    <cfRule type="expression" dxfId="1710" priority="1715" stopIfTrue="1">
      <formula>ISBLANK(AZ134)=FALSE</formula>
    </cfRule>
  </conditionalFormatting>
  <conditionalFormatting sqref="BC134:BD135">
    <cfRule type="expression" dxfId="1709" priority="1706" stopIfTrue="1">
      <formula>ISBLANK(BC134)=TRUE</formula>
    </cfRule>
    <cfRule type="expression" dxfId="1708" priority="1707" stopIfTrue="1">
      <formula>INDIRECT("第１の３表②!"&amp;CELL("address",DV134))="×××"</formula>
    </cfRule>
    <cfRule type="expression" dxfId="1707" priority="1708" stopIfTrue="1">
      <formula>INDIRECT("第１の３表②!"&amp;CELL("address",DV134))="××"</formula>
    </cfRule>
    <cfRule type="expression" dxfId="1706" priority="1709" stopIfTrue="1">
      <formula>INDIRECT("第１の３表②!"&amp;CELL("address",DV134))="×"</formula>
    </cfRule>
    <cfRule type="expression" dxfId="1705" priority="1710" stopIfTrue="1">
      <formula>ISBLANK(BC134)=FALSE</formula>
    </cfRule>
  </conditionalFormatting>
  <conditionalFormatting sqref="BF134:BG135">
    <cfRule type="expression" dxfId="1704" priority="1701" stopIfTrue="1">
      <formula>ISBLANK(BF134)=TRUE</formula>
    </cfRule>
    <cfRule type="expression" dxfId="1703" priority="1702" stopIfTrue="1">
      <formula>INDIRECT("第１の３表②!"&amp;CELL("address",DY134))="×××"</formula>
    </cfRule>
    <cfRule type="expression" dxfId="1702" priority="1703" stopIfTrue="1">
      <formula>INDIRECT("第１の３表②!"&amp;CELL("address",DY134))="××"</formula>
    </cfRule>
    <cfRule type="expression" dxfId="1701" priority="1704" stopIfTrue="1">
      <formula>INDIRECT("第１の３表②!"&amp;CELL("address",DY134))="×"</formula>
    </cfRule>
    <cfRule type="expression" dxfId="1700" priority="1705" stopIfTrue="1">
      <formula>ISBLANK(BF134)=FALSE</formula>
    </cfRule>
  </conditionalFormatting>
  <conditionalFormatting sqref="BI134:BJ135">
    <cfRule type="expression" dxfId="1699" priority="1696" stopIfTrue="1">
      <formula>ISBLANK(BI134)=TRUE</formula>
    </cfRule>
    <cfRule type="expression" dxfId="1698" priority="1697" stopIfTrue="1">
      <formula>INDIRECT("第１の３表②!"&amp;CELL("address",EB134))="×××"</formula>
    </cfRule>
    <cfRule type="expression" dxfId="1697" priority="1698" stopIfTrue="1">
      <formula>INDIRECT("第１の３表②!"&amp;CELL("address",EB134))="××"</formula>
    </cfRule>
    <cfRule type="expression" dxfId="1696" priority="1699" stopIfTrue="1">
      <formula>INDIRECT("第１の３表②!"&amp;CELL("address",EB134))="×"</formula>
    </cfRule>
    <cfRule type="expression" dxfId="1695" priority="1700" stopIfTrue="1">
      <formula>ISBLANK(BI134)=FALSE</formula>
    </cfRule>
  </conditionalFormatting>
  <conditionalFormatting sqref="BL134:BM135">
    <cfRule type="expression" dxfId="1694" priority="1691" stopIfTrue="1">
      <formula>ISBLANK(BL134)=TRUE</formula>
    </cfRule>
    <cfRule type="expression" dxfId="1693" priority="1692" stopIfTrue="1">
      <formula>INDIRECT("第１の３表②!"&amp;CELL("address",EE134))="×××"</formula>
    </cfRule>
    <cfRule type="expression" dxfId="1692" priority="1693" stopIfTrue="1">
      <formula>INDIRECT("第１の３表②!"&amp;CELL("address",EE134))="××"</formula>
    </cfRule>
    <cfRule type="expression" dxfId="1691" priority="1694" stopIfTrue="1">
      <formula>INDIRECT("第１の３表②!"&amp;CELL("address",EE134))="×"</formula>
    </cfRule>
    <cfRule type="expression" dxfId="1690" priority="1695" stopIfTrue="1">
      <formula>ISBLANK(BL134)=FALSE</formula>
    </cfRule>
  </conditionalFormatting>
  <conditionalFormatting sqref="BO134:BP135">
    <cfRule type="expression" dxfId="1689" priority="1686" stopIfTrue="1">
      <formula>ISBLANK(BO134)=TRUE</formula>
    </cfRule>
    <cfRule type="expression" dxfId="1688" priority="1687" stopIfTrue="1">
      <formula>INDIRECT("第１の３表②!"&amp;CELL("address",EH134))="×××"</formula>
    </cfRule>
    <cfRule type="expression" dxfId="1687" priority="1688" stopIfTrue="1">
      <formula>INDIRECT("第１の３表②!"&amp;CELL("address",EH134))="××"</formula>
    </cfRule>
    <cfRule type="expression" dxfId="1686" priority="1689" stopIfTrue="1">
      <formula>INDIRECT("第１の３表②!"&amp;CELL("address",EH134))="×"</formula>
    </cfRule>
    <cfRule type="expression" dxfId="1685" priority="1690" stopIfTrue="1">
      <formula>ISBLANK(BO134)=FALSE</formula>
    </cfRule>
  </conditionalFormatting>
  <conditionalFormatting sqref="G140:H141">
    <cfRule type="expression" dxfId="1684" priority="1681" stopIfTrue="1">
      <formula>ISBLANK(G140)=TRUE</formula>
    </cfRule>
    <cfRule type="expression" dxfId="1683" priority="1682" stopIfTrue="1">
      <formula>INDIRECT("第１の３表②!"&amp;CELL("address",BZ140))="×××"</formula>
    </cfRule>
    <cfRule type="expression" dxfId="1682" priority="1683" stopIfTrue="1">
      <formula>INDIRECT("第１の３表②!"&amp;CELL("address",BZ140))="××"</formula>
    </cfRule>
    <cfRule type="expression" dxfId="1681" priority="1684" stopIfTrue="1">
      <formula>INDIRECT("第１の３表②!"&amp;CELL("address",BZ140))="×"</formula>
    </cfRule>
    <cfRule type="expression" dxfId="1680" priority="1685" stopIfTrue="1">
      <formula>ISBLANK(G140)=FALSE</formula>
    </cfRule>
  </conditionalFormatting>
  <conditionalFormatting sqref="J140:K141">
    <cfRule type="expression" dxfId="1679" priority="1676" stopIfTrue="1">
      <formula>ISBLANK(J140)=TRUE</formula>
    </cfRule>
    <cfRule type="expression" dxfId="1678" priority="1677" stopIfTrue="1">
      <formula>INDIRECT("第１の３表②!"&amp;CELL("address",CC140))="×××"</formula>
    </cfRule>
    <cfRule type="expression" dxfId="1677" priority="1678" stopIfTrue="1">
      <formula>INDIRECT("第１の３表②!"&amp;CELL("address",CC140))="××"</formula>
    </cfRule>
    <cfRule type="expression" dxfId="1676" priority="1679" stopIfTrue="1">
      <formula>INDIRECT("第１の３表②!"&amp;CELL("address",CC140))="×"</formula>
    </cfRule>
    <cfRule type="expression" dxfId="1675" priority="1680" stopIfTrue="1">
      <formula>ISBLANK(J140)=FALSE</formula>
    </cfRule>
  </conditionalFormatting>
  <conditionalFormatting sqref="M140:N141">
    <cfRule type="expression" dxfId="1674" priority="1671" stopIfTrue="1">
      <formula>ISBLANK(M140)=TRUE</formula>
    </cfRule>
    <cfRule type="expression" dxfId="1673" priority="1672" stopIfTrue="1">
      <formula>INDIRECT("第１の３表②!"&amp;CELL("address",CF140))="×××"</formula>
    </cfRule>
    <cfRule type="expression" dxfId="1672" priority="1673" stopIfTrue="1">
      <formula>INDIRECT("第１の３表②!"&amp;CELL("address",CF140))="××"</formula>
    </cfRule>
    <cfRule type="expression" dxfId="1671" priority="1674" stopIfTrue="1">
      <formula>INDIRECT("第１の３表②!"&amp;CELL("address",CF140))="×"</formula>
    </cfRule>
    <cfRule type="expression" dxfId="1670" priority="1675" stopIfTrue="1">
      <formula>ISBLANK(M140)=FALSE</formula>
    </cfRule>
  </conditionalFormatting>
  <conditionalFormatting sqref="P140:Q141">
    <cfRule type="expression" dxfId="1669" priority="1666" stopIfTrue="1">
      <formula>ISBLANK(P140)=TRUE</formula>
    </cfRule>
    <cfRule type="expression" dxfId="1668" priority="1667" stopIfTrue="1">
      <formula>INDIRECT("第１の３表②!"&amp;CELL("address",CI140))="×××"</formula>
    </cfRule>
    <cfRule type="expression" dxfId="1667" priority="1668" stopIfTrue="1">
      <formula>INDIRECT("第１の３表②!"&amp;CELL("address",CI140))="××"</formula>
    </cfRule>
    <cfRule type="expression" dxfId="1666" priority="1669" stopIfTrue="1">
      <formula>INDIRECT("第１の３表②!"&amp;CELL("address",CI140))="×"</formula>
    </cfRule>
    <cfRule type="expression" dxfId="1665" priority="1670" stopIfTrue="1">
      <formula>ISBLANK(P140)=FALSE</formula>
    </cfRule>
  </conditionalFormatting>
  <conditionalFormatting sqref="S140:T141">
    <cfRule type="expression" dxfId="1664" priority="1661" stopIfTrue="1">
      <formula>ISBLANK(S140)=TRUE</formula>
    </cfRule>
    <cfRule type="expression" dxfId="1663" priority="1662" stopIfTrue="1">
      <formula>INDIRECT("第１の３表②!"&amp;CELL("address",CL140))="×××"</formula>
    </cfRule>
    <cfRule type="expression" dxfId="1662" priority="1663" stopIfTrue="1">
      <formula>INDIRECT("第１の３表②!"&amp;CELL("address",CL140))="××"</formula>
    </cfRule>
    <cfRule type="expression" dxfId="1661" priority="1664" stopIfTrue="1">
      <formula>INDIRECT("第１の３表②!"&amp;CELL("address",CL140))="×"</formula>
    </cfRule>
    <cfRule type="expression" dxfId="1660" priority="1665" stopIfTrue="1">
      <formula>ISBLANK(S140)=FALSE</formula>
    </cfRule>
  </conditionalFormatting>
  <conditionalFormatting sqref="V140:W141">
    <cfRule type="expression" dxfId="1659" priority="1656" stopIfTrue="1">
      <formula>ISBLANK(V140)=TRUE</formula>
    </cfRule>
    <cfRule type="expression" dxfId="1658" priority="1657" stopIfTrue="1">
      <formula>INDIRECT("第１の３表②!"&amp;CELL("address",CO140))="×××"</formula>
    </cfRule>
    <cfRule type="expression" dxfId="1657" priority="1658" stopIfTrue="1">
      <formula>INDIRECT("第１の３表②!"&amp;CELL("address",CO140))="××"</formula>
    </cfRule>
    <cfRule type="expression" dxfId="1656" priority="1659" stopIfTrue="1">
      <formula>INDIRECT("第１の３表②!"&amp;CELL("address",CO140))="×"</formula>
    </cfRule>
    <cfRule type="expression" dxfId="1655" priority="1660" stopIfTrue="1">
      <formula>ISBLANK(V140)=FALSE</formula>
    </cfRule>
  </conditionalFormatting>
  <conditionalFormatting sqref="Y140:Z141">
    <cfRule type="expression" dxfId="1654" priority="1651" stopIfTrue="1">
      <formula>ISBLANK(Y140)=TRUE</formula>
    </cfRule>
    <cfRule type="expression" dxfId="1653" priority="1652" stopIfTrue="1">
      <formula>INDIRECT("第１の３表②!"&amp;CELL("address",CR140))="×××"</formula>
    </cfRule>
    <cfRule type="expression" dxfId="1652" priority="1653" stopIfTrue="1">
      <formula>INDIRECT("第１の３表②!"&amp;CELL("address",CR140))="××"</formula>
    </cfRule>
    <cfRule type="expression" dxfId="1651" priority="1654" stopIfTrue="1">
      <formula>INDIRECT("第１の３表②!"&amp;CELL("address",CR140))="×"</formula>
    </cfRule>
    <cfRule type="expression" dxfId="1650" priority="1655" stopIfTrue="1">
      <formula>ISBLANK(Y140)=FALSE</formula>
    </cfRule>
  </conditionalFormatting>
  <conditionalFormatting sqref="AB140:AC141">
    <cfRule type="expression" dxfId="1649" priority="1646" stopIfTrue="1">
      <formula>ISBLANK(AB140)=TRUE</formula>
    </cfRule>
    <cfRule type="expression" dxfId="1648" priority="1647" stopIfTrue="1">
      <formula>INDIRECT("第１の３表②!"&amp;CELL("address",CU140))="×××"</formula>
    </cfRule>
    <cfRule type="expression" dxfId="1647" priority="1648" stopIfTrue="1">
      <formula>INDIRECT("第１の３表②!"&amp;CELL("address",CU140))="××"</formula>
    </cfRule>
    <cfRule type="expression" dxfId="1646" priority="1649" stopIfTrue="1">
      <formula>INDIRECT("第１の３表②!"&amp;CELL("address",CU140))="×"</formula>
    </cfRule>
    <cfRule type="expression" dxfId="1645" priority="1650" stopIfTrue="1">
      <formula>ISBLANK(AB140)=FALSE</formula>
    </cfRule>
  </conditionalFormatting>
  <conditionalFormatting sqref="AE140:AF141">
    <cfRule type="expression" dxfId="1644" priority="1641" stopIfTrue="1">
      <formula>ISBLANK(AE140)=TRUE</formula>
    </cfRule>
    <cfRule type="expression" dxfId="1643" priority="1642" stopIfTrue="1">
      <formula>INDIRECT("第１の３表②!"&amp;CELL("address",CX140))="×××"</formula>
    </cfRule>
    <cfRule type="expression" dxfId="1642" priority="1643" stopIfTrue="1">
      <formula>INDIRECT("第１の３表②!"&amp;CELL("address",CX140))="××"</formula>
    </cfRule>
    <cfRule type="expression" dxfId="1641" priority="1644" stopIfTrue="1">
      <formula>INDIRECT("第１の３表②!"&amp;CELL("address",CX140))="×"</formula>
    </cfRule>
    <cfRule type="expression" dxfId="1640" priority="1645" stopIfTrue="1">
      <formula>ISBLANK(AE140)=FALSE</formula>
    </cfRule>
  </conditionalFormatting>
  <conditionalFormatting sqref="AH140:AI141">
    <cfRule type="expression" dxfId="1639" priority="1636" stopIfTrue="1">
      <formula>ISBLANK(AH140)=TRUE</formula>
    </cfRule>
    <cfRule type="expression" dxfId="1638" priority="1637" stopIfTrue="1">
      <formula>INDIRECT("第１の３表②!"&amp;CELL("address",DA140))="×××"</formula>
    </cfRule>
    <cfRule type="expression" dxfId="1637" priority="1638" stopIfTrue="1">
      <formula>INDIRECT("第１の３表②!"&amp;CELL("address",DA140))="××"</formula>
    </cfRule>
    <cfRule type="expression" dxfId="1636" priority="1639" stopIfTrue="1">
      <formula>INDIRECT("第１の３表②!"&amp;CELL("address",DA140))="×"</formula>
    </cfRule>
    <cfRule type="expression" dxfId="1635" priority="1640" stopIfTrue="1">
      <formula>ISBLANK(AH140)=FALSE</formula>
    </cfRule>
  </conditionalFormatting>
  <conditionalFormatting sqref="AK140:AL141">
    <cfRule type="expression" dxfId="1634" priority="1631" stopIfTrue="1">
      <formula>ISBLANK(AK140)=TRUE</formula>
    </cfRule>
    <cfRule type="expression" dxfId="1633" priority="1632" stopIfTrue="1">
      <formula>INDIRECT("第１の３表②!"&amp;CELL("address",DD140))="×××"</formula>
    </cfRule>
    <cfRule type="expression" dxfId="1632" priority="1633" stopIfTrue="1">
      <formula>INDIRECT("第１の３表②!"&amp;CELL("address",DD140))="××"</formula>
    </cfRule>
    <cfRule type="expression" dxfId="1631" priority="1634" stopIfTrue="1">
      <formula>INDIRECT("第１の３表②!"&amp;CELL("address",DD140))="×"</formula>
    </cfRule>
    <cfRule type="expression" dxfId="1630" priority="1635" stopIfTrue="1">
      <formula>ISBLANK(AK140)=FALSE</formula>
    </cfRule>
  </conditionalFormatting>
  <conditionalFormatting sqref="AN140:AO141">
    <cfRule type="expression" dxfId="1629" priority="1626" stopIfTrue="1">
      <formula>ISBLANK(AN140)=TRUE</formula>
    </cfRule>
    <cfRule type="expression" dxfId="1628" priority="1627" stopIfTrue="1">
      <formula>INDIRECT("第１の３表②!"&amp;CELL("address",DG140))="×××"</formula>
    </cfRule>
    <cfRule type="expression" dxfId="1627" priority="1628" stopIfTrue="1">
      <formula>INDIRECT("第１の３表②!"&amp;CELL("address",DG140))="××"</formula>
    </cfRule>
    <cfRule type="expression" dxfId="1626" priority="1629" stopIfTrue="1">
      <formula>INDIRECT("第１の３表②!"&amp;CELL("address",DG140))="×"</formula>
    </cfRule>
    <cfRule type="expression" dxfId="1625" priority="1630" stopIfTrue="1">
      <formula>ISBLANK(AN140)=FALSE</formula>
    </cfRule>
  </conditionalFormatting>
  <conditionalFormatting sqref="AQ140:AR141">
    <cfRule type="expression" dxfId="1624" priority="1621" stopIfTrue="1">
      <formula>ISBLANK(AQ140)=TRUE</formula>
    </cfRule>
    <cfRule type="expression" dxfId="1623" priority="1622" stopIfTrue="1">
      <formula>INDIRECT("第１の３表②!"&amp;CELL("address",DJ140))="×××"</formula>
    </cfRule>
    <cfRule type="expression" dxfId="1622" priority="1623" stopIfTrue="1">
      <formula>INDIRECT("第１の３表②!"&amp;CELL("address",DJ140))="××"</formula>
    </cfRule>
    <cfRule type="expression" dxfId="1621" priority="1624" stopIfTrue="1">
      <formula>INDIRECT("第１の３表②!"&amp;CELL("address",DJ140))="×"</formula>
    </cfRule>
    <cfRule type="expression" dxfId="1620" priority="1625" stopIfTrue="1">
      <formula>ISBLANK(AQ140)=FALSE</formula>
    </cfRule>
  </conditionalFormatting>
  <conditionalFormatting sqref="AT140:AU141">
    <cfRule type="expression" dxfId="1619" priority="1616" stopIfTrue="1">
      <formula>ISBLANK(AT140)=TRUE</formula>
    </cfRule>
    <cfRule type="expression" dxfId="1618" priority="1617" stopIfTrue="1">
      <formula>INDIRECT("第１の３表②!"&amp;CELL("address",DM140))="×××"</formula>
    </cfRule>
    <cfRule type="expression" dxfId="1617" priority="1618" stopIfTrue="1">
      <formula>INDIRECT("第１の３表②!"&amp;CELL("address",DM140))="××"</formula>
    </cfRule>
    <cfRule type="expression" dxfId="1616" priority="1619" stopIfTrue="1">
      <formula>INDIRECT("第１の３表②!"&amp;CELL("address",DM140))="×"</formula>
    </cfRule>
    <cfRule type="expression" dxfId="1615" priority="1620" stopIfTrue="1">
      <formula>ISBLANK(AT140)=FALSE</formula>
    </cfRule>
  </conditionalFormatting>
  <conditionalFormatting sqref="AW140:AX141">
    <cfRule type="expression" dxfId="1614" priority="1611" stopIfTrue="1">
      <formula>ISBLANK(AW140)=TRUE</formula>
    </cfRule>
    <cfRule type="expression" dxfId="1613" priority="1612" stopIfTrue="1">
      <formula>INDIRECT("第１の３表②!"&amp;CELL("address",DP140))="×××"</formula>
    </cfRule>
    <cfRule type="expression" dxfId="1612" priority="1613" stopIfTrue="1">
      <formula>INDIRECT("第１の３表②!"&amp;CELL("address",DP140))="××"</formula>
    </cfRule>
    <cfRule type="expression" dxfId="1611" priority="1614" stopIfTrue="1">
      <formula>INDIRECT("第１の３表②!"&amp;CELL("address",DP140))="×"</formula>
    </cfRule>
    <cfRule type="expression" dxfId="1610" priority="1615" stopIfTrue="1">
      <formula>ISBLANK(AW140)=FALSE</formula>
    </cfRule>
  </conditionalFormatting>
  <conditionalFormatting sqref="AZ140:BA141">
    <cfRule type="expression" dxfId="1609" priority="1606" stopIfTrue="1">
      <formula>ISBLANK(AZ140)=TRUE</formula>
    </cfRule>
    <cfRule type="expression" dxfId="1608" priority="1607" stopIfTrue="1">
      <formula>INDIRECT("第１の３表②!"&amp;CELL("address",DS140))="×××"</formula>
    </cfRule>
    <cfRule type="expression" dxfId="1607" priority="1608" stopIfTrue="1">
      <formula>INDIRECT("第１の３表②!"&amp;CELL("address",DS140))="××"</formula>
    </cfRule>
    <cfRule type="expression" dxfId="1606" priority="1609" stopIfTrue="1">
      <formula>INDIRECT("第１の３表②!"&amp;CELL("address",DS140))="×"</formula>
    </cfRule>
    <cfRule type="expression" dxfId="1605" priority="1610" stopIfTrue="1">
      <formula>ISBLANK(AZ140)=FALSE</formula>
    </cfRule>
  </conditionalFormatting>
  <conditionalFormatting sqref="BC140:BD141">
    <cfRule type="expression" dxfId="1604" priority="1601" stopIfTrue="1">
      <formula>ISBLANK(BC140)=TRUE</formula>
    </cfRule>
    <cfRule type="expression" dxfId="1603" priority="1602" stopIfTrue="1">
      <formula>INDIRECT("第１の３表②!"&amp;CELL("address",DV140))="×××"</formula>
    </cfRule>
    <cfRule type="expression" dxfId="1602" priority="1603" stopIfTrue="1">
      <formula>INDIRECT("第１の３表②!"&amp;CELL("address",DV140))="××"</formula>
    </cfRule>
    <cfRule type="expression" dxfId="1601" priority="1604" stopIfTrue="1">
      <formula>INDIRECT("第１の３表②!"&amp;CELL("address",DV140))="×"</formula>
    </cfRule>
    <cfRule type="expression" dxfId="1600" priority="1605" stopIfTrue="1">
      <formula>ISBLANK(BC140)=FALSE</formula>
    </cfRule>
  </conditionalFormatting>
  <conditionalFormatting sqref="BF140:BG141">
    <cfRule type="expression" dxfId="1599" priority="1596" stopIfTrue="1">
      <formula>ISBLANK(BF140)=TRUE</formula>
    </cfRule>
    <cfRule type="expression" dxfId="1598" priority="1597" stopIfTrue="1">
      <formula>INDIRECT("第１の３表②!"&amp;CELL("address",DY140))="×××"</formula>
    </cfRule>
    <cfRule type="expression" dxfId="1597" priority="1598" stopIfTrue="1">
      <formula>INDIRECT("第１の３表②!"&amp;CELL("address",DY140))="××"</formula>
    </cfRule>
    <cfRule type="expression" dxfId="1596" priority="1599" stopIfTrue="1">
      <formula>INDIRECT("第１の３表②!"&amp;CELL("address",DY140))="×"</formula>
    </cfRule>
    <cfRule type="expression" dxfId="1595" priority="1600" stopIfTrue="1">
      <formula>ISBLANK(BF140)=FALSE</formula>
    </cfRule>
  </conditionalFormatting>
  <conditionalFormatting sqref="BI140:BJ141">
    <cfRule type="expression" dxfId="1594" priority="1591" stopIfTrue="1">
      <formula>ISBLANK(BI140)=TRUE</formula>
    </cfRule>
    <cfRule type="expression" dxfId="1593" priority="1592" stopIfTrue="1">
      <formula>INDIRECT("第１の３表②!"&amp;CELL("address",EB140))="×××"</formula>
    </cfRule>
    <cfRule type="expression" dxfId="1592" priority="1593" stopIfTrue="1">
      <formula>INDIRECT("第１の３表②!"&amp;CELL("address",EB140))="××"</formula>
    </cfRule>
    <cfRule type="expression" dxfId="1591" priority="1594" stopIfTrue="1">
      <formula>INDIRECT("第１の３表②!"&amp;CELL("address",EB140))="×"</formula>
    </cfRule>
    <cfRule type="expression" dxfId="1590" priority="1595" stopIfTrue="1">
      <formula>ISBLANK(BI140)=FALSE</formula>
    </cfRule>
  </conditionalFormatting>
  <conditionalFormatting sqref="BL140:BM141">
    <cfRule type="expression" dxfId="1589" priority="1586" stopIfTrue="1">
      <formula>ISBLANK(BL140)=TRUE</formula>
    </cfRule>
    <cfRule type="expression" dxfId="1588" priority="1587" stopIfTrue="1">
      <formula>INDIRECT("第１の３表②!"&amp;CELL("address",EE140))="×××"</formula>
    </cfRule>
    <cfRule type="expression" dxfId="1587" priority="1588" stopIfTrue="1">
      <formula>INDIRECT("第１の３表②!"&amp;CELL("address",EE140))="××"</formula>
    </cfRule>
    <cfRule type="expression" dxfId="1586" priority="1589" stopIfTrue="1">
      <formula>INDIRECT("第１の３表②!"&amp;CELL("address",EE140))="×"</formula>
    </cfRule>
    <cfRule type="expression" dxfId="1585" priority="1590" stopIfTrue="1">
      <formula>ISBLANK(BL140)=FALSE</formula>
    </cfRule>
  </conditionalFormatting>
  <conditionalFormatting sqref="BO140:BP141">
    <cfRule type="expression" dxfId="1584" priority="1581" stopIfTrue="1">
      <formula>ISBLANK(BO140)=TRUE</formula>
    </cfRule>
    <cfRule type="expression" dxfId="1583" priority="1582" stopIfTrue="1">
      <formula>INDIRECT("第１の３表②!"&amp;CELL("address",EH140))="×××"</formula>
    </cfRule>
    <cfRule type="expression" dxfId="1582" priority="1583" stopIfTrue="1">
      <formula>INDIRECT("第１の３表②!"&amp;CELL("address",EH140))="××"</formula>
    </cfRule>
    <cfRule type="expression" dxfId="1581" priority="1584" stopIfTrue="1">
      <formula>INDIRECT("第１の３表②!"&amp;CELL("address",EH140))="×"</formula>
    </cfRule>
    <cfRule type="expression" dxfId="1580" priority="1585" stopIfTrue="1">
      <formula>ISBLANK(BO140)=FALSE</formula>
    </cfRule>
  </conditionalFormatting>
  <conditionalFormatting sqref="G146:H147">
    <cfRule type="expression" dxfId="1579" priority="1576" stopIfTrue="1">
      <formula>ISBLANK(G146)=TRUE</formula>
    </cfRule>
    <cfRule type="expression" dxfId="1578" priority="1577" stopIfTrue="1">
      <formula>INDIRECT("第１の３表②!"&amp;CELL("address",BZ146))="×××"</formula>
    </cfRule>
    <cfRule type="expression" dxfId="1577" priority="1578" stopIfTrue="1">
      <formula>INDIRECT("第１の３表②!"&amp;CELL("address",BZ146))="××"</formula>
    </cfRule>
    <cfRule type="expression" dxfId="1576" priority="1579" stopIfTrue="1">
      <formula>INDIRECT("第１の３表②!"&amp;CELL("address",BZ146))="×"</formula>
    </cfRule>
    <cfRule type="expression" dxfId="1575" priority="1580" stopIfTrue="1">
      <formula>ISBLANK(G146)=FALSE</formula>
    </cfRule>
  </conditionalFormatting>
  <conditionalFormatting sqref="J146:K147">
    <cfRule type="expression" dxfId="1574" priority="1571" stopIfTrue="1">
      <formula>ISBLANK(J146)=TRUE</formula>
    </cfRule>
    <cfRule type="expression" dxfId="1573" priority="1572" stopIfTrue="1">
      <formula>INDIRECT("第１の３表②!"&amp;CELL("address",CC146))="×××"</formula>
    </cfRule>
    <cfRule type="expression" dxfId="1572" priority="1573" stopIfTrue="1">
      <formula>INDIRECT("第１の３表②!"&amp;CELL("address",CC146))="××"</formula>
    </cfRule>
    <cfRule type="expression" dxfId="1571" priority="1574" stopIfTrue="1">
      <formula>INDIRECT("第１の３表②!"&amp;CELL("address",CC146))="×"</formula>
    </cfRule>
    <cfRule type="expression" dxfId="1570" priority="1575" stopIfTrue="1">
      <formula>ISBLANK(J146)=FALSE</formula>
    </cfRule>
  </conditionalFormatting>
  <conditionalFormatting sqref="M146:N147">
    <cfRule type="expression" dxfId="1569" priority="1566" stopIfTrue="1">
      <formula>ISBLANK(M146)=TRUE</formula>
    </cfRule>
    <cfRule type="expression" dxfId="1568" priority="1567" stopIfTrue="1">
      <formula>INDIRECT("第１の３表②!"&amp;CELL("address",CF146))="×××"</formula>
    </cfRule>
    <cfRule type="expression" dxfId="1567" priority="1568" stopIfTrue="1">
      <formula>INDIRECT("第１の３表②!"&amp;CELL("address",CF146))="××"</formula>
    </cfRule>
    <cfRule type="expression" dxfId="1566" priority="1569" stopIfTrue="1">
      <formula>INDIRECT("第１の３表②!"&amp;CELL("address",CF146))="×"</formula>
    </cfRule>
    <cfRule type="expression" dxfId="1565" priority="1570" stopIfTrue="1">
      <formula>ISBLANK(M146)=FALSE</formula>
    </cfRule>
  </conditionalFormatting>
  <conditionalFormatting sqref="P146:Q147">
    <cfRule type="expression" dxfId="1564" priority="1561" stopIfTrue="1">
      <formula>ISBLANK(P146)=TRUE</formula>
    </cfRule>
    <cfRule type="expression" dxfId="1563" priority="1562" stopIfTrue="1">
      <formula>INDIRECT("第１の３表②!"&amp;CELL("address",CI146))="×××"</formula>
    </cfRule>
    <cfRule type="expression" dxfId="1562" priority="1563" stopIfTrue="1">
      <formula>INDIRECT("第１の３表②!"&amp;CELL("address",CI146))="××"</formula>
    </cfRule>
    <cfRule type="expression" dxfId="1561" priority="1564" stopIfTrue="1">
      <formula>INDIRECT("第１の３表②!"&amp;CELL("address",CI146))="×"</formula>
    </cfRule>
    <cfRule type="expression" dxfId="1560" priority="1565" stopIfTrue="1">
      <formula>ISBLANK(P146)=FALSE</formula>
    </cfRule>
  </conditionalFormatting>
  <conditionalFormatting sqref="S146:T147">
    <cfRule type="expression" dxfId="1559" priority="1556" stopIfTrue="1">
      <formula>ISBLANK(S146)=TRUE</formula>
    </cfRule>
    <cfRule type="expression" dxfId="1558" priority="1557" stopIfTrue="1">
      <formula>INDIRECT("第１の３表②!"&amp;CELL("address",CL146))="×××"</formula>
    </cfRule>
    <cfRule type="expression" dxfId="1557" priority="1558" stopIfTrue="1">
      <formula>INDIRECT("第１の３表②!"&amp;CELL("address",CL146))="××"</formula>
    </cfRule>
    <cfRule type="expression" dxfId="1556" priority="1559" stopIfTrue="1">
      <formula>INDIRECT("第１の３表②!"&amp;CELL("address",CL146))="×"</formula>
    </cfRule>
    <cfRule type="expression" dxfId="1555" priority="1560" stopIfTrue="1">
      <formula>ISBLANK(S146)=FALSE</formula>
    </cfRule>
  </conditionalFormatting>
  <conditionalFormatting sqref="V146:W147">
    <cfRule type="expression" dxfId="1554" priority="1551" stopIfTrue="1">
      <formula>ISBLANK(V146)=TRUE</formula>
    </cfRule>
    <cfRule type="expression" dxfId="1553" priority="1552" stopIfTrue="1">
      <formula>INDIRECT("第１の３表②!"&amp;CELL("address",CO146))="×××"</formula>
    </cfRule>
    <cfRule type="expression" dxfId="1552" priority="1553" stopIfTrue="1">
      <formula>INDIRECT("第１の３表②!"&amp;CELL("address",CO146))="××"</formula>
    </cfRule>
    <cfRule type="expression" dxfId="1551" priority="1554" stopIfTrue="1">
      <formula>INDIRECT("第１の３表②!"&amp;CELL("address",CO146))="×"</formula>
    </cfRule>
    <cfRule type="expression" dxfId="1550" priority="1555" stopIfTrue="1">
      <formula>ISBLANK(V146)=FALSE</formula>
    </cfRule>
  </conditionalFormatting>
  <conditionalFormatting sqref="Y146:Z147">
    <cfRule type="expression" dxfId="1549" priority="1546" stopIfTrue="1">
      <formula>ISBLANK(Y146)=TRUE</formula>
    </cfRule>
    <cfRule type="expression" dxfId="1548" priority="1547" stopIfTrue="1">
      <formula>INDIRECT("第１の３表②!"&amp;CELL("address",CR146))="×××"</formula>
    </cfRule>
    <cfRule type="expression" dxfId="1547" priority="1548" stopIfTrue="1">
      <formula>INDIRECT("第１の３表②!"&amp;CELL("address",CR146))="××"</formula>
    </cfRule>
    <cfRule type="expression" dxfId="1546" priority="1549" stopIfTrue="1">
      <formula>INDIRECT("第１の３表②!"&amp;CELL("address",CR146))="×"</formula>
    </cfRule>
    <cfRule type="expression" dxfId="1545" priority="1550" stopIfTrue="1">
      <formula>ISBLANK(Y146)=FALSE</formula>
    </cfRule>
  </conditionalFormatting>
  <conditionalFormatting sqref="AB146:AC147">
    <cfRule type="expression" dxfId="1544" priority="1541" stopIfTrue="1">
      <formula>ISBLANK(AB146)=TRUE</formula>
    </cfRule>
    <cfRule type="expression" dxfId="1543" priority="1542" stopIfTrue="1">
      <formula>INDIRECT("第１の３表②!"&amp;CELL("address",CU146))="×××"</formula>
    </cfRule>
    <cfRule type="expression" dxfId="1542" priority="1543" stopIfTrue="1">
      <formula>INDIRECT("第１の３表②!"&amp;CELL("address",CU146))="××"</formula>
    </cfRule>
    <cfRule type="expression" dxfId="1541" priority="1544" stopIfTrue="1">
      <formula>INDIRECT("第１の３表②!"&amp;CELL("address",CU146))="×"</formula>
    </cfRule>
    <cfRule type="expression" dxfId="1540" priority="1545" stopIfTrue="1">
      <formula>ISBLANK(AB146)=FALSE</formula>
    </cfRule>
  </conditionalFormatting>
  <conditionalFormatting sqref="AE146:AF147">
    <cfRule type="expression" dxfId="1539" priority="1536" stopIfTrue="1">
      <formula>ISBLANK(AE146)=TRUE</formula>
    </cfRule>
    <cfRule type="expression" dxfId="1538" priority="1537" stopIfTrue="1">
      <formula>INDIRECT("第１の３表②!"&amp;CELL("address",CX146))="×××"</formula>
    </cfRule>
    <cfRule type="expression" dxfId="1537" priority="1538" stopIfTrue="1">
      <formula>INDIRECT("第１の３表②!"&amp;CELL("address",CX146))="××"</formula>
    </cfRule>
    <cfRule type="expression" dxfId="1536" priority="1539" stopIfTrue="1">
      <formula>INDIRECT("第１の３表②!"&amp;CELL("address",CX146))="×"</formula>
    </cfRule>
    <cfRule type="expression" dxfId="1535" priority="1540" stopIfTrue="1">
      <formula>ISBLANK(AE146)=FALSE</formula>
    </cfRule>
  </conditionalFormatting>
  <conditionalFormatting sqref="AH146:AI147">
    <cfRule type="expression" dxfId="1534" priority="1531" stopIfTrue="1">
      <formula>ISBLANK(AH146)=TRUE</formula>
    </cfRule>
    <cfRule type="expression" dxfId="1533" priority="1532" stopIfTrue="1">
      <formula>INDIRECT("第１の３表②!"&amp;CELL("address",DA146))="×××"</formula>
    </cfRule>
    <cfRule type="expression" dxfId="1532" priority="1533" stopIfTrue="1">
      <formula>INDIRECT("第１の３表②!"&amp;CELL("address",DA146))="××"</formula>
    </cfRule>
    <cfRule type="expression" dxfId="1531" priority="1534" stopIfTrue="1">
      <formula>INDIRECT("第１の３表②!"&amp;CELL("address",DA146))="×"</formula>
    </cfRule>
    <cfRule type="expression" dxfId="1530" priority="1535" stopIfTrue="1">
      <formula>ISBLANK(AH146)=FALSE</formula>
    </cfRule>
  </conditionalFormatting>
  <conditionalFormatting sqref="AK146:AL147">
    <cfRule type="expression" dxfId="1529" priority="1526" stopIfTrue="1">
      <formula>ISBLANK(AK146)=TRUE</formula>
    </cfRule>
    <cfRule type="expression" dxfId="1528" priority="1527" stopIfTrue="1">
      <formula>INDIRECT("第１の３表②!"&amp;CELL("address",DD146))="×××"</formula>
    </cfRule>
    <cfRule type="expression" dxfId="1527" priority="1528" stopIfTrue="1">
      <formula>INDIRECT("第１の３表②!"&amp;CELL("address",DD146))="××"</formula>
    </cfRule>
    <cfRule type="expression" dxfId="1526" priority="1529" stopIfTrue="1">
      <formula>INDIRECT("第１の３表②!"&amp;CELL("address",DD146))="×"</formula>
    </cfRule>
    <cfRule type="expression" dxfId="1525" priority="1530" stopIfTrue="1">
      <formula>ISBLANK(AK146)=FALSE</formula>
    </cfRule>
  </conditionalFormatting>
  <conditionalFormatting sqref="AN146:AO147">
    <cfRule type="expression" dxfId="1524" priority="1521" stopIfTrue="1">
      <formula>ISBLANK(AN146)=TRUE</formula>
    </cfRule>
    <cfRule type="expression" dxfId="1523" priority="1522" stopIfTrue="1">
      <formula>INDIRECT("第１の３表②!"&amp;CELL("address",DG146))="×××"</formula>
    </cfRule>
    <cfRule type="expression" dxfId="1522" priority="1523" stopIfTrue="1">
      <formula>INDIRECT("第１の３表②!"&amp;CELL("address",DG146))="××"</formula>
    </cfRule>
    <cfRule type="expression" dxfId="1521" priority="1524" stopIfTrue="1">
      <formula>INDIRECT("第１の３表②!"&amp;CELL("address",DG146))="×"</formula>
    </cfRule>
    <cfRule type="expression" dxfId="1520" priority="1525" stopIfTrue="1">
      <formula>ISBLANK(AN146)=FALSE</formula>
    </cfRule>
  </conditionalFormatting>
  <conditionalFormatting sqref="AQ146:AR147">
    <cfRule type="expression" dxfId="1519" priority="1516" stopIfTrue="1">
      <formula>ISBLANK(AQ146)=TRUE</formula>
    </cfRule>
    <cfRule type="expression" dxfId="1518" priority="1517" stopIfTrue="1">
      <formula>INDIRECT("第１の３表②!"&amp;CELL("address",DJ146))="×××"</formula>
    </cfRule>
    <cfRule type="expression" dxfId="1517" priority="1518" stopIfTrue="1">
      <formula>INDIRECT("第１の３表②!"&amp;CELL("address",DJ146))="××"</formula>
    </cfRule>
    <cfRule type="expression" dxfId="1516" priority="1519" stopIfTrue="1">
      <formula>INDIRECT("第１の３表②!"&amp;CELL("address",DJ146))="×"</formula>
    </cfRule>
    <cfRule type="expression" dxfId="1515" priority="1520" stopIfTrue="1">
      <formula>ISBLANK(AQ146)=FALSE</formula>
    </cfRule>
  </conditionalFormatting>
  <conditionalFormatting sqref="AT146:AU147">
    <cfRule type="expression" dxfId="1514" priority="1511" stopIfTrue="1">
      <formula>ISBLANK(AT146)=TRUE</formula>
    </cfRule>
    <cfRule type="expression" dxfId="1513" priority="1512" stopIfTrue="1">
      <formula>INDIRECT("第１の３表②!"&amp;CELL("address",DM146))="×××"</formula>
    </cfRule>
    <cfRule type="expression" dxfId="1512" priority="1513" stopIfTrue="1">
      <formula>INDIRECT("第１の３表②!"&amp;CELL("address",DM146))="××"</formula>
    </cfRule>
    <cfRule type="expression" dxfId="1511" priority="1514" stopIfTrue="1">
      <formula>INDIRECT("第１の３表②!"&amp;CELL("address",DM146))="×"</formula>
    </cfRule>
    <cfRule type="expression" dxfId="1510" priority="1515" stopIfTrue="1">
      <formula>ISBLANK(AT146)=FALSE</formula>
    </cfRule>
  </conditionalFormatting>
  <conditionalFormatting sqref="AW146:AX147">
    <cfRule type="expression" dxfId="1509" priority="1506" stopIfTrue="1">
      <formula>ISBLANK(AW146)=TRUE</formula>
    </cfRule>
    <cfRule type="expression" dxfId="1508" priority="1507" stopIfTrue="1">
      <formula>INDIRECT("第１の３表②!"&amp;CELL("address",DP146))="×××"</formula>
    </cfRule>
    <cfRule type="expression" dxfId="1507" priority="1508" stopIfTrue="1">
      <formula>INDIRECT("第１の３表②!"&amp;CELL("address",DP146))="××"</formula>
    </cfRule>
    <cfRule type="expression" dxfId="1506" priority="1509" stopIfTrue="1">
      <formula>INDIRECT("第１の３表②!"&amp;CELL("address",DP146))="×"</formula>
    </cfRule>
    <cfRule type="expression" dxfId="1505" priority="1510" stopIfTrue="1">
      <formula>ISBLANK(AW146)=FALSE</formula>
    </cfRule>
  </conditionalFormatting>
  <conditionalFormatting sqref="AZ146:BA147">
    <cfRule type="expression" dxfId="1504" priority="1501" stopIfTrue="1">
      <formula>ISBLANK(AZ146)=TRUE</formula>
    </cfRule>
    <cfRule type="expression" dxfId="1503" priority="1502" stopIfTrue="1">
      <formula>INDIRECT("第１の３表②!"&amp;CELL("address",DS146))="×××"</formula>
    </cfRule>
    <cfRule type="expression" dxfId="1502" priority="1503" stopIfTrue="1">
      <formula>INDIRECT("第１の３表②!"&amp;CELL("address",DS146))="××"</formula>
    </cfRule>
    <cfRule type="expression" dxfId="1501" priority="1504" stopIfTrue="1">
      <formula>INDIRECT("第１の３表②!"&amp;CELL("address",DS146))="×"</formula>
    </cfRule>
    <cfRule type="expression" dxfId="1500" priority="1505" stopIfTrue="1">
      <formula>ISBLANK(AZ146)=FALSE</formula>
    </cfRule>
  </conditionalFormatting>
  <conditionalFormatting sqref="BC146:BD147">
    <cfRule type="expression" dxfId="1499" priority="1496" stopIfTrue="1">
      <formula>ISBLANK(BC146)=TRUE</formula>
    </cfRule>
    <cfRule type="expression" dxfId="1498" priority="1497" stopIfTrue="1">
      <formula>INDIRECT("第１の３表②!"&amp;CELL("address",DV146))="×××"</formula>
    </cfRule>
    <cfRule type="expression" dxfId="1497" priority="1498" stopIfTrue="1">
      <formula>INDIRECT("第１の３表②!"&amp;CELL("address",DV146))="××"</formula>
    </cfRule>
    <cfRule type="expression" dxfId="1496" priority="1499" stopIfTrue="1">
      <formula>INDIRECT("第１の３表②!"&amp;CELL("address",DV146))="×"</formula>
    </cfRule>
    <cfRule type="expression" dxfId="1495" priority="1500" stopIfTrue="1">
      <formula>ISBLANK(BC146)=FALSE</formula>
    </cfRule>
  </conditionalFormatting>
  <conditionalFormatting sqref="BF146:BG147">
    <cfRule type="expression" dxfId="1494" priority="1491" stopIfTrue="1">
      <formula>ISBLANK(BF146)=TRUE</formula>
    </cfRule>
    <cfRule type="expression" dxfId="1493" priority="1492" stopIfTrue="1">
      <formula>INDIRECT("第１の３表②!"&amp;CELL("address",DY146))="×××"</formula>
    </cfRule>
    <cfRule type="expression" dxfId="1492" priority="1493" stopIfTrue="1">
      <formula>INDIRECT("第１の３表②!"&amp;CELL("address",DY146))="××"</formula>
    </cfRule>
    <cfRule type="expression" dxfId="1491" priority="1494" stopIfTrue="1">
      <formula>INDIRECT("第１の３表②!"&amp;CELL("address",DY146))="×"</formula>
    </cfRule>
    <cfRule type="expression" dxfId="1490" priority="1495" stopIfTrue="1">
      <formula>ISBLANK(BF146)=FALSE</formula>
    </cfRule>
  </conditionalFormatting>
  <conditionalFormatting sqref="BI146:BJ147">
    <cfRule type="expression" dxfId="1489" priority="1486" stopIfTrue="1">
      <formula>ISBLANK(BI146)=TRUE</formula>
    </cfRule>
    <cfRule type="expression" dxfId="1488" priority="1487" stopIfTrue="1">
      <formula>INDIRECT("第１の３表②!"&amp;CELL("address",EB146))="×××"</formula>
    </cfRule>
    <cfRule type="expression" dxfId="1487" priority="1488" stopIfTrue="1">
      <formula>INDIRECT("第１の３表②!"&amp;CELL("address",EB146))="××"</formula>
    </cfRule>
    <cfRule type="expression" dxfId="1486" priority="1489" stopIfTrue="1">
      <formula>INDIRECT("第１の３表②!"&amp;CELL("address",EB146))="×"</formula>
    </cfRule>
    <cfRule type="expression" dxfId="1485" priority="1490" stopIfTrue="1">
      <formula>ISBLANK(BI146)=FALSE</formula>
    </cfRule>
  </conditionalFormatting>
  <conditionalFormatting sqref="BL146:BM147">
    <cfRule type="expression" dxfId="1484" priority="1481" stopIfTrue="1">
      <formula>ISBLANK(BL146)=TRUE</formula>
    </cfRule>
    <cfRule type="expression" dxfId="1483" priority="1482" stopIfTrue="1">
      <formula>INDIRECT("第１の３表②!"&amp;CELL("address",EE146))="×××"</formula>
    </cfRule>
    <cfRule type="expression" dxfId="1482" priority="1483" stopIfTrue="1">
      <formula>INDIRECT("第１の３表②!"&amp;CELL("address",EE146))="××"</formula>
    </cfRule>
    <cfRule type="expression" dxfId="1481" priority="1484" stopIfTrue="1">
      <formula>INDIRECT("第１の３表②!"&amp;CELL("address",EE146))="×"</formula>
    </cfRule>
    <cfRule type="expression" dxfId="1480" priority="1485" stopIfTrue="1">
      <formula>ISBLANK(BL146)=FALSE</formula>
    </cfRule>
  </conditionalFormatting>
  <conditionalFormatting sqref="BO146:BP147">
    <cfRule type="expression" dxfId="1479" priority="1476" stopIfTrue="1">
      <formula>ISBLANK(BO146)=TRUE</formula>
    </cfRule>
    <cfRule type="expression" dxfId="1478" priority="1477" stopIfTrue="1">
      <formula>INDIRECT("第１の３表②!"&amp;CELL("address",EH146))="×××"</formula>
    </cfRule>
    <cfRule type="expression" dxfId="1477" priority="1478" stopIfTrue="1">
      <formula>INDIRECT("第１の３表②!"&amp;CELL("address",EH146))="××"</formula>
    </cfRule>
    <cfRule type="expression" dxfId="1476" priority="1479" stopIfTrue="1">
      <formula>INDIRECT("第１の３表②!"&amp;CELL("address",EH146))="×"</formula>
    </cfRule>
    <cfRule type="expression" dxfId="1475" priority="1480" stopIfTrue="1">
      <formula>ISBLANK(BO146)=FALSE</formula>
    </cfRule>
  </conditionalFormatting>
  <conditionalFormatting sqref="G152:H153">
    <cfRule type="expression" dxfId="1474" priority="1471" stopIfTrue="1">
      <formula>ISBLANK(G152)=TRUE</formula>
    </cfRule>
    <cfRule type="expression" dxfId="1473" priority="1472" stopIfTrue="1">
      <formula>INDIRECT("第１の３表②!"&amp;CELL("address",BZ152))="×××"</formula>
    </cfRule>
    <cfRule type="expression" dxfId="1472" priority="1473" stopIfTrue="1">
      <formula>INDIRECT("第１の３表②!"&amp;CELL("address",BZ152))="××"</formula>
    </cfRule>
    <cfRule type="expression" dxfId="1471" priority="1474" stopIfTrue="1">
      <formula>INDIRECT("第１の３表②!"&amp;CELL("address",BZ152))="×"</formula>
    </cfRule>
    <cfRule type="expression" dxfId="1470" priority="1475" stopIfTrue="1">
      <formula>ISBLANK(G152)=FALSE</formula>
    </cfRule>
  </conditionalFormatting>
  <conditionalFormatting sqref="J152:K153">
    <cfRule type="expression" dxfId="1469" priority="1466" stopIfTrue="1">
      <formula>ISBLANK(J152)=TRUE</formula>
    </cfRule>
    <cfRule type="expression" dxfId="1468" priority="1467" stopIfTrue="1">
      <formula>INDIRECT("第１の３表②!"&amp;CELL("address",CC152))="×××"</formula>
    </cfRule>
    <cfRule type="expression" dxfId="1467" priority="1468" stopIfTrue="1">
      <formula>INDIRECT("第１の３表②!"&amp;CELL("address",CC152))="××"</formula>
    </cfRule>
    <cfRule type="expression" dxfId="1466" priority="1469" stopIfTrue="1">
      <formula>INDIRECT("第１の３表②!"&amp;CELL("address",CC152))="×"</formula>
    </cfRule>
    <cfRule type="expression" dxfId="1465" priority="1470" stopIfTrue="1">
      <formula>ISBLANK(J152)=FALSE</formula>
    </cfRule>
  </conditionalFormatting>
  <conditionalFormatting sqref="M152:N153">
    <cfRule type="expression" dxfId="1464" priority="1461" stopIfTrue="1">
      <formula>ISBLANK(M152)=TRUE</formula>
    </cfRule>
    <cfRule type="expression" dxfId="1463" priority="1462" stopIfTrue="1">
      <formula>INDIRECT("第１の３表②!"&amp;CELL("address",CF152))="×××"</formula>
    </cfRule>
    <cfRule type="expression" dxfId="1462" priority="1463" stopIfTrue="1">
      <formula>INDIRECT("第１の３表②!"&amp;CELL("address",CF152))="××"</formula>
    </cfRule>
    <cfRule type="expression" dxfId="1461" priority="1464" stopIfTrue="1">
      <formula>INDIRECT("第１の３表②!"&amp;CELL("address",CF152))="×"</formula>
    </cfRule>
    <cfRule type="expression" dxfId="1460" priority="1465" stopIfTrue="1">
      <formula>ISBLANK(M152)=FALSE</formula>
    </cfRule>
  </conditionalFormatting>
  <conditionalFormatting sqref="P152:Q153">
    <cfRule type="expression" dxfId="1459" priority="1456" stopIfTrue="1">
      <formula>ISBLANK(P152)=TRUE</formula>
    </cfRule>
    <cfRule type="expression" dxfId="1458" priority="1457" stopIfTrue="1">
      <formula>INDIRECT("第１の３表②!"&amp;CELL("address",CI152))="×××"</formula>
    </cfRule>
    <cfRule type="expression" dxfId="1457" priority="1458" stopIfTrue="1">
      <formula>INDIRECT("第１の３表②!"&amp;CELL("address",CI152))="××"</formula>
    </cfRule>
    <cfRule type="expression" dxfId="1456" priority="1459" stopIfTrue="1">
      <formula>INDIRECT("第１の３表②!"&amp;CELL("address",CI152))="×"</formula>
    </cfRule>
    <cfRule type="expression" dxfId="1455" priority="1460" stopIfTrue="1">
      <formula>ISBLANK(P152)=FALSE</formula>
    </cfRule>
  </conditionalFormatting>
  <conditionalFormatting sqref="S152:T153">
    <cfRule type="expression" dxfId="1454" priority="1451" stopIfTrue="1">
      <formula>ISBLANK(S152)=TRUE</formula>
    </cfRule>
    <cfRule type="expression" dxfId="1453" priority="1452" stopIfTrue="1">
      <formula>INDIRECT("第１の３表②!"&amp;CELL("address",CL152))="×××"</formula>
    </cfRule>
    <cfRule type="expression" dxfId="1452" priority="1453" stopIfTrue="1">
      <formula>INDIRECT("第１の３表②!"&amp;CELL("address",CL152))="××"</formula>
    </cfRule>
    <cfRule type="expression" dxfId="1451" priority="1454" stopIfTrue="1">
      <formula>INDIRECT("第１の３表②!"&amp;CELL("address",CL152))="×"</formula>
    </cfRule>
    <cfRule type="expression" dxfId="1450" priority="1455" stopIfTrue="1">
      <formula>ISBLANK(S152)=FALSE</formula>
    </cfRule>
  </conditionalFormatting>
  <conditionalFormatting sqref="V152:W153">
    <cfRule type="expression" dxfId="1449" priority="1446" stopIfTrue="1">
      <formula>ISBLANK(V152)=TRUE</formula>
    </cfRule>
    <cfRule type="expression" dxfId="1448" priority="1447" stopIfTrue="1">
      <formula>INDIRECT("第１の３表②!"&amp;CELL("address",CO152))="×××"</formula>
    </cfRule>
    <cfRule type="expression" dxfId="1447" priority="1448" stopIfTrue="1">
      <formula>INDIRECT("第１の３表②!"&amp;CELL("address",CO152))="××"</formula>
    </cfRule>
    <cfRule type="expression" dxfId="1446" priority="1449" stopIfTrue="1">
      <formula>INDIRECT("第１の３表②!"&amp;CELL("address",CO152))="×"</formula>
    </cfRule>
    <cfRule type="expression" dxfId="1445" priority="1450" stopIfTrue="1">
      <formula>ISBLANK(V152)=FALSE</formula>
    </cfRule>
  </conditionalFormatting>
  <conditionalFormatting sqref="Y152:Z153">
    <cfRule type="expression" dxfId="1444" priority="1441" stopIfTrue="1">
      <formula>ISBLANK(Y152)=TRUE</formula>
    </cfRule>
    <cfRule type="expression" dxfId="1443" priority="1442" stopIfTrue="1">
      <formula>INDIRECT("第１の３表②!"&amp;CELL("address",CR152))="×××"</formula>
    </cfRule>
    <cfRule type="expression" dxfId="1442" priority="1443" stopIfTrue="1">
      <formula>INDIRECT("第１の３表②!"&amp;CELL("address",CR152))="××"</formula>
    </cfRule>
    <cfRule type="expression" dxfId="1441" priority="1444" stopIfTrue="1">
      <formula>INDIRECT("第１の３表②!"&amp;CELL("address",CR152))="×"</formula>
    </cfRule>
    <cfRule type="expression" dxfId="1440" priority="1445" stopIfTrue="1">
      <formula>ISBLANK(Y152)=FALSE</formula>
    </cfRule>
  </conditionalFormatting>
  <conditionalFormatting sqref="AB152:AC153">
    <cfRule type="expression" dxfId="1439" priority="1436" stopIfTrue="1">
      <formula>ISBLANK(AB152)=TRUE</formula>
    </cfRule>
    <cfRule type="expression" dxfId="1438" priority="1437" stopIfTrue="1">
      <formula>INDIRECT("第１の３表②!"&amp;CELL("address",CU152))="×××"</formula>
    </cfRule>
    <cfRule type="expression" dxfId="1437" priority="1438" stopIfTrue="1">
      <formula>INDIRECT("第１の３表②!"&amp;CELL("address",CU152))="××"</formula>
    </cfRule>
    <cfRule type="expression" dxfId="1436" priority="1439" stopIfTrue="1">
      <formula>INDIRECT("第１の３表②!"&amp;CELL("address",CU152))="×"</formula>
    </cfRule>
    <cfRule type="expression" dxfId="1435" priority="1440" stopIfTrue="1">
      <formula>ISBLANK(AB152)=FALSE</formula>
    </cfRule>
  </conditionalFormatting>
  <conditionalFormatting sqref="AE152:AF153">
    <cfRule type="expression" dxfId="1434" priority="1431" stopIfTrue="1">
      <formula>ISBLANK(AE152)=TRUE</formula>
    </cfRule>
    <cfRule type="expression" dxfId="1433" priority="1432" stopIfTrue="1">
      <formula>INDIRECT("第１の３表②!"&amp;CELL("address",CX152))="×××"</formula>
    </cfRule>
    <cfRule type="expression" dxfId="1432" priority="1433" stopIfTrue="1">
      <formula>INDIRECT("第１の３表②!"&amp;CELL("address",CX152))="××"</formula>
    </cfRule>
    <cfRule type="expression" dxfId="1431" priority="1434" stopIfTrue="1">
      <formula>INDIRECT("第１の３表②!"&amp;CELL("address",CX152))="×"</formula>
    </cfRule>
    <cfRule type="expression" dxfId="1430" priority="1435" stopIfTrue="1">
      <formula>ISBLANK(AE152)=FALSE</formula>
    </cfRule>
  </conditionalFormatting>
  <conditionalFormatting sqref="AH152:AI153">
    <cfRule type="expression" dxfId="1429" priority="1426" stopIfTrue="1">
      <formula>ISBLANK(AH152)=TRUE</formula>
    </cfRule>
    <cfRule type="expression" dxfId="1428" priority="1427" stopIfTrue="1">
      <formula>INDIRECT("第１の３表②!"&amp;CELL("address",DA152))="×××"</formula>
    </cfRule>
    <cfRule type="expression" dxfId="1427" priority="1428" stopIfTrue="1">
      <formula>INDIRECT("第１の３表②!"&amp;CELL("address",DA152))="××"</formula>
    </cfRule>
    <cfRule type="expression" dxfId="1426" priority="1429" stopIfTrue="1">
      <formula>INDIRECT("第１の３表②!"&amp;CELL("address",DA152))="×"</formula>
    </cfRule>
    <cfRule type="expression" dxfId="1425" priority="1430" stopIfTrue="1">
      <formula>ISBLANK(AH152)=FALSE</formula>
    </cfRule>
  </conditionalFormatting>
  <conditionalFormatting sqref="AK152:AL153">
    <cfRule type="expression" dxfId="1424" priority="1421" stopIfTrue="1">
      <formula>ISBLANK(AK152)=TRUE</formula>
    </cfRule>
    <cfRule type="expression" dxfId="1423" priority="1422" stopIfTrue="1">
      <formula>INDIRECT("第１の３表②!"&amp;CELL("address",DD152))="×××"</formula>
    </cfRule>
    <cfRule type="expression" dxfId="1422" priority="1423" stopIfTrue="1">
      <formula>INDIRECT("第１の３表②!"&amp;CELL("address",DD152))="××"</formula>
    </cfRule>
    <cfRule type="expression" dxfId="1421" priority="1424" stopIfTrue="1">
      <formula>INDIRECT("第１の３表②!"&amp;CELL("address",DD152))="×"</formula>
    </cfRule>
    <cfRule type="expression" dxfId="1420" priority="1425" stopIfTrue="1">
      <formula>ISBLANK(AK152)=FALSE</formula>
    </cfRule>
  </conditionalFormatting>
  <conditionalFormatting sqref="AN152:AO153">
    <cfRule type="expression" dxfId="1419" priority="1416" stopIfTrue="1">
      <formula>ISBLANK(AN152)=TRUE</formula>
    </cfRule>
    <cfRule type="expression" dxfId="1418" priority="1417" stopIfTrue="1">
      <formula>INDIRECT("第１の３表②!"&amp;CELL("address",DG152))="×××"</formula>
    </cfRule>
    <cfRule type="expression" dxfId="1417" priority="1418" stopIfTrue="1">
      <formula>INDIRECT("第１の３表②!"&amp;CELL("address",DG152))="××"</formula>
    </cfRule>
    <cfRule type="expression" dxfId="1416" priority="1419" stopIfTrue="1">
      <formula>INDIRECT("第１の３表②!"&amp;CELL("address",DG152))="×"</formula>
    </cfRule>
    <cfRule type="expression" dxfId="1415" priority="1420" stopIfTrue="1">
      <formula>ISBLANK(AN152)=FALSE</formula>
    </cfRule>
  </conditionalFormatting>
  <conditionalFormatting sqref="AQ152:AR153">
    <cfRule type="expression" dxfId="1414" priority="1411" stopIfTrue="1">
      <formula>ISBLANK(AQ152)=TRUE</formula>
    </cfRule>
    <cfRule type="expression" dxfId="1413" priority="1412" stopIfTrue="1">
      <formula>INDIRECT("第１の３表②!"&amp;CELL("address",DJ152))="×××"</formula>
    </cfRule>
    <cfRule type="expression" dxfId="1412" priority="1413" stopIfTrue="1">
      <formula>INDIRECT("第１の３表②!"&amp;CELL("address",DJ152))="××"</formula>
    </cfRule>
    <cfRule type="expression" dxfId="1411" priority="1414" stopIfTrue="1">
      <formula>INDIRECT("第１の３表②!"&amp;CELL("address",DJ152))="×"</formula>
    </cfRule>
    <cfRule type="expression" dxfId="1410" priority="1415" stopIfTrue="1">
      <formula>ISBLANK(AQ152)=FALSE</formula>
    </cfRule>
  </conditionalFormatting>
  <conditionalFormatting sqref="AT152:AU153">
    <cfRule type="expression" dxfId="1409" priority="1406" stopIfTrue="1">
      <formula>ISBLANK(AT152)=TRUE</formula>
    </cfRule>
    <cfRule type="expression" dxfId="1408" priority="1407" stopIfTrue="1">
      <formula>INDIRECT("第１の３表②!"&amp;CELL("address",DM152))="×××"</formula>
    </cfRule>
    <cfRule type="expression" dxfId="1407" priority="1408" stopIfTrue="1">
      <formula>INDIRECT("第１の３表②!"&amp;CELL("address",DM152))="××"</formula>
    </cfRule>
    <cfRule type="expression" dxfId="1406" priority="1409" stopIfTrue="1">
      <formula>INDIRECT("第１の３表②!"&amp;CELL("address",DM152))="×"</formula>
    </cfRule>
    <cfRule type="expression" dxfId="1405" priority="1410" stopIfTrue="1">
      <formula>ISBLANK(AT152)=FALSE</formula>
    </cfRule>
  </conditionalFormatting>
  <conditionalFormatting sqref="AW152:AX153">
    <cfRule type="expression" dxfId="1404" priority="1401" stopIfTrue="1">
      <formula>ISBLANK(AW152)=TRUE</formula>
    </cfRule>
    <cfRule type="expression" dxfId="1403" priority="1402" stopIfTrue="1">
      <formula>INDIRECT("第１の３表②!"&amp;CELL("address",DP152))="×××"</formula>
    </cfRule>
    <cfRule type="expression" dxfId="1402" priority="1403" stopIfTrue="1">
      <formula>INDIRECT("第１の３表②!"&amp;CELL("address",DP152))="××"</formula>
    </cfRule>
    <cfRule type="expression" dxfId="1401" priority="1404" stopIfTrue="1">
      <formula>INDIRECT("第１の３表②!"&amp;CELL("address",DP152))="×"</formula>
    </cfRule>
    <cfRule type="expression" dxfId="1400" priority="1405" stopIfTrue="1">
      <formula>ISBLANK(AW152)=FALSE</formula>
    </cfRule>
  </conditionalFormatting>
  <conditionalFormatting sqref="AZ152:BA153">
    <cfRule type="expression" dxfId="1399" priority="1396" stopIfTrue="1">
      <formula>ISBLANK(AZ152)=TRUE</formula>
    </cfRule>
    <cfRule type="expression" dxfId="1398" priority="1397" stopIfTrue="1">
      <formula>INDIRECT("第１の３表②!"&amp;CELL("address",DS152))="×××"</formula>
    </cfRule>
    <cfRule type="expression" dxfId="1397" priority="1398" stopIfTrue="1">
      <formula>INDIRECT("第１の３表②!"&amp;CELL("address",DS152))="××"</formula>
    </cfRule>
    <cfRule type="expression" dxfId="1396" priority="1399" stopIfTrue="1">
      <formula>INDIRECT("第１の３表②!"&amp;CELL("address",DS152))="×"</formula>
    </cfRule>
    <cfRule type="expression" dxfId="1395" priority="1400" stopIfTrue="1">
      <formula>ISBLANK(AZ152)=FALSE</formula>
    </cfRule>
  </conditionalFormatting>
  <conditionalFormatting sqref="BC152:BD153">
    <cfRule type="expression" dxfId="1394" priority="1391" stopIfTrue="1">
      <formula>ISBLANK(BC152)=TRUE</formula>
    </cfRule>
    <cfRule type="expression" dxfId="1393" priority="1392" stopIfTrue="1">
      <formula>INDIRECT("第１の３表②!"&amp;CELL("address",DV152))="×××"</formula>
    </cfRule>
    <cfRule type="expression" dxfId="1392" priority="1393" stopIfTrue="1">
      <formula>INDIRECT("第１の３表②!"&amp;CELL("address",DV152))="××"</formula>
    </cfRule>
    <cfRule type="expression" dxfId="1391" priority="1394" stopIfTrue="1">
      <formula>INDIRECT("第１の３表②!"&amp;CELL("address",DV152))="×"</formula>
    </cfRule>
    <cfRule type="expression" dxfId="1390" priority="1395" stopIfTrue="1">
      <formula>ISBLANK(BC152)=FALSE</formula>
    </cfRule>
  </conditionalFormatting>
  <conditionalFormatting sqref="BF152:BG153">
    <cfRule type="expression" dxfId="1389" priority="1386" stopIfTrue="1">
      <formula>ISBLANK(BF152)=TRUE</formula>
    </cfRule>
    <cfRule type="expression" dxfId="1388" priority="1387" stopIfTrue="1">
      <formula>INDIRECT("第１の３表②!"&amp;CELL("address",DY152))="×××"</formula>
    </cfRule>
    <cfRule type="expression" dxfId="1387" priority="1388" stopIfTrue="1">
      <formula>INDIRECT("第１の３表②!"&amp;CELL("address",DY152))="××"</formula>
    </cfRule>
    <cfRule type="expression" dxfId="1386" priority="1389" stopIfTrue="1">
      <formula>INDIRECT("第１の３表②!"&amp;CELL("address",DY152))="×"</formula>
    </cfRule>
    <cfRule type="expression" dxfId="1385" priority="1390" stopIfTrue="1">
      <formula>ISBLANK(BF152)=FALSE</formula>
    </cfRule>
  </conditionalFormatting>
  <conditionalFormatting sqref="BI152:BJ153">
    <cfRule type="expression" dxfId="1384" priority="1381" stopIfTrue="1">
      <formula>ISBLANK(BI152)=TRUE</formula>
    </cfRule>
    <cfRule type="expression" dxfId="1383" priority="1382" stopIfTrue="1">
      <formula>INDIRECT("第１の３表②!"&amp;CELL("address",EB152))="×××"</formula>
    </cfRule>
    <cfRule type="expression" dxfId="1382" priority="1383" stopIfTrue="1">
      <formula>INDIRECT("第１の３表②!"&amp;CELL("address",EB152))="××"</formula>
    </cfRule>
    <cfRule type="expression" dxfId="1381" priority="1384" stopIfTrue="1">
      <formula>INDIRECT("第１の３表②!"&amp;CELL("address",EB152))="×"</formula>
    </cfRule>
    <cfRule type="expression" dxfId="1380" priority="1385" stopIfTrue="1">
      <formula>ISBLANK(BI152)=FALSE</formula>
    </cfRule>
  </conditionalFormatting>
  <conditionalFormatting sqref="BL152:BM153">
    <cfRule type="expression" dxfId="1379" priority="1376" stopIfTrue="1">
      <formula>ISBLANK(BL152)=TRUE</formula>
    </cfRule>
    <cfRule type="expression" dxfId="1378" priority="1377" stopIfTrue="1">
      <formula>INDIRECT("第１の３表②!"&amp;CELL("address",EE152))="×××"</formula>
    </cfRule>
    <cfRule type="expression" dxfId="1377" priority="1378" stopIfTrue="1">
      <formula>INDIRECT("第１の３表②!"&amp;CELL("address",EE152))="××"</formula>
    </cfRule>
    <cfRule type="expression" dxfId="1376" priority="1379" stopIfTrue="1">
      <formula>INDIRECT("第１の３表②!"&amp;CELL("address",EE152))="×"</formula>
    </cfRule>
    <cfRule type="expression" dxfId="1375" priority="1380" stopIfTrue="1">
      <formula>ISBLANK(BL152)=FALSE</formula>
    </cfRule>
  </conditionalFormatting>
  <conditionalFormatting sqref="BO152:BP153">
    <cfRule type="expression" dxfId="1374" priority="1371" stopIfTrue="1">
      <formula>ISBLANK(BO152)=TRUE</formula>
    </cfRule>
    <cfRule type="expression" dxfId="1373" priority="1372" stopIfTrue="1">
      <formula>INDIRECT("第１の３表②!"&amp;CELL("address",EH152))="×××"</formula>
    </cfRule>
    <cfRule type="expression" dxfId="1372" priority="1373" stopIfTrue="1">
      <formula>INDIRECT("第１の３表②!"&amp;CELL("address",EH152))="××"</formula>
    </cfRule>
    <cfRule type="expression" dxfId="1371" priority="1374" stopIfTrue="1">
      <formula>INDIRECT("第１の３表②!"&amp;CELL("address",EH152))="×"</formula>
    </cfRule>
    <cfRule type="expression" dxfId="1370" priority="1375" stopIfTrue="1">
      <formula>ISBLANK(BO152)=FALSE</formula>
    </cfRule>
  </conditionalFormatting>
  <conditionalFormatting sqref="G158:H159">
    <cfRule type="expression" dxfId="1369" priority="1366" stopIfTrue="1">
      <formula>ISBLANK(G158)=TRUE</formula>
    </cfRule>
    <cfRule type="expression" dxfId="1368" priority="1367" stopIfTrue="1">
      <formula>INDIRECT("第１の３表②!"&amp;CELL("address",BZ158))="×××"</formula>
    </cfRule>
    <cfRule type="expression" dxfId="1367" priority="1368" stopIfTrue="1">
      <formula>INDIRECT("第１の３表②!"&amp;CELL("address",BZ158))="××"</formula>
    </cfRule>
    <cfRule type="expression" dxfId="1366" priority="1369" stopIfTrue="1">
      <formula>INDIRECT("第１の３表②!"&amp;CELL("address",BZ158))="×"</formula>
    </cfRule>
    <cfRule type="expression" dxfId="1365" priority="1370" stopIfTrue="1">
      <formula>ISBLANK(G158)=FALSE</formula>
    </cfRule>
  </conditionalFormatting>
  <conditionalFormatting sqref="J158:K159">
    <cfRule type="expression" dxfId="1364" priority="1361" stopIfTrue="1">
      <formula>ISBLANK(J158)=TRUE</formula>
    </cfRule>
    <cfRule type="expression" dxfId="1363" priority="1362" stopIfTrue="1">
      <formula>INDIRECT("第１の３表②!"&amp;CELL("address",CC158))="×××"</formula>
    </cfRule>
    <cfRule type="expression" dxfId="1362" priority="1363" stopIfTrue="1">
      <formula>INDIRECT("第１の３表②!"&amp;CELL("address",CC158))="××"</formula>
    </cfRule>
    <cfRule type="expression" dxfId="1361" priority="1364" stopIfTrue="1">
      <formula>INDIRECT("第１の３表②!"&amp;CELL("address",CC158))="×"</formula>
    </cfRule>
    <cfRule type="expression" dxfId="1360" priority="1365" stopIfTrue="1">
      <formula>ISBLANK(J158)=FALSE</formula>
    </cfRule>
  </conditionalFormatting>
  <conditionalFormatting sqref="M158:N159">
    <cfRule type="expression" dxfId="1359" priority="1356" stopIfTrue="1">
      <formula>ISBLANK(M158)=TRUE</formula>
    </cfRule>
    <cfRule type="expression" dxfId="1358" priority="1357" stopIfTrue="1">
      <formula>INDIRECT("第１の３表②!"&amp;CELL("address",CF158))="×××"</formula>
    </cfRule>
    <cfRule type="expression" dxfId="1357" priority="1358" stopIfTrue="1">
      <formula>INDIRECT("第１の３表②!"&amp;CELL("address",CF158))="××"</formula>
    </cfRule>
    <cfRule type="expression" dxfId="1356" priority="1359" stopIfTrue="1">
      <formula>INDIRECT("第１の３表②!"&amp;CELL("address",CF158))="×"</formula>
    </cfRule>
    <cfRule type="expression" dxfId="1355" priority="1360" stopIfTrue="1">
      <formula>ISBLANK(M158)=FALSE</formula>
    </cfRule>
  </conditionalFormatting>
  <conditionalFormatting sqref="P158:Q159">
    <cfRule type="expression" dxfId="1354" priority="1351" stopIfTrue="1">
      <formula>ISBLANK(P158)=TRUE</formula>
    </cfRule>
    <cfRule type="expression" dxfId="1353" priority="1352" stopIfTrue="1">
      <formula>INDIRECT("第１の３表②!"&amp;CELL("address",CI158))="×××"</formula>
    </cfRule>
    <cfRule type="expression" dxfId="1352" priority="1353" stopIfTrue="1">
      <formula>INDIRECT("第１の３表②!"&amp;CELL("address",CI158))="××"</formula>
    </cfRule>
    <cfRule type="expression" dxfId="1351" priority="1354" stopIfTrue="1">
      <formula>INDIRECT("第１の３表②!"&amp;CELL("address",CI158))="×"</formula>
    </cfRule>
    <cfRule type="expression" dxfId="1350" priority="1355" stopIfTrue="1">
      <formula>ISBLANK(P158)=FALSE</formula>
    </cfRule>
  </conditionalFormatting>
  <conditionalFormatting sqref="S158:T159">
    <cfRule type="expression" dxfId="1349" priority="1346" stopIfTrue="1">
      <formula>ISBLANK(S158)=TRUE</formula>
    </cfRule>
    <cfRule type="expression" dxfId="1348" priority="1347" stopIfTrue="1">
      <formula>INDIRECT("第１の３表②!"&amp;CELL("address",CL158))="×××"</formula>
    </cfRule>
    <cfRule type="expression" dxfId="1347" priority="1348" stopIfTrue="1">
      <formula>INDIRECT("第１の３表②!"&amp;CELL("address",CL158))="××"</formula>
    </cfRule>
    <cfRule type="expression" dxfId="1346" priority="1349" stopIfTrue="1">
      <formula>INDIRECT("第１の３表②!"&amp;CELL("address",CL158))="×"</formula>
    </cfRule>
    <cfRule type="expression" dxfId="1345" priority="1350" stopIfTrue="1">
      <formula>ISBLANK(S158)=FALSE</formula>
    </cfRule>
  </conditionalFormatting>
  <conditionalFormatting sqref="V158:W159">
    <cfRule type="expression" dxfId="1344" priority="1341" stopIfTrue="1">
      <formula>ISBLANK(V158)=TRUE</formula>
    </cfRule>
    <cfRule type="expression" dxfId="1343" priority="1342" stopIfTrue="1">
      <formula>INDIRECT("第１の３表②!"&amp;CELL("address",CO158))="×××"</formula>
    </cfRule>
    <cfRule type="expression" dxfId="1342" priority="1343" stopIfTrue="1">
      <formula>INDIRECT("第１の３表②!"&amp;CELL("address",CO158))="××"</formula>
    </cfRule>
    <cfRule type="expression" dxfId="1341" priority="1344" stopIfTrue="1">
      <formula>INDIRECT("第１の３表②!"&amp;CELL("address",CO158))="×"</formula>
    </cfRule>
    <cfRule type="expression" dxfId="1340" priority="1345" stopIfTrue="1">
      <formula>ISBLANK(V158)=FALSE</formula>
    </cfRule>
  </conditionalFormatting>
  <conditionalFormatting sqref="Y158:Z159">
    <cfRule type="expression" dxfId="1339" priority="1336" stopIfTrue="1">
      <formula>ISBLANK(Y158)=TRUE</formula>
    </cfRule>
    <cfRule type="expression" dxfId="1338" priority="1337" stopIfTrue="1">
      <formula>INDIRECT("第１の３表②!"&amp;CELL("address",CR158))="×××"</formula>
    </cfRule>
    <cfRule type="expression" dxfId="1337" priority="1338" stopIfTrue="1">
      <formula>INDIRECT("第１の３表②!"&amp;CELL("address",CR158))="××"</formula>
    </cfRule>
    <cfRule type="expression" dxfId="1336" priority="1339" stopIfTrue="1">
      <formula>INDIRECT("第１の３表②!"&amp;CELL("address",CR158))="×"</formula>
    </cfRule>
    <cfRule type="expression" dxfId="1335" priority="1340" stopIfTrue="1">
      <formula>ISBLANK(Y158)=FALSE</formula>
    </cfRule>
  </conditionalFormatting>
  <conditionalFormatting sqref="AB158:AC159">
    <cfRule type="expression" dxfId="1334" priority="1331" stopIfTrue="1">
      <formula>ISBLANK(AB158)=TRUE</formula>
    </cfRule>
    <cfRule type="expression" dxfId="1333" priority="1332" stopIfTrue="1">
      <formula>INDIRECT("第１の３表②!"&amp;CELL("address",CU158))="×××"</formula>
    </cfRule>
    <cfRule type="expression" dxfId="1332" priority="1333" stopIfTrue="1">
      <formula>INDIRECT("第１の３表②!"&amp;CELL("address",CU158))="××"</formula>
    </cfRule>
    <cfRule type="expression" dxfId="1331" priority="1334" stopIfTrue="1">
      <formula>INDIRECT("第１の３表②!"&amp;CELL("address",CU158))="×"</formula>
    </cfRule>
    <cfRule type="expression" dxfId="1330" priority="1335" stopIfTrue="1">
      <formula>ISBLANK(AB158)=FALSE</formula>
    </cfRule>
  </conditionalFormatting>
  <conditionalFormatting sqref="AE158:AF159">
    <cfRule type="expression" dxfId="1329" priority="1326" stopIfTrue="1">
      <formula>ISBLANK(AE158)=TRUE</formula>
    </cfRule>
    <cfRule type="expression" dxfId="1328" priority="1327" stopIfTrue="1">
      <formula>INDIRECT("第１の３表②!"&amp;CELL("address",CX158))="×××"</formula>
    </cfRule>
    <cfRule type="expression" dxfId="1327" priority="1328" stopIfTrue="1">
      <formula>INDIRECT("第１の３表②!"&amp;CELL("address",CX158))="××"</formula>
    </cfRule>
    <cfRule type="expression" dxfId="1326" priority="1329" stopIfTrue="1">
      <formula>INDIRECT("第１の３表②!"&amp;CELL("address",CX158))="×"</formula>
    </cfRule>
    <cfRule type="expression" dxfId="1325" priority="1330" stopIfTrue="1">
      <formula>ISBLANK(AE158)=FALSE</formula>
    </cfRule>
  </conditionalFormatting>
  <conditionalFormatting sqref="AH158:AI159">
    <cfRule type="expression" dxfId="1324" priority="1321" stopIfTrue="1">
      <formula>ISBLANK(AH158)=TRUE</formula>
    </cfRule>
    <cfRule type="expression" dxfId="1323" priority="1322" stopIfTrue="1">
      <formula>INDIRECT("第１の３表②!"&amp;CELL("address",DA158))="×××"</formula>
    </cfRule>
    <cfRule type="expression" dxfId="1322" priority="1323" stopIfTrue="1">
      <formula>INDIRECT("第１の３表②!"&amp;CELL("address",DA158))="××"</formula>
    </cfRule>
    <cfRule type="expression" dxfId="1321" priority="1324" stopIfTrue="1">
      <formula>INDIRECT("第１の３表②!"&amp;CELL("address",DA158))="×"</formula>
    </cfRule>
    <cfRule type="expression" dxfId="1320" priority="1325" stopIfTrue="1">
      <formula>ISBLANK(AH158)=FALSE</formula>
    </cfRule>
  </conditionalFormatting>
  <conditionalFormatting sqref="AK158:AL159">
    <cfRule type="expression" dxfId="1319" priority="1316" stopIfTrue="1">
      <formula>ISBLANK(AK158)=TRUE</formula>
    </cfRule>
    <cfRule type="expression" dxfId="1318" priority="1317" stopIfTrue="1">
      <formula>INDIRECT("第１の３表②!"&amp;CELL("address",DD158))="×××"</formula>
    </cfRule>
    <cfRule type="expression" dxfId="1317" priority="1318" stopIfTrue="1">
      <formula>INDIRECT("第１の３表②!"&amp;CELL("address",DD158))="××"</formula>
    </cfRule>
    <cfRule type="expression" dxfId="1316" priority="1319" stopIfTrue="1">
      <formula>INDIRECT("第１の３表②!"&amp;CELL("address",DD158))="×"</formula>
    </cfRule>
    <cfRule type="expression" dxfId="1315" priority="1320" stopIfTrue="1">
      <formula>ISBLANK(AK158)=FALSE</formula>
    </cfRule>
  </conditionalFormatting>
  <conditionalFormatting sqref="AN158:AO159">
    <cfRule type="expression" dxfId="1314" priority="1311" stopIfTrue="1">
      <formula>ISBLANK(AN158)=TRUE</formula>
    </cfRule>
    <cfRule type="expression" dxfId="1313" priority="1312" stopIfTrue="1">
      <formula>INDIRECT("第１の３表②!"&amp;CELL("address",DG158))="×××"</formula>
    </cfRule>
    <cfRule type="expression" dxfId="1312" priority="1313" stopIfTrue="1">
      <formula>INDIRECT("第１の３表②!"&amp;CELL("address",DG158))="××"</formula>
    </cfRule>
    <cfRule type="expression" dxfId="1311" priority="1314" stopIfTrue="1">
      <formula>INDIRECT("第１の３表②!"&amp;CELL("address",DG158))="×"</formula>
    </cfRule>
    <cfRule type="expression" dxfId="1310" priority="1315" stopIfTrue="1">
      <formula>ISBLANK(AN158)=FALSE</formula>
    </cfRule>
  </conditionalFormatting>
  <conditionalFormatting sqref="AQ158:AR159">
    <cfRule type="expression" dxfId="1309" priority="1306" stopIfTrue="1">
      <formula>ISBLANK(AQ158)=TRUE</formula>
    </cfRule>
    <cfRule type="expression" dxfId="1308" priority="1307" stopIfTrue="1">
      <formula>INDIRECT("第１の３表②!"&amp;CELL("address",DJ158))="×××"</formula>
    </cfRule>
    <cfRule type="expression" dxfId="1307" priority="1308" stopIfTrue="1">
      <formula>INDIRECT("第１の３表②!"&amp;CELL("address",DJ158))="××"</formula>
    </cfRule>
    <cfRule type="expression" dxfId="1306" priority="1309" stopIfTrue="1">
      <formula>INDIRECT("第１の３表②!"&amp;CELL("address",DJ158))="×"</formula>
    </cfRule>
    <cfRule type="expression" dxfId="1305" priority="1310" stopIfTrue="1">
      <formula>ISBLANK(AQ158)=FALSE</formula>
    </cfRule>
  </conditionalFormatting>
  <conditionalFormatting sqref="AT158:AU159">
    <cfRule type="expression" dxfId="1304" priority="1301" stopIfTrue="1">
      <formula>ISBLANK(AT158)=TRUE</formula>
    </cfRule>
    <cfRule type="expression" dxfId="1303" priority="1302" stopIfTrue="1">
      <formula>INDIRECT("第１の３表②!"&amp;CELL("address",DM158))="×××"</formula>
    </cfRule>
    <cfRule type="expression" dxfId="1302" priority="1303" stopIfTrue="1">
      <formula>INDIRECT("第１の３表②!"&amp;CELL("address",DM158))="××"</formula>
    </cfRule>
    <cfRule type="expression" dxfId="1301" priority="1304" stopIfTrue="1">
      <formula>INDIRECT("第１の３表②!"&amp;CELL("address",DM158))="×"</formula>
    </cfRule>
    <cfRule type="expression" dxfId="1300" priority="1305" stopIfTrue="1">
      <formula>ISBLANK(AT158)=FALSE</formula>
    </cfRule>
  </conditionalFormatting>
  <conditionalFormatting sqref="AW158:AX159">
    <cfRule type="expression" dxfId="1299" priority="1296" stopIfTrue="1">
      <formula>ISBLANK(AW158)=TRUE</formula>
    </cfRule>
    <cfRule type="expression" dxfId="1298" priority="1297" stopIfTrue="1">
      <formula>INDIRECT("第１の３表②!"&amp;CELL("address",DP158))="×××"</formula>
    </cfRule>
    <cfRule type="expression" dxfId="1297" priority="1298" stopIfTrue="1">
      <formula>INDIRECT("第１の３表②!"&amp;CELL("address",DP158))="××"</formula>
    </cfRule>
    <cfRule type="expression" dxfId="1296" priority="1299" stopIfTrue="1">
      <formula>INDIRECT("第１の３表②!"&amp;CELL("address",DP158))="×"</formula>
    </cfRule>
    <cfRule type="expression" dxfId="1295" priority="1300" stopIfTrue="1">
      <formula>ISBLANK(AW158)=FALSE</formula>
    </cfRule>
  </conditionalFormatting>
  <conditionalFormatting sqref="AZ158:BA159">
    <cfRule type="expression" dxfId="1294" priority="1291" stopIfTrue="1">
      <formula>ISBLANK(AZ158)=TRUE</formula>
    </cfRule>
    <cfRule type="expression" dxfId="1293" priority="1292" stopIfTrue="1">
      <formula>INDIRECT("第１の３表②!"&amp;CELL("address",DS158))="×××"</formula>
    </cfRule>
    <cfRule type="expression" dxfId="1292" priority="1293" stopIfTrue="1">
      <formula>INDIRECT("第１の３表②!"&amp;CELL("address",DS158))="××"</formula>
    </cfRule>
    <cfRule type="expression" dxfId="1291" priority="1294" stopIfTrue="1">
      <formula>INDIRECT("第１の３表②!"&amp;CELL("address",DS158))="×"</formula>
    </cfRule>
    <cfRule type="expression" dxfId="1290" priority="1295" stopIfTrue="1">
      <formula>ISBLANK(AZ158)=FALSE</formula>
    </cfRule>
  </conditionalFormatting>
  <conditionalFormatting sqref="BC158:BD159">
    <cfRule type="expression" dxfId="1289" priority="1286" stopIfTrue="1">
      <formula>ISBLANK(BC158)=TRUE</formula>
    </cfRule>
    <cfRule type="expression" dxfId="1288" priority="1287" stopIfTrue="1">
      <formula>INDIRECT("第１の３表②!"&amp;CELL("address",DV158))="×××"</formula>
    </cfRule>
    <cfRule type="expression" dxfId="1287" priority="1288" stopIfTrue="1">
      <formula>INDIRECT("第１の３表②!"&amp;CELL("address",DV158))="××"</formula>
    </cfRule>
    <cfRule type="expression" dxfId="1286" priority="1289" stopIfTrue="1">
      <formula>INDIRECT("第１の３表②!"&amp;CELL("address",DV158))="×"</formula>
    </cfRule>
    <cfRule type="expression" dxfId="1285" priority="1290" stopIfTrue="1">
      <formula>ISBLANK(BC158)=FALSE</formula>
    </cfRule>
  </conditionalFormatting>
  <conditionalFormatting sqref="BF158:BG159">
    <cfRule type="expression" dxfId="1284" priority="1281" stopIfTrue="1">
      <formula>ISBLANK(BF158)=TRUE</formula>
    </cfRule>
    <cfRule type="expression" dxfId="1283" priority="1282" stopIfTrue="1">
      <formula>INDIRECT("第１の３表②!"&amp;CELL("address",DY158))="×××"</formula>
    </cfRule>
    <cfRule type="expression" dxfId="1282" priority="1283" stopIfTrue="1">
      <formula>INDIRECT("第１の３表②!"&amp;CELL("address",DY158))="××"</formula>
    </cfRule>
    <cfRule type="expression" dxfId="1281" priority="1284" stopIfTrue="1">
      <formula>INDIRECT("第１の３表②!"&amp;CELL("address",DY158))="×"</formula>
    </cfRule>
    <cfRule type="expression" dxfId="1280" priority="1285" stopIfTrue="1">
      <formula>ISBLANK(BF158)=FALSE</formula>
    </cfRule>
  </conditionalFormatting>
  <conditionalFormatting sqref="BI158:BJ159">
    <cfRule type="expression" dxfId="1279" priority="1276" stopIfTrue="1">
      <formula>ISBLANK(BI158)=TRUE</formula>
    </cfRule>
    <cfRule type="expression" dxfId="1278" priority="1277" stopIfTrue="1">
      <formula>INDIRECT("第１の３表②!"&amp;CELL("address",EB158))="×××"</formula>
    </cfRule>
    <cfRule type="expression" dxfId="1277" priority="1278" stopIfTrue="1">
      <formula>INDIRECT("第１の３表②!"&amp;CELL("address",EB158))="××"</formula>
    </cfRule>
    <cfRule type="expression" dxfId="1276" priority="1279" stopIfTrue="1">
      <formula>INDIRECT("第１の３表②!"&amp;CELL("address",EB158))="×"</formula>
    </cfRule>
    <cfRule type="expression" dxfId="1275" priority="1280" stopIfTrue="1">
      <formula>ISBLANK(BI158)=FALSE</formula>
    </cfRule>
  </conditionalFormatting>
  <conditionalFormatting sqref="BL158:BM159">
    <cfRule type="expression" dxfId="1274" priority="1271" stopIfTrue="1">
      <formula>ISBLANK(BL158)=TRUE</formula>
    </cfRule>
    <cfRule type="expression" dxfId="1273" priority="1272" stopIfTrue="1">
      <formula>INDIRECT("第１の３表②!"&amp;CELL("address",EE158))="×××"</formula>
    </cfRule>
    <cfRule type="expression" dxfId="1272" priority="1273" stopIfTrue="1">
      <formula>INDIRECT("第１の３表②!"&amp;CELL("address",EE158))="××"</formula>
    </cfRule>
    <cfRule type="expression" dxfId="1271" priority="1274" stopIfTrue="1">
      <formula>INDIRECT("第１の３表②!"&amp;CELL("address",EE158))="×"</formula>
    </cfRule>
    <cfRule type="expression" dxfId="1270" priority="1275" stopIfTrue="1">
      <formula>ISBLANK(BL158)=FALSE</formula>
    </cfRule>
  </conditionalFormatting>
  <conditionalFormatting sqref="BO158:BP159">
    <cfRule type="expression" dxfId="1269" priority="1266" stopIfTrue="1">
      <formula>ISBLANK(BO158)=TRUE</formula>
    </cfRule>
    <cfRule type="expression" dxfId="1268" priority="1267" stopIfTrue="1">
      <formula>INDIRECT("第１の３表②!"&amp;CELL("address",EH158))="×××"</formula>
    </cfRule>
    <cfRule type="expression" dxfId="1267" priority="1268" stopIfTrue="1">
      <formula>INDIRECT("第１の３表②!"&amp;CELL("address",EH158))="××"</formula>
    </cfRule>
    <cfRule type="expression" dxfId="1266" priority="1269" stopIfTrue="1">
      <formula>INDIRECT("第１の３表②!"&amp;CELL("address",EH158))="×"</formula>
    </cfRule>
    <cfRule type="expression" dxfId="1265" priority="1270" stopIfTrue="1">
      <formula>ISBLANK(BO158)=FALSE</formula>
    </cfRule>
  </conditionalFormatting>
  <conditionalFormatting sqref="G164:H165">
    <cfRule type="expression" dxfId="1264" priority="1261" stopIfTrue="1">
      <formula>ISBLANK(G164)=TRUE</formula>
    </cfRule>
    <cfRule type="expression" dxfId="1263" priority="1262" stopIfTrue="1">
      <formula>INDIRECT("第１の３表②!"&amp;CELL("address",BZ164))="×××"</formula>
    </cfRule>
    <cfRule type="expression" dxfId="1262" priority="1263" stopIfTrue="1">
      <formula>INDIRECT("第１の３表②!"&amp;CELL("address",BZ164))="××"</formula>
    </cfRule>
    <cfRule type="expression" dxfId="1261" priority="1264" stopIfTrue="1">
      <formula>INDIRECT("第１の３表②!"&amp;CELL("address",BZ164))="×"</formula>
    </cfRule>
    <cfRule type="expression" dxfId="1260" priority="1265" stopIfTrue="1">
      <formula>ISBLANK(G164)=FALSE</formula>
    </cfRule>
  </conditionalFormatting>
  <conditionalFormatting sqref="J164:K165">
    <cfRule type="expression" dxfId="1259" priority="1256" stopIfTrue="1">
      <formula>ISBLANK(J164)=TRUE</formula>
    </cfRule>
    <cfRule type="expression" dxfId="1258" priority="1257" stopIfTrue="1">
      <formula>INDIRECT("第１の３表②!"&amp;CELL("address",CC164))="×××"</formula>
    </cfRule>
    <cfRule type="expression" dxfId="1257" priority="1258" stopIfTrue="1">
      <formula>INDIRECT("第１の３表②!"&amp;CELL("address",CC164))="××"</formula>
    </cfRule>
    <cfRule type="expression" dxfId="1256" priority="1259" stopIfTrue="1">
      <formula>INDIRECT("第１の３表②!"&amp;CELL("address",CC164))="×"</formula>
    </cfRule>
    <cfRule type="expression" dxfId="1255" priority="1260" stopIfTrue="1">
      <formula>ISBLANK(J164)=FALSE</formula>
    </cfRule>
  </conditionalFormatting>
  <conditionalFormatting sqref="M164:N165">
    <cfRule type="expression" dxfId="1254" priority="1251" stopIfTrue="1">
      <formula>ISBLANK(M164)=TRUE</formula>
    </cfRule>
    <cfRule type="expression" dxfId="1253" priority="1252" stopIfTrue="1">
      <formula>INDIRECT("第１の３表②!"&amp;CELL("address",CF164))="×××"</formula>
    </cfRule>
    <cfRule type="expression" dxfId="1252" priority="1253" stopIfTrue="1">
      <formula>INDIRECT("第１の３表②!"&amp;CELL("address",CF164))="××"</formula>
    </cfRule>
    <cfRule type="expression" dxfId="1251" priority="1254" stopIfTrue="1">
      <formula>INDIRECT("第１の３表②!"&amp;CELL("address",CF164))="×"</formula>
    </cfRule>
    <cfRule type="expression" dxfId="1250" priority="1255" stopIfTrue="1">
      <formula>ISBLANK(M164)=FALSE</formula>
    </cfRule>
  </conditionalFormatting>
  <conditionalFormatting sqref="P164:Q165">
    <cfRule type="expression" dxfId="1249" priority="1246" stopIfTrue="1">
      <formula>ISBLANK(P164)=TRUE</formula>
    </cfRule>
    <cfRule type="expression" dxfId="1248" priority="1247" stopIfTrue="1">
      <formula>INDIRECT("第１の３表②!"&amp;CELL("address",CI164))="×××"</formula>
    </cfRule>
    <cfRule type="expression" dxfId="1247" priority="1248" stopIfTrue="1">
      <formula>INDIRECT("第１の３表②!"&amp;CELL("address",CI164))="××"</formula>
    </cfRule>
    <cfRule type="expression" dxfId="1246" priority="1249" stopIfTrue="1">
      <formula>INDIRECT("第１の３表②!"&amp;CELL("address",CI164))="×"</formula>
    </cfRule>
    <cfRule type="expression" dxfId="1245" priority="1250" stopIfTrue="1">
      <formula>ISBLANK(P164)=FALSE</formula>
    </cfRule>
  </conditionalFormatting>
  <conditionalFormatting sqref="S164:T165">
    <cfRule type="expression" dxfId="1244" priority="1241" stopIfTrue="1">
      <formula>ISBLANK(S164)=TRUE</formula>
    </cfRule>
    <cfRule type="expression" dxfId="1243" priority="1242" stopIfTrue="1">
      <formula>INDIRECT("第１の３表②!"&amp;CELL("address",CL164))="×××"</formula>
    </cfRule>
    <cfRule type="expression" dxfId="1242" priority="1243" stopIfTrue="1">
      <formula>INDIRECT("第１の３表②!"&amp;CELL("address",CL164))="××"</formula>
    </cfRule>
    <cfRule type="expression" dxfId="1241" priority="1244" stopIfTrue="1">
      <formula>INDIRECT("第１の３表②!"&amp;CELL("address",CL164))="×"</formula>
    </cfRule>
    <cfRule type="expression" dxfId="1240" priority="1245" stopIfTrue="1">
      <formula>ISBLANK(S164)=FALSE</formula>
    </cfRule>
  </conditionalFormatting>
  <conditionalFormatting sqref="V164:W165">
    <cfRule type="expression" dxfId="1239" priority="1236" stopIfTrue="1">
      <formula>ISBLANK(V164)=TRUE</formula>
    </cfRule>
    <cfRule type="expression" dxfId="1238" priority="1237" stopIfTrue="1">
      <formula>INDIRECT("第１の３表②!"&amp;CELL("address",CO164))="×××"</formula>
    </cfRule>
    <cfRule type="expression" dxfId="1237" priority="1238" stopIfTrue="1">
      <formula>INDIRECT("第１の３表②!"&amp;CELL("address",CO164))="××"</formula>
    </cfRule>
    <cfRule type="expression" dxfId="1236" priority="1239" stopIfTrue="1">
      <formula>INDIRECT("第１の３表②!"&amp;CELL("address",CO164))="×"</formula>
    </cfRule>
    <cfRule type="expression" dxfId="1235" priority="1240" stopIfTrue="1">
      <formula>ISBLANK(V164)=FALSE</formula>
    </cfRule>
  </conditionalFormatting>
  <conditionalFormatting sqref="Y164:Z165">
    <cfRule type="expression" dxfId="1234" priority="1231" stopIfTrue="1">
      <formula>ISBLANK(Y164)=TRUE</formula>
    </cfRule>
    <cfRule type="expression" dxfId="1233" priority="1232" stopIfTrue="1">
      <formula>INDIRECT("第１の３表②!"&amp;CELL("address",CR164))="×××"</formula>
    </cfRule>
    <cfRule type="expression" dxfId="1232" priority="1233" stopIfTrue="1">
      <formula>INDIRECT("第１の３表②!"&amp;CELL("address",CR164))="××"</formula>
    </cfRule>
    <cfRule type="expression" dxfId="1231" priority="1234" stopIfTrue="1">
      <formula>INDIRECT("第１の３表②!"&amp;CELL("address",CR164))="×"</formula>
    </cfRule>
    <cfRule type="expression" dxfId="1230" priority="1235" stopIfTrue="1">
      <formula>ISBLANK(Y164)=FALSE</formula>
    </cfRule>
  </conditionalFormatting>
  <conditionalFormatting sqref="AB164:AC165">
    <cfRule type="expression" dxfId="1229" priority="1226" stopIfTrue="1">
      <formula>ISBLANK(AB164)=TRUE</formula>
    </cfRule>
    <cfRule type="expression" dxfId="1228" priority="1227" stopIfTrue="1">
      <formula>INDIRECT("第１の３表②!"&amp;CELL("address",CU164))="×××"</formula>
    </cfRule>
    <cfRule type="expression" dxfId="1227" priority="1228" stopIfTrue="1">
      <formula>INDIRECT("第１の３表②!"&amp;CELL("address",CU164))="××"</formula>
    </cfRule>
    <cfRule type="expression" dxfId="1226" priority="1229" stopIfTrue="1">
      <formula>INDIRECT("第１の３表②!"&amp;CELL("address",CU164))="×"</formula>
    </cfRule>
    <cfRule type="expression" dxfId="1225" priority="1230" stopIfTrue="1">
      <formula>ISBLANK(AB164)=FALSE</formula>
    </cfRule>
  </conditionalFormatting>
  <conditionalFormatting sqref="AE164:AF165">
    <cfRule type="expression" dxfId="1224" priority="1221" stopIfTrue="1">
      <formula>ISBLANK(AE164)=TRUE</formula>
    </cfRule>
    <cfRule type="expression" dxfId="1223" priority="1222" stopIfTrue="1">
      <formula>INDIRECT("第１の３表②!"&amp;CELL("address",CX164))="×××"</formula>
    </cfRule>
    <cfRule type="expression" dxfId="1222" priority="1223" stopIfTrue="1">
      <formula>INDIRECT("第１の３表②!"&amp;CELL("address",CX164))="××"</formula>
    </cfRule>
    <cfRule type="expression" dxfId="1221" priority="1224" stopIfTrue="1">
      <formula>INDIRECT("第１の３表②!"&amp;CELL("address",CX164))="×"</formula>
    </cfRule>
    <cfRule type="expression" dxfId="1220" priority="1225" stopIfTrue="1">
      <formula>ISBLANK(AE164)=FALSE</formula>
    </cfRule>
  </conditionalFormatting>
  <conditionalFormatting sqref="AH164:AI165">
    <cfRule type="expression" dxfId="1219" priority="1216" stopIfTrue="1">
      <formula>ISBLANK(AH164)=TRUE</formula>
    </cfRule>
    <cfRule type="expression" dxfId="1218" priority="1217" stopIfTrue="1">
      <formula>INDIRECT("第１の３表②!"&amp;CELL("address",DA164))="×××"</formula>
    </cfRule>
    <cfRule type="expression" dxfId="1217" priority="1218" stopIfTrue="1">
      <formula>INDIRECT("第１の３表②!"&amp;CELL("address",DA164))="××"</formula>
    </cfRule>
    <cfRule type="expression" dxfId="1216" priority="1219" stopIfTrue="1">
      <formula>INDIRECT("第１の３表②!"&amp;CELL("address",DA164))="×"</formula>
    </cfRule>
    <cfRule type="expression" dxfId="1215" priority="1220" stopIfTrue="1">
      <formula>ISBLANK(AH164)=FALSE</formula>
    </cfRule>
  </conditionalFormatting>
  <conditionalFormatting sqref="AK164:AL165">
    <cfRule type="expression" dxfId="1214" priority="1211" stopIfTrue="1">
      <formula>ISBLANK(AK164)=TRUE</formula>
    </cfRule>
    <cfRule type="expression" dxfId="1213" priority="1212" stopIfTrue="1">
      <formula>INDIRECT("第１の３表②!"&amp;CELL("address",DD164))="×××"</formula>
    </cfRule>
    <cfRule type="expression" dxfId="1212" priority="1213" stopIfTrue="1">
      <formula>INDIRECT("第１の３表②!"&amp;CELL("address",DD164))="××"</formula>
    </cfRule>
    <cfRule type="expression" dxfId="1211" priority="1214" stopIfTrue="1">
      <formula>INDIRECT("第１の３表②!"&amp;CELL("address",DD164))="×"</formula>
    </cfRule>
    <cfRule type="expression" dxfId="1210" priority="1215" stopIfTrue="1">
      <formula>ISBLANK(AK164)=FALSE</formula>
    </cfRule>
  </conditionalFormatting>
  <conditionalFormatting sqref="AN164:AO165">
    <cfRule type="expression" dxfId="1209" priority="1206" stopIfTrue="1">
      <formula>ISBLANK(AN164)=TRUE</formula>
    </cfRule>
    <cfRule type="expression" dxfId="1208" priority="1207" stopIfTrue="1">
      <formula>INDIRECT("第１の３表②!"&amp;CELL("address",DG164))="×××"</formula>
    </cfRule>
    <cfRule type="expression" dxfId="1207" priority="1208" stopIfTrue="1">
      <formula>INDIRECT("第１の３表②!"&amp;CELL("address",DG164))="××"</formula>
    </cfRule>
    <cfRule type="expression" dxfId="1206" priority="1209" stopIfTrue="1">
      <formula>INDIRECT("第１の３表②!"&amp;CELL("address",DG164))="×"</formula>
    </cfRule>
    <cfRule type="expression" dxfId="1205" priority="1210" stopIfTrue="1">
      <formula>ISBLANK(AN164)=FALSE</formula>
    </cfRule>
  </conditionalFormatting>
  <conditionalFormatting sqref="AQ164:AR165">
    <cfRule type="expression" dxfId="1204" priority="1201" stopIfTrue="1">
      <formula>ISBLANK(AQ164)=TRUE</formula>
    </cfRule>
    <cfRule type="expression" dxfId="1203" priority="1202" stopIfTrue="1">
      <formula>INDIRECT("第１の３表②!"&amp;CELL("address",DJ164))="×××"</formula>
    </cfRule>
    <cfRule type="expression" dxfId="1202" priority="1203" stopIfTrue="1">
      <formula>INDIRECT("第１の３表②!"&amp;CELL("address",DJ164))="××"</formula>
    </cfRule>
    <cfRule type="expression" dxfId="1201" priority="1204" stopIfTrue="1">
      <formula>INDIRECT("第１の３表②!"&amp;CELL("address",DJ164))="×"</formula>
    </cfRule>
    <cfRule type="expression" dxfId="1200" priority="1205" stopIfTrue="1">
      <formula>ISBLANK(AQ164)=FALSE</formula>
    </cfRule>
  </conditionalFormatting>
  <conditionalFormatting sqref="AT164:AU165">
    <cfRule type="expression" dxfId="1199" priority="1196" stopIfTrue="1">
      <formula>ISBLANK(AT164)=TRUE</formula>
    </cfRule>
    <cfRule type="expression" dxfId="1198" priority="1197" stopIfTrue="1">
      <formula>INDIRECT("第１の３表②!"&amp;CELL("address",DM164))="×××"</formula>
    </cfRule>
    <cfRule type="expression" dxfId="1197" priority="1198" stopIfTrue="1">
      <formula>INDIRECT("第１の３表②!"&amp;CELL("address",DM164))="××"</formula>
    </cfRule>
    <cfRule type="expression" dxfId="1196" priority="1199" stopIfTrue="1">
      <formula>INDIRECT("第１の３表②!"&amp;CELL("address",DM164))="×"</formula>
    </cfRule>
    <cfRule type="expression" dxfId="1195" priority="1200" stopIfTrue="1">
      <formula>ISBLANK(AT164)=FALSE</formula>
    </cfRule>
  </conditionalFormatting>
  <conditionalFormatting sqref="AW164:AX165">
    <cfRule type="expression" dxfId="1194" priority="1191" stopIfTrue="1">
      <formula>ISBLANK(AW164)=TRUE</formula>
    </cfRule>
    <cfRule type="expression" dxfId="1193" priority="1192" stopIfTrue="1">
      <formula>INDIRECT("第１の３表②!"&amp;CELL("address",DP164))="×××"</formula>
    </cfRule>
    <cfRule type="expression" dxfId="1192" priority="1193" stopIfTrue="1">
      <formula>INDIRECT("第１の３表②!"&amp;CELL("address",DP164))="××"</formula>
    </cfRule>
    <cfRule type="expression" dxfId="1191" priority="1194" stopIfTrue="1">
      <formula>INDIRECT("第１の３表②!"&amp;CELL("address",DP164))="×"</formula>
    </cfRule>
    <cfRule type="expression" dxfId="1190" priority="1195" stopIfTrue="1">
      <formula>ISBLANK(AW164)=FALSE</formula>
    </cfRule>
  </conditionalFormatting>
  <conditionalFormatting sqref="AZ164:BA165">
    <cfRule type="expression" dxfId="1189" priority="1186" stopIfTrue="1">
      <formula>ISBLANK(AZ164)=TRUE</formula>
    </cfRule>
    <cfRule type="expression" dxfId="1188" priority="1187" stopIfTrue="1">
      <formula>INDIRECT("第１の３表②!"&amp;CELL("address",DS164))="×××"</formula>
    </cfRule>
    <cfRule type="expression" dxfId="1187" priority="1188" stopIfTrue="1">
      <formula>INDIRECT("第１の３表②!"&amp;CELL("address",DS164))="××"</formula>
    </cfRule>
    <cfRule type="expression" dxfId="1186" priority="1189" stopIfTrue="1">
      <formula>INDIRECT("第１の３表②!"&amp;CELL("address",DS164))="×"</formula>
    </cfRule>
    <cfRule type="expression" dxfId="1185" priority="1190" stopIfTrue="1">
      <formula>ISBLANK(AZ164)=FALSE</formula>
    </cfRule>
  </conditionalFormatting>
  <conditionalFormatting sqref="BC164:BD165">
    <cfRule type="expression" dxfId="1184" priority="1181" stopIfTrue="1">
      <formula>ISBLANK(BC164)=TRUE</formula>
    </cfRule>
    <cfRule type="expression" dxfId="1183" priority="1182" stopIfTrue="1">
      <formula>INDIRECT("第１の３表②!"&amp;CELL("address",DV164))="×××"</formula>
    </cfRule>
    <cfRule type="expression" dxfId="1182" priority="1183" stopIfTrue="1">
      <formula>INDIRECT("第１の３表②!"&amp;CELL("address",DV164))="××"</formula>
    </cfRule>
    <cfRule type="expression" dxfId="1181" priority="1184" stopIfTrue="1">
      <formula>INDIRECT("第１の３表②!"&amp;CELL("address",DV164))="×"</formula>
    </cfRule>
    <cfRule type="expression" dxfId="1180" priority="1185" stopIfTrue="1">
      <formula>ISBLANK(BC164)=FALSE</formula>
    </cfRule>
  </conditionalFormatting>
  <conditionalFormatting sqref="BF164:BG165">
    <cfRule type="expression" dxfId="1179" priority="1176" stopIfTrue="1">
      <formula>ISBLANK(BF164)=TRUE</formula>
    </cfRule>
    <cfRule type="expression" dxfId="1178" priority="1177" stopIfTrue="1">
      <formula>INDIRECT("第１の３表②!"&amp;CELL("address",DY164))="×××"</formula>
    </cfRule>
    <cfRule type="expression" dxfId="1177" priority="1178" stopIfTrue="1">
      <formula>INDIRECT("第１の３表②!"&amp;CELL("address",DY164))="××"</formula>
    </cfRule>
    <cfRule type="expression" dxfId="1176" priority="1179" stopIfTrue="1">
      <formula>INDIRECT("第１の３表②!"&amp;CELL("address",DY164))="×"</formula>
    </cfRule>
    <cfRule type="expression" dxfId="1175" priority="1180" stopIfTrue="1">
      <formula>ISBLANK(BF164)=FALSE</formula>
    </cfRule>
  </conditionalFormatting>
  <conditionalFormatting sqref="BI164:BJ165">
    <cfRule type="expression" dxfId="1174" priority="1171" stopIfTrue="1">
      <formula>ISBLANK(BI164)=TRUE</formula>
    </cfRule>
    <cfRule type="expression" dxfId="1173" priority="1172" stopIfTrue="1">
      <formula>INDIRECT("第１の３表②!"&amp;CELL("address",EB164))="×××"</formula>
    </cfRule>
    <cfRule type="expression" dxfId="1172" priority="1173" stopIfTrue="1">
      <formula>INDIRECT("第１の３表②!"&amp;CELL("address",EB164))="××"</formula>
    </cfRule>
    <cfRule type="expression" dxfId="1171" priority="1174" stopIfTrue="1">
      <formula>INDIRECT("第１の３表②!"&amp;CELL("address",EB164))="×"</formula>
    </cfRule>
    <cfRule type="expression" dxfId="1170" priority="1175" stopIfTrue="1">
      <formula>ISBLANK(BI164)=FALSE</formula>
    </cfRule>
  </conditionalFormatting>
  <conditionalFormatting sqref="BL164:BM165">
    <cfRule type="expression" dxfId="1169" priority="1166" stopIfTrue="1">
      <formula>ISBLANK(BL164)=TRUE</formula>
    </cfRule>
    <cfRule type="expression" dxfId="1168" priority="1167" stopIfTrue="1">
      <formula>INDIRECT("第１の３表②!"&amp;CELL("address",EE164))="×××"</formula>
    </cfRule>
    <cfRule type="expression" dxfId="1167" priority="1168" stopIfTrue="1">
      <formula>INDIRECT("第１の３表②!"&amp;CELL("address",EE164))="××"</formula>
    </cfRule>
    <cfRule type="expression" dxfId="1166" priority="1169" stopIfTrue="1">
      <formula>INDIRECT("第１の３表②!"&amp;CELL("address",EE164))="×"</formula>
    </cfRule>
    <cfRule type="expression" dxfId="1165" priority="1170" stopIfTrue="1">
      <formula>ISBLANK(BL164)=FALSE</formula>
    </cfRule>
  </conditionalFormatting>
  <conditionalFormatting sqref="BO164:BP165">
    <cfRule type="expression" dxfId="1164" priority="1161" stopIfTrue="1">
      <formula>ISBLANK(BO164)=TRUE</formula>
    </cfRule>
    <cfRule type="expression" dxfId="1163" priority="1162" stopIfTrue="1">
      <formula>INDIRECT("第１の３表②!"&amp;CELL("address",EH164))="×××"</formula>
    </cfRule>
    <cfRule type="expression" dxfId="1162" priority="1163" stopIfTrue="1">
      <formula>INDIRECT("第１の３表②!"&amp;CELL("address",EH164))="××"</formula>
    </cfRule>
    <cfRule type="expression" dxfId="1161" priority="1164" stopIfTrue="1">
      <formula>INDIRECT("第１の３表②!"&amp;CELL("address",EH164))="×"</formula>
    </cfRule>
    <cfRule type="expression" dxfId="1160" priority="1165" stopIfTrue="1">
      <formula>ISBLANK(BO164)=FALSE</formula>
    </cfRule>
  </conditionalFormatting>
  <conditionalFormatting sqref="G167:H168">
    <cfRule type="expression" dxfId="1159" priority="1156" stopIfTrue="1">
      <formula>ISBLANK(G167)=TRUE</formula>
    </cfRule>
    <cfRule type="expression" dxfId="1158" priority="1157" stopIfTrue="1">
      <formula>INDIRECT("第１の３表②!"&amp;CELL("address",BZ167))="×××"</formula>
    </cfRule>
    <cfRule type="expression" dxfId="1157" priority="1158" stopIfTrue="1">
      <formula>INDIRECT("第１の３表②!"&amp;CELL("address",BZ167))="××"</formula>
    </cfRule>
    <cfRule type="expression" dxfId="1156" priority="1159" stopIfTrue="1">
      <formula>INDIRECT("第１の３表②!"&amp;CELL("address",BZ167))="×"</formula>
    </cfRule>
    <cfRule type="expression" dxfId="1155" priority="1160" stopIfTrue="1">
      <formula>ISBLANK(G167)=FALSE</formula>
    </cfRule>
  </conditionalFormatting>
  <conditionalFormatting sqref="J167:K168">
    <cfRule type="expression" dxfId="1154" priority="1151" stopIfTrue="1">
      <formula>ISBLANK(J167)=TRUE</formula>
    </cfRule>
    <cfRule type="expression" dxfId="1153" priority="1152" stopIfTrue="1">
      <formula>INDIRECT("第１の３表②!"&amp;CELL("address",CC167))="×××"</formula>
    </cfRule>
    <cfRule type="expression" dxfId="1152" priority="1153" stopIfTrue="1">
      <formula>INDIRECT("第１の３表②!"&amp;CELL("address",CC167))="××"</formula>
    </cfRule>
    <cfRule type="expression" dxfId="1151" priority="1154" stopIfTrue="1">
      <formula>INDIRECT("第１の３表②!"&amp;CELL("address",CC167))="×"</formula>
    </cfRule>
    <cfRule type="expression" dxfId="1150" priority="1155" stopIfTrue="1">
      <formula>ISBLANK(J167)=FALSE</formula>
    </cfRule>
  </conditionalFormatting>
  <conditionalFormatting sqref="M167:N168">
    <cfRule type="expression" dxfId="1149" priority="1146" stopIfTrue="1">
      <formula>ISBLANK(M167)=TRUE</formula>
    </cfRule>
    <cfRule type="expression" dxfId="1148" priority="1147" stopIfTrue="1">
      <formula>INDIRECT("第１の３表②!"&amp;CELL("address",CF167))="×××"</formula>
    </cfRule>
    <cfRule type="expression" dxfId="1147" priority="1148" stopIfTrue="1">
      <formula>INDIRECT("第１の３表②!"&amp;CELL("address",CF167))="××"</formula>
    </cfRule>
    <cfRule type="expression" dxfId="1146" priority="1149" stopIfTrue="1">
      <formula>INDIRECT("第１の３表②!"&amp;CELL("address",CF167))="×"</formula>
    </cfRule>
    <cfRule type="expression" dxfId="1145" priority="1150" stopIfTrue="1">
      <formula>ISBLANK(M167)=FALSE</formula>
    </cfRule>
  </conditionalFormatting>
  <conditionalFormatting sqref="P167:Q168">
    <cfRule type="expression" dxfId="1144" priority="1141" stopIfTrue="1">
      <formula>ISBLANK(P167)=TRUE</formula>
    </cfRule>
    <cfRule type="expression" dxfId="1143" priority="1142" stopIfTrue="1">
      <formula>INDIRECT("第１の３表②!"&amp;CELL("address",CI167))="×××"</formula>
    </cfRule>
    <cfRule type="expression" dxfId="1142" priority="1143" stopIfTrue="1">
      <formula>INDIRECT("第１の３表②!"&amp;CELL("address",CI167))="××"</formula>
    </cfRule>
    <cfRule type="expression" dxfId="1141" priority="1144" stopIfTrue="1">
      <formula>INDIRECT("第１の３表②!"&amp;CELL("address",CI167))="×"</formula>
    </cfRule>
    <cfRule type="expression" dxfId="1140" priority="1145" stopIfTrue="1">
      <formula>ISBLANK(P167)=FALSE</formula>
    </cfRule>
  </conditionalFormatting>
  <conditionalFormatting sqref="S167:T168">
    <cfRule type="expression" dxfId="1139" priority="1136" stopIfTrue="1">
      <formula>ISBLANK(S167)=TRUE</formula>
    </cfRule>
    <cfRule type="expression" dxfId="1138" priority="1137" stopIfTrue="1">
      <formula>INDIRECT("第１の３表②!"&amp;CELL("address",CL167))="×××"</formula>
    </cfRule>
    <cfRule type="expression" dxfId="1137" priority="1138" stopIfTrue="1">
      <formula>INDIRECT("第１の３表②!"&amp;CELL("address",CL167))="××"</formula>
    </cfRule>
    <cfRule type="expression" dxfId="1136" priority="1139" stopIfTrue="1">
      <formula>INDIRECT("第１の３表②!"&amp;CELL("address",CL167))="×"</formula>
    </cfRule>
    <cfRule type="expression" dxfId="1135" priority="1140" stopIfTrue="1">
      <formula>ISBLANK(S167)=FALSE</formula>
    </cfRule>
  </conditionalFormatting>
  <conditionalFormatting sqref="V167:W168">
    <cfRule type="expression" dxfId="1134" priority="1131" stopIfTrue="1">
      <formula>ISBLANK(V167)=TRUE</formula>
    </cfRule>
    <cfRule type="expression" dxfId="1133" priority="1132" stopIfTrue="1">
      <formula>INDIRECT("第１の３表②!"&amp;CELL("address",CO167))="×××"</formula>
    </cfRule>
    <cfRule type="expression" dxfId="1132" priority="1133" stopIfTrue="1">
      <formula>INDIRECT("第１の３表②!"&amp;CELL("address",CO167))="××"</formula>
    </cfRule>
    <cfRule type="expression" dxfId="1131" priority="1134" stopIfTrue="1">
      <formula>INDIRECT("第１の３表②!"&amp;CELL("address",CO167))="×"</formula>
    </cfRule>
    <cfRule type="expression" dxfId="1130" priority="1135" stopIfTrue="1">
      <formula>ISBLANK(V167)=FALSE</formula>
    </cfRule>
  </conditionalFormatting>
  <conditionalFormatting sqref="Y167:Z168">
    <cfRule type="expression" dxfId="1129" priority="1126" stopIfTrue="1">
      <formula>ISBLANK(Y167)=TRUE</formula>
    </cfRule>
    <cfRule type="expression" dxfId="1128" priority="1127" stopIfTrue="1">
      <formula>INDIRECT("第１の３表②!"&amp;CELL("address",CR167))="×××"</formula>
    </cfRule>
    <cfRule type="expression" dxfId="1127" priority="1128" stopIfTrue="1">
      <formula>INDIRECT("第１の３表②!"&amp;CELL("address",CR167))="××"</formula>
    </cfRule>
    <cfRule type="expression" dxfId="1126" priority="1129" stopIfTrue="1">
      <formula>INDIRECT("第１の３表②!"&amp;CELL("address",CR167))="×"</formula>
    </cfRule>
    <cfRule type="expression" dxfId="1125" priority="1130" stopIfTrue="1">
      <formula>ISBLANK(Y167)=FALSE</formula>
    </cfRule>
  </conditionalFormatting>
  <conditionalFormatting sqref="AB167:AC168">
    <cfRule type="expression" dxfId="1124" priority="1121" stopIfTrue="1">
      <formula>ISBLANK(AB167)=TRUE</formula>
    </cfRule>
    <cfRule type="expression" dxfId="1123" priority="1122" stopIfTrue="1">
      <formula>INDIRECT("第１の３表②!"&amp;CELL("address",CU167))="×××"</formula>
    </cfRule>
    <cfRule type="expression" dxfId="1122" priority="1123" stopIfTrue="1">
      <formula>INDIRECT("第１の３表②!"&amp;CELL("address",CU167))="××"</formula>
    </cfRule>
    <cfRule type="expression" dxfId="1121" priority="1124" stopIfTrue="1">
      <formula>INDIRECT("第１の３表②!"&amp;CELL("address",CU167))="×"</formula>
    </cfRule>
    <cfRule type="expression" dxfId="1120" priority="1125" stopIfTrue="1">
      <formula>ISBLANK(AB167)=FALSE</formula>
    </cfRule>
  </conditionalFormatting>
  <conditionalFormatting sqref="AE167:AF168">
    <cfRule type="expression" dxfId="1119" priority="1116" stopIfTrue="1">
      <formula>ISBLANK(AE167)=TRUE</formula>
    </cfRule>
    <cfRule type="expression" dxfId="1118" priority="1117" stopIfTrue="1">
      <formula>INDIRECT("第１の３表②!"&amp;CELL("address",CX167))="×××"</formula>
    </cfRule>
    <cfRule type="expression" dxfId="1117" priority="1118" stopIfTrue="1">
      <formula>INDIRECT("第１の３表②!"&amp;CELL("address",CX167))="××"</formula>
    </cfRule>
    <cfRule type="expression" dxfId="1116" priority="1119" stopIfTrue="1">
      <formula>INDIRECT("第１の３表②!"&amp;CELL("address",CX167))="×"</formula>
    </cfRule>
    <cfRule type="expression" dxfId="1115" priority="1120" stopIfTrue="1">
      <formula>ISBLANK(AE167)=FALSE</formula>
    </cfRule>
  </conditionalFormatting>
  <conditionalFormatting sqref="AH167:AI168">
    <cfRule type="expression" dxfId="1114" priority="1111" stopIfTrue="1">
      <formula>ISBLANK(AH167)=TRUE</formula>
    </cfRule>
    <cfRule type="expression" dxfId="1113" priority="1112" stopIfTrue="1">
      <formula>INDIRECT("第１の３表②!"&amp;CELL("address",DA167))="×××"</formula>
    </cfRule>
    <cfRule type="expression" dxfId="1112" priority="1113" stopIfTrue="1">
      <formula>INDIRECT("第１の３表②!"&amp;CELL("address",DA167))="××"</formula>
    </cfRule>
    <cfRule type="expression" dxfId="1111" priority="1114" stopIfTrue="1">
      <formula>INDIRECT("第１の３表②!"&amp;CELL("address",DA167))="×"</formula>
    </cfRule>
    <cfRule type="expression" dxfId="1110" priority="1115" stopIfTrue="1">
      <formula>ISBLANK(AH167)=FALSE</formula>
    </cfRule>
  </conditionalFormatting>
  <conditionalFormatting sqref="AK167:AL168">
    <cfRule type="expression" dxfId="1109" priority="1106" stopIfTrue="1">
      <formula>ISBLANK(AK167)=TRUE</formula>
    </cfRule>
    <cfRule type="expression" dxfId="1108" priority="1107" stopIfTrue="1">
      <formula>INDIRECT("第１の３表②!"&amp;CELL("address",DD167))="×××"</formula>
    </cfRule>
    <cfRule type="expression" dxfId="1107" priority="1108" stopIfTrue="1">
      <formula>INDIRECT("第１の３表②!"&amp;CELL("address",DD167))="××"</formula>
    </cfRule>
    <cfRule type="expression" dxfId="1106" priority="1109" stopIfTrue="1">
      <formula>INDIRECT("第１の３表②!"&amp;CELL("address",DD167))="×"</formula>
    </cfRule>
    <cfRule type="expression" dxfId="1105" priority="1110" stopIfTrue="1">
      <formula>ISBLANK(AK167)=FALSE</formula>
    </cfRule>
  </conditionalFormatting>
  <conditionalFormatting sqref="AN167:AO168">
    <cfRule type="expression" dxfId="1104" priority="1101" stopIfTrue="1">
      <formula>ISBLANK(AN167)=TRUE</formula>
    </cfRule>
    <cfRule type="expression" dxfId="1103" priority="1102" stopIfTrue="1">
      <formula>INDIRECT("第１の３表②!"&amp;CELL("address",DG167))="×××"</formula>
    </cfRule>
    <cfRule type="expression" dxfId="1102" priority="1103" stopIfTrue="1">
      <formula>INDIRECT("第１の３表②!"&amp;CELL("address",DG167))="××"</formula>
    </cfRule>
    <cfRule type="expression" dxfId="1101" priority="1104" stopIfTrue="1">
      <formula>INDIRECT("第１の３表②!"&amp;CELL("address",DG167))="×"</formula>
    </cfRule>
    <cfRule type="expression" dxfId="1100" priority="1105" stopIfTrue="1">
      <formula>ISBLANK(AN167)=FALSE</formula>
    </cfRule>
  </conditionalFormatting>
  <conditionalFormatting sqref="AQ167:AR168">
    <cfRule type="expression" dxfId="1099" priority="1096" stopIfTrue="1">
      <formula>ISBLANK(AQ167)=TRUE</formula>
    </cfRule>
    <cfRule type="expression" dxfId="1098" priority="1097" stopIfTrue="1">
      <formula>INDIRECT("第１の３表②!"&amp;CELL("address",DJ167))="×××"</formula>
    </cfRule>
    <cfRule type="expression" dxfId="1097" priority="1098" stopIfTrue="1">
      <formula>INDIRECT("第１の３表②!"&amp;CELL("address",DJ167))="××"</formula>
    </cfRule>
    <cfRule type="expression" dxfId="1096" priority="1099" stopIfTrue="1">
      <formula>INDIRECT("第１の３表②!"&amp;CELL("address",DJ167))="×"</formula>
    </cfRule>
    <cfRule type="expression" dxfId="1095" priority="1100" stopIfTrue="1">
      <formula>ISBLANK(AQ167)=FALSE</formula>
    </cfRule>
  </conditionalFormatting>
  <conditionalFormatting sqref="AT167:AU168">
    <cfRule type="expression" dxfId="1094" priority="1091" stopIfTrue="1">
      <formula>ISBLANK(AT167)=TRUE</formula>
    </cfRule>
    <cfRule type="expression" dxfId="1093" priority="1092" stopIfTrue="1">
      <formula>INDIRECT("第１の３表②!"&amp;CELL("address",DM167))="×××"</formula>
    </cfRule>
    <cfRule type="expression" dxfId="1092" priority="1093" stopIfTrue="1">
      <formula>INDIRECT("第１の３表②!"&amp;CELL("address",DM167))="××"</formula>
    </cfRule>
    <cfRule type="expression" dxfId="1091" priority="1094" stopIfTrue="1">
      <formula>INDIRECT("第１の３表②!"&amp;CELL("address",DM167))="×"</formula>
    </cfRule>
    <cfRule type="expression" dxfId="1090" priority="1095" stopIfTrue="1">
      <formula>ISBLANK(AT167)=FALSE</formula>
    </cfRule>
  </conditionalFormatting>
  <conditionalFormatting sqref="AW167:AX168">
    <cfRule type="expression" dxfId="1089" priority="1086" stopIfTrue="1">
      <formula>ISBLANK(AW167)=TRUE</formula>
    </cfRule>
    <cfRule type="expression" dxfId="1088" priority="1087" stopIfTrue="1">
      <formula>INDIRECT("第１の３表②!"&amp;CELL("address",DP167))="×××"</formula>
    </cfRule>
    <cfRule type="expression" dxfId="1087" priority="1088" stopIfTrue="1">
      <formula>INDIRECT("第１の３表②!"&amp;CELL("address",DP167))="××"</formula>
    </cfRule>
    <cfRule type="expression" dxfId="1086" priority="1089" stopIfTrue="1">
      <formula>INDIRECT("第１の３表②!"&amp;CELL("address",DP167))="×"</formula>
    </cfRule>
    <cfRule type="expression" dxfId="1085" priority="1090" stopIfTrue="1">
      <formula>ISBLANK(AW167)=FALSE</formula>
    </cfRule>
  </conditionalFormatting>
  <conditionalFormatting sqref="AZ167:BA168">
    <cfRule type="expression" dxfId="1084" priority="1081" stopIfTrue="1">
      <formula>ISBLANK(AZ167)=TRUE</formula>
    </cfRule>
    <cfRule type="expression" dxfId="1083" priority="1082" stopIfTrue="1">
      <formula>INDIRECT("第１の３表②!"&amp;CELL("address",DS167))="×××"</formula>
    </cfRule>
    <cfRule type="expression" dxfId="1082" priority="1083" stopIfTrue="1">
      <formula>INDIRECT("第１の３表②!"&amp;CELL("address",DS167))="××"</formula>
    </cfRule>
    <cfRule type="expression" dxfId="1081" priority="1084" stopIfTrue="1">
      <formula>INDIRECT("第１の３表②!"&amp;CELL("address",DS167))="×"</formula>
    </cfRule>
    <cfRule type="expression" dxfId="1080" priority="1085" stopIfTrue="1">
      <formula>ISBLANK(AZ167)=FALSE</formula>
    </cfRule>
  </conditionalFormatting>
  <conditionalFormatting sqref="BC167:BD168">
    <cfRule type="expression" dxfId="1079" priority="1076" stopIfTrue="1">
      <formula>ISBLANK(BC167)=TRUE</formula>
    </cfRule>
    <cfRule type="expression" dxfId="1078" priority="1077" stopIfTrue="1">
      <formula>INDIRECT("第１の３表②!"&amp;CELL("address",DV167))="×××"</formula>
    </cfRule>
    <cfRule type="expression" dxfId="1077" priority="1078" stopIfTrue="1">
      <formula>INDIRECT("第１の３表②!"&amp;CELL("address",DV167))="××"</formula>
    </cfRule>
    <cfRule type="expression" dxfId="1076" priority="1079" stopIfTrue="1">
      <formula>INDIRECT("第１の３表②!"&amp;CELL("address",DV167))="×"</formula>
    </cfRule>
    <cfRule type="expression" dxfId="1075" priority="1080" stopIfTrue="1">
      <formula>ISBLANK(BC167)=FALSE</formula>
    </cfRule>
  </conditionalFormatting>
  <conditionalFormatting sqref="BF167:BG168">
    <cfRule type="expression" dxfId="1074" priority="1071" stopIfTrue="1">
      <formula>ISBLANK(BF167)=TRUE</formula>
    </cfRule>
    <cfRule type="expression" dxfId="1073" priority="1072" stopIfTrue="1">
      <formula>INDIRECT("第１の３表②!"&amp;CELL("address",DY167))="×××"</formula>
    </cfRule>
    <cfRule type="expression" dxfId="1072" priority="1073" stopIfTrue="1">
      <formula>INDIRECT("第１の３表②!"&amp;CELL("address",DY167))="××"</formula>
    </cfRule>
    <cfRule type="expression" dxfId="1071" priority="1074" stopIfTrue="1">
      <formula>INDIRECT("第１の３表②!"&amp;CELL("address",DY167))="×"</formula>
    </cfRule>
    <cfRule type="expression" dxfId="1070" priority="1075" stopIfTrue="1">
      <formula>ISBLANK(BF167)=FALSE</formula>
    </cfRule>
  </conditionalFormatting>
  <conditionalFormatting sqref="BI167:BJ168">
    <cfRule type="expression" dxfId="1069" priority="1066" stopIfTrue="1">
      <formula>ISBLANK(BI167)=TRUE</formula>
    </cfRule>
    <cfRule type="expression" dxfId="1068" priority="1067" stopIfTrue="1">
      <formula>INDIRECT("第１の３表②!"&amp;CELL("address",EB167))="×××"</formula>
    </cfRule>
    <cfRule type="expression" dxfId="1067" priority="1068" stopIfTrue="1">
      <formula>INDIRECT("第１の３表②!"&amp;CELL("address",EB167))="××"</formula>
    </cfRule>
    <cfRule type="expression" dxfId="1066" priority="1069" stopIfTrue="1">
      <formula>INDIRECT("第１の３表②!"&amp;CELL("address",EB167))="×"</formula>
    </cfRule>
    <cfRule type="expression" dxfId="1065" priority="1070" stopIfTrue="1">
      <formula>ISBLANK(BI167)=FALSE</formula>
    </cfRule>
  </conditionalFormatting>
  <conditionalFormatting sqref="BL167:BM168">
    <cfRule type="expression" dxfId="1064" priority="1061" stopIfTrue="1">
      <formula>ISBLANK(BL167)=TRUE</formula>
    </cfRule>
    <cfRule type="expression" dxfId="1063" priority="1062" stopIfTrue="1">
      <formula>INDIRECT("第１の３表②!"&amp;CELL("address",EE167))="×××"</formula>
    </cfRule>
    <cfRule type="expression" dxfId="1062" priority="1063" stopIfTrue="1">
      <formula>INDIRECT("第１の３表②!"&amp;CELL("address",EE167))="××"</formula>
    </cfRule>
    <cfRule type="expression" dxfId="1061" priority="1064" stopIfTrue="1">
      <formula>INDIRECT("第１の３表②!"&amp;CELL("address",EE167))="×"</formula>
    </cfRule>
    <cfRule type="expression" dxfId="1060" priority="1065" stopIfTrue="1">
      <formula>ISBLANK(BL167)=FALSE</formula>
    </cfRule>
  </conditionalFormatting>
  <conditionalFormatting sqref="BO167:BP168">
    <cfRule type="expression" dxfId="1059" priority="1056" stopIfTrue="1">
      <formula>ISBLANK(BO167)=TRUE</formula>
    </cfRule>
    <cfRule type="expression" dxfId="1058" priority="1057" stopIfTrue="1">
      <formula>INDIRECT("第１の３表②!"&amp;CELL("address",EH167))="×××"</formula>
    </cfRule>
    <cfRule type="expression" dxfId="1057" priority="1058" stopIfTrue="1">
      <formula>INDIRECT("第１の３表②!"&amp;CELL("address",EH167))="××"</formula>
    </cfRule>
    <cfRule type="expression" dxfId="1056" priority="1059" stopIfTrue="1">
      <formula>INDIRECT("第１の３表②!"&amp;CELL("address",EH167))="×"</formula>
    </cfRule>
    <cfRule type="expression" dxfId="1055" priority="1060" stopIfTrue="1">
      <formula>ISBLANK(BO167)=FALSE</formula>
    </cfRule>
  </conditionalFormatting>
  <conditionalFormatting sqref="G170:H171">
    <cfRule type="expression" dxfId="1054" priority="1051" stopIfTrue="1">
      <formula>ISBLANK(G170)=TRUE</formula>
    </cfRule>
    <cfRule type="expression" dxfId="1053" priority="1052" stopIfTrue="1">
      <formula>INDIRECT("第１の３表②!"&amp;CELL("address",BZ170))="×××"</formula>
    </cfRule>
    <cfRule type="expression" dxfId="1052" priority="1053" stopIfTrue="1">
      <formula>INDIRECT("第１の３表②!"&amp;CELL("address",BZ170))="××"</formula>
    </cfRule>
    <cfRule type="expression" dxfId="1051" priority="1054" stopIfTrue="1">
      <formula>INDIRECT("第１の３表②!"&amp;CELL("address",BZ170))="×"</formula>
    </cfRule>
    <cfRule type="expression" dxfId="1050" priority="1055" stopIfTrue="1">
      <formula>ISBLANK(G170)=FALSE</formula>
    </cfRule>
  </conditionalFormatting>
  <conditionalFormatting sqref="J170:K171">
    <cfRule type="expression" dxfId="1049" priority="1046" stopIfTrue="1">
      <formula>ISBLANK(J170)=TRUE</formula>
    </cfRule>
    <cfRule type="expression" dxfId="1048" priority="1047" stopIfTrue="1">
      <formula>INDIRECT("第１の３表②!"&amp;CELL("address",CC170))="×××"</formula>
    </cfRule>
    <cfRule type="expression" dxfId="1047" priority="1048" stopIfTrue="1">
      <formula>INDIRECT("第１の３表②!"&amp;CELL("address",CC170))="××"</formula>
    </cfRule>
    <cfRule type="expression" dxfId="1046" priority="1049" stopIfTrue="1">
      <formula>INDIRECT("第１の３表②!"&amp;CELL("address",CC170))="×"</formula>
    </cfRule>
    <cfRule type="expression" dxfId="1045" priority="1050" stopIfTrue="1">
      <formula>ISBLANK(J170)=FALSE</formula>
    </cfRule>
  </conditionalFormatting>
  <conditionalFormatting sqref="M170:N171">
    <cfRule type="expression" dxfId="1044" priority="1041" stopIfTrue="1">
      <formula>ISBLANK(M170)=TRUE</formula>
    </cfRule>
    <cfRule type="expression" dxfId="1043" priority="1042" stopIfTrue="1">
      <formula>INDIRECT("第１の３表②!"&amp;CELL("address",CF170))="×××"</formula>
    </cfRule>
    <cfRule type="expression" dxfId="1042" priority="1043" stopIfTrue="1">
      <formula>INDIRECT("第１の３表②!"&amp;CELL("address",CF170))="××"</formula>
    </cfRule>
    <cfRule type="expression" dxfId="1041" priority="1044" stopIfTrue="1">
      <formula>INDIRECT("第１の３表②!"&amp;CELL("address",CF170))="×"</formula>
    </cfRule>
    <cfRule type="expression" dxfId="1040" priority="1045" stopIfTrue="1">
      <formula>ISBLANK(M170)=FALSE</formula>
    </cfRule>
  </conditionalFormatting>
  <conditionalFormatting sqref="P170:Q171">
    <cfRule type="expression" dxfId="1039" priority="1036" stopIfTrue="1">
      <formula>ISBLANK(P170)=TRUE</formula>
    </cfRule>
    <cfRule type="expression" dxfId="1038" priority="1037" stopIfTrue="1">
      <formula>INDIRECT("第１の３表②!"&amp;CELL("address",CI170))="×××"</formula>
    </cfRule>
    <cfRule type="expression" dxfId="1037" priority="1038" stopIfTrue="1">
      <formula>INDIRECT("第１の３表②!"&amp;CELL("address",CI170))="××"</formula>
    </cfRule>
    <cfRule type="expression" dxfId="1036" priority="1039" stopIfTrue="1">
      <formula>INDIRECT("第１の３表②!"&amp;CELL("address",CI170))="×"</formula>
    </cfRule>
    <cfRule type="expression" dxfId="1035" priority="1040" stopIfTrue="1">
      <formula>ISBLANK(P170)=FALSE</formula>
    </cfRule>
  </conditionalFormatting>
  <conditionalFormatting sqref="S170:T171">
    <cfRule type="expression" dxfId="1034" priority="1031" stopIfTrue="1">
      <formula>ISBLANK(S170)=TRUE</formula>
    </cfRule>
    <cfRule type="expression" dxfId="1033" priority="1032" stopIfTrue="1">
      <formula>INDIRECT("第１の３表②!"&amp;CELL("address",CL170))="×××"</formula>
    </cfRule>
    <cfRule type="expression" dxfId="1032" priority="1033" stopIfTrue="1">
      <formula>INDIRECT("第１の３表②!"&amp;CELL("address",CL170))="××"</formula>
    </cfRule>
    <cfRule type="expression" dxfId="1031" priority="1034" stopIfTrue="1">
      <formula>INDIRECT("第１の３表②!"&amp;CELL("address",CL170))="×"</formula>
    </cfRule>
    <cfRule type="expression" dxfId="1030" priority="1035" stopIfTrue="1">
      <formula>ISBLANK(S170)=FALSE</formula>
    </cfRule>
  </conditionalFormatting>
  <conditionalFormatting sqref="V170:W171">
    <cfRule type="expression" dxfId="1029" priority="1026" stopIfTrue="1">
      <formula>ISBLANK(V170)=TRUE</formula>
    </cfRule>
    <cfRule type="expression" dxfId="1028" priority="1027" stopIfTrue="1">
      <formula>INDIRECT("第１の３表②!"&amp;CELL("address",CO170))="×××"</formula>
    </cfRule>
    <cfRule type="expression" dxfId="1027" priority="1028" stopIfTrue="1">
      <formula>INDIRECT("第１の３表②!"&amp;CELL("address",CO170))="××"</formula>
    </cfRule>
    <cfRule type="expression" dxfId="1026" priority="1029" stopIfTrue="1">
      <formula>INDIRECT("第１の３表②!"&amp;CELL("address",CO170))="×"</formula>
    </cfRule>
    <cfRule type="expression" dxfId="1025" priority="1030" stopIfTrue="1">
      <formula>ISBLANK(V170)=FALSE</formula>
    </cfRule>
  </conditionalFormatting>
  <conditionalFormatting sqref="Y170:Z171">
    <cfRule type="expression" dxfId="1024" priority="1021" stopIfTrue="1">
      <formula>ISBLANK(Y170)=TRUE</formula>
    </cfRule>
    <cfRule type="expression" dxfId="1023" priority="1022" stopIfTrue="1">
      <formula>INDIRECT("第１の３表②!"&amp;CELL("address",CR170))="×××"</formula>
    </cfRule>
    <cfRule type="expression" dxfId="1022" priority="1023" stopIfTrue="1">
      <formula>INDIRECT("第１の３表②!"&amp;CELL("address",CR170))="××"</formula>
    </cfRule>
    <cfRule type="expression" dxfId="1021" priority="1024" stopIfTrue="1">
      <formula>INDIRECT("第１の３表②!"&amp;CELL("address",CR170))="×"</formula>
    </cfRule>
    <cfRule type="expression" dxfId="1020" priority="1025" stopIfTrue="1">
      <formula>ISBLANK(Y170)=FALSE</formula>
    </cfRule>
  </conditionalFormatting>
  <conditionalFormatting sqref="AB170:AC171">
    <cfRule type="expression" dxfId="1019" priority="1016" stopIfTrue="1">
      <formula>ISBLANK(AB170)=TRUE</formula>
    </cfRule>
    <cfRule type="expression" dxfId="1018" priority="1017" stopIfTrue="1">
      <formula>INDIRECT("第１の３表②!"&amp;CELL("address",CU170))="×××"</formula>
    </cfRule>
    <cfRule type="expression" dxfId="1017" priority="1018" stopIfTrue="1">
      <formula>INDIRECT("第１の３表②!"&amp;CELL("address",CU170))="××"</formula>
    </cfRule>
    <cfRule type="expression" dxfId="1016" priority="1019" stopIfTrue="1">
      <formula>INDIRECT("第１の３表②!"&amp;CELL("address",CU170))="×"</formula>
    </cfRule>
    <cfRule type="expression" dxfId="1015" priority="1020" stopIfTrue="1">
      <formula>ISBLANK(AB170)=FALSE</formula>
    </cfRule>
  </conditionalFormatting>
  <conditionalFormatting sqref="AE170:AF171">
    <cfRule type="expression" dxfId="1014" priority="1011" stopIfTrue="1">
      <formula>ISBLANK(AE170)=TRUE</formula>
    </cfRule>
    <cfRule type="expression" dxfId="1013" priority="1012" stopIfTrue="1">
      <formula>INDIRECT("第１の３表②!"&amp;CELL("address",CX170))="×××"</formula>
    </cfRule>
    <cfRule type="expression" dxfId="1012" priority="1013" stopIfTrue="1">
      <formula>INDIRECT("第１の３表②!"&amp;CELL("address",CX170))="××"</formula>
    </cfRule>
    <cfRule type="expression" dxfId="1011" priority="1014" stopIfTrue="1">
      <formula>INDIRECT("第１の３表②!"&amp;CELL("address",CX170))="×"</formula>
    </cfRule>
    <cfRule type="expression" dxfId="1010" priority="1015" stopIfTrue="1">
      <formula>ISBLANK(AE170)=FALSE</formula>
    </cfRule>
  </conditionalFormatting>
  <conditionalFormatting sqref="AH170:AI171">
    <cfRule type="expression" dxfId="1009" priority="1006" stopIfTrue="1">
      <formula>ISBLANK(AH170)=TRUE</formula>
    </cfRule>
    <cfRule type="expression" dxfId="1008" priority="1007" stopIfTrue="1">
      <formula>INDIRECT("第１の３表②!"&amp;CELL("address",DA170))="×××"</formula>
    </cfRule>
    <cfRule type="expression" dxfId="1007" priority="1008" stopIfTrue="1">
      <formula>INDIRECT("第１の３表②!"&amp;CELL("address",DA170))="××"</formula>
    </cfRule>
    <cfRule type="expression" dxfId="1006" priority="1009" stopIfTrue="1">
      <formula>INDIRECT("第１の３表②!"&amp;CELL("address",DA170))="×"</formula>
    </cfRule>
    <cfRule type="expression" dxfId="1005" priority="1010" stopIfTrue="1">
      <formula>ISBLANK(AH170)=FALSE</formula>
    </cfRule>
  </conditionalFormatting>
  <conditionalFormatting sqref="AK170:AL171">
    <cfRule type="expression" dxfId="1004" priority="1001" stopIfTrue="1">
      <formula>ISBLANK(AK170)=TRUE</formula>
    </cfRule>
    <cfRule type="expression" dxfId="1003" priority="1002" stopIfTrue="1">
      <formula>INDIRECT("第１の３表②!"&amp;CELL("address",DD170))="×××"</formula>
    </cfRule>
    <cfRule type="expression" dxfId="1002" priority="1003" stopIfTrue="1">
      <formula>INDIRECT("第１の３表②!"&amp;CELL("address",DD170))="××"</formula>
    </cfRule>
    <cfRule type="expression" dxfId="1001" priority="1004" stopIfTrue="1">
      <formula>INDIRECT("第１の３表②!"&amp;CELL("address",DD170))="×"</formula>
    </cfRule>
    <cfRule type="expression" dxfId="1000" priority="1005" stopIfTrue="1">
      <formula>ISBLANK(AK170)=FALSE</formula>
    </cfRule>
  </conditionalFormatting>
  <conditionalFormatting sqref="AN170:AO171">
    <cfRule type="expression" dxfId="999" priority="996" stopIfTrue="1">
      <formula>ISBLANK(AN170)=TRUE</formula>
    </cfRule>
    <cfRule type="expression" dxfId="998" priority="997" stopIfTrue="1">
      <formula>INDIRECT("第１の３表②!"&amp;CELL("address",DG170))="×××"</formula>
    </cfRule>
    <cfRule type="expression" dxfId="997" priority="998" stopIfTrue="1">
      <formula>INDIRECT("第１の３表②!"&amp;CELL("address",DG170))="××"</formula>
    </cfRule>
    <cfRule type="expression" dxfId="996" priority="999" stopIfTrue="1">
      <formula>INDIRECT("第１の３表②!"&amp;CELL("address",DG170))="×"</formula>
    </cfRule>
    <cfRule type="expression" dxfId="995" priority="1000" stopIfTrue="1">
      <formula>ISBLANK(AN170)=FALSE</formula>
    </cfRule>
  </conditionalFormatting>
  <conditionalFormatting sqref="AQ170:AR171">
    <cfRule type="expression" dxfId="994" priority="991" stopIfTrue="1">
      <formula>ISBLANK(AQ170)=TRUE</formula>
    </cfRule>
    <cfRule type="expression" dxfId="993" priority="992" stopIfTrue="1">
      <formula>INDIRECT("第１の３表②!"&amp;CELL("address",DJ170))="×××"</formula>
    </cfRule>
    <cfRule type="expression" dxfId="992" priority="993" stopIfTrue="1">
      <formula>INDIRECT("第１の３表②!"&amp;CELL("address",DJ170))="××"</formula>
    </cfRule>
    <cfRule type="expression" dxfId="991" priority="994" stopIfTrue="1">
      <formula>INDIRECT("第１の３表②!"&amp;CELL("address",DJ170))="×"</formula>
    </cfRule>
    <cfRule type="expression" dxfId="990" priority="995" stopIfTrue="1">
      <formula>ISBLANK(AQ170)=FALSE</formula>
    </cfRule>
  </conditionalFormatting>
  <conditionalFormatting sqref="AT170:AU171">
    <cfRule type="expression" dxfId="989" priority="986" stopIfTrue="1">
      <formula>ISBLANK(AT170)=TRUE</formula>
    </cfRule>
    <cfRule type="expression" dxfId="988" priority="987" stopIfTrue="1">
      <formula>INDIRECT("第１の３表②!"&amp;CELL("address",DM170))="×××"</formula>
    </cfRule>
    <cfRule type="expression" dxfId="987" priority="988" stopIfTrue="1">
      <formula>INDIRECT("第１の３表②!"&amp;CELL("address",DM170))="××"</formula>
    </cfRule>
    <cfRule type="expression" dxfId="986" priority="989" stopIfTrue="1">
      <formula>INDIRECT("第１の３表②!"&amp;CELL("address",DM170))="×"</formula>
    </cfRule>
    <cfRule type="expression" dxfId="985" priority="990" stopIfTrue="1">
      <formula>ISBLANK(AT170)=FALSE</formula>
    </cfRule>
  </conditionalFormatting>
  <conditionalFormatting sqref="AW170:AX171">
    <cfRule type="expression" dxfId="984" priority="981" stopIfTrue="1">
      <formula>ISBLANK(AW170)=TRUE</formula>
    </cfRule>
    <cfRule type="expression" dxfId="983" priority="982" stopIfTrue="1">
      <formula>INDIRECT("第１の３表②!"&amp;CELL("address",DP170))="×××"</formula>
    </cfRule>
    <cfRule type="expression" dxfId="982" priority="983" stopIfTrue="1">
      <formula>INDIRECT("第１の３表②!"&amp;CELL("address",DP170))="××"</formula>
    </cfRule>
    <cfRule type="expression" dxfId="981" priority="984" stopIfTrue="1">
      <formula>INDIRECT("第１の３表②!"&amp;CELL("address",DP170))="×"</formula>
    </cfRule>
    <cfRule type="expression" dxfId="980" priority="985" stopIfTrue="1">
      <formula>ISBLANK(AW170)=FALSE</formula>
    </cfRule>
  </conditionalFormatting>
  <conditionalFormatting sqref="AZ170:BA171">
    <cfRule type="expression" dxfId="979" priority="976" stopIfTrue="1">
      <formula>ISBLANK(AZ170)=TRUE</formula>
    </cfRule>
    <cfRule type="expression" dxfId="978" priority="977" stopIfTrue="1">
      <formula>INDIRECT("第１の３表②!"&amp;CELL("address",DS170))="×××"</formula>
    </cfRule>
    <cfRule type="expression" dxfId="977" priority="978" stopIfTrue="1">
      <formula>INDIRECT("第１の３表②!"&amp;CELL("address",DS170))="××"</formula>
    </cfRule>
    <cfRule type="expression" dxfId="976" priority="979" stopIfTrue="1">
      <formula>INDIRECT("第１の３表②!"&amp;CELL("address",DS170))="×"</formula>
    </cfRule>
    <cfRule type="expression" dxfId="975" priority="980" stopIfTrue="1">
      <formula>ISBLANK(AZ170)=FALSE</formula>
    </cfRule>
  </conditionalFormatting>
  <conditionalFormatting sqref="BC170:BD171">
    <cfRule type="expression" dxfId="974" priority="971" stopIfTrue="1">
      <formula>ISBLANK(BC170)=TRUE</formula>
    </cfRule>
    <cfRule type="expression" dxfId="973" priority="972" stopIfTrue="1">
      <formula>INDIRECT("第１の３表②!"&amp;CELL("address",DV170))="×××"</formula>
    </cfRule>
    <cfRule type="expression" dxfId="972" priority="973" stopIfTrue="1">
      <formula>INDIRECT("第１の３表②!"&amp;CELL("address",DV170))="××"</formula>
    </cfRule>
    <cfRule type="expression" dxfId="971" priority="974" stopIfTrue="1">
      <formula>INDIRECT("第１の３表②!"&amp;CELL("address",DV170))="×"</formula>
    </cfRule>
    <cfRule type="expression" dxfId="970" priority="975" stopIfTrue="1">
      <formula>ISBLANK(BC170)=FALSE</formula>
    </cfRule>
  </conditionalFormatting>
  <conditionalFormatting sqref="BF170:BG171">
    <cfRule type="expression" dxfId="969" priority="966" stopIfTrue="1">
      <formula>ISBLANK(BF170)=TRUE</formula>
    </cfRule>
    <cfRule type="expression" dxfId="968" priority="967" stopIfTrue="1">
      <formula>INDIRECT("第１の３表②!"&amp;CELL("address",DY170))="×××"</formula>
    </cfRule>
    <cfRule type="expression" dxfId="967" priority="968" stopIfTrue="1">
      <formula>INDIRECT("第１の３表②!"&amp;CELL("address",DY170))="××"</formula>
    </cfRule>
    <cfRule type="expression" dxfId="966" priority="969" stopIfTrue="1">
      <formula>INDIRECT("第１の３表②!"&amp;CELL("address",DY170))="×"</formula>
    </cfRule>
    <cfRule type="expression" dxfId="965" priority="970" stopIfTrue="1">
      <formula>ISBLANK(BF170)=FALSE</formula>
    </cfRule>
  </conditionalFormatting>
  <conditionalFormatting sqref="BI170:BJ171">
    <cfRule type="expression" dxfId="964" priority="961" stopIfTrue="1">
      <formula>ISBLANK(BI170)=TRUE</formula>
    </cfRule>
    <cfRule type="expression" dxfId="963" priority="962" stopIfTrue="1">
      <formula>INDIRECT("第１の３表②!"&amp;CELL("address",EB170))="×××"</formula>
    </cfRule>
    <cfRule type="expression" dxfId="962" priority="963" stopIfTrue="1">
      <formula>INDIRECT("第１の３表②!"&amp;CELL("address",EB170))="××"</formula>
    </cfRule>
    <cfRule type="expression" dxfId="961" priority="964" stopIfTrue="1">
      <formula>INDIRECT("第１の３表②!"&amp;CELL("address",EB170))="×"</formula>
    </cfRule>
    <cfRule type="expression" dxfId="960" priority="965" stopIfTrue="1">
      <formula>ISBLANK(BI170)=FALSE</formula>
    </cfRule>
  </conditionalFormatting>
  <conditionalFormatting sqref="BL170:BM171">
    <cfRule type="expression" dxfId="959" priority="956" stopIfTrue="1">
      <formula>ISBLANK(BL170)=TRUE</formula>
    </cfRule>
    <cfRule type="expression" dxfId="958" priority="957" stopIfTrue="1">
      <formula>INDIRECT("第１の３表②!"&amp;CELL("address",EE170))="×××"</formula>
    </cfRule>
    <cfRule type="expression" dxfId="957" priority="958" stopIfTrue="1">
      <formula>INDIRECT("第１の３表②!"&amp;CELL("address",EE170))="××"</formula>
    </cfRule>
    <cfRule type="expression" dxfId="956" priority="959" stopIfTrue="1">
      <formula>INDIRECT("第１の３表②!"&amp;CELL("address",EE170))="×"</formula>
    </cfRule>
    <cfRule type="expression" dxfId="955" priority="960" stopIfTrue="1">
      <formula>ISBLANK(BL170)=FALSE</formula>
    </cfRule>
  </conditionalFormatting>
  <conditionalFormatting sqref="BO170:BP171">
    <cfRule type="expression" dxfId="954" priority="951" stopIfTrue="1">
      <formula>ISBLANK(BO170)=TRUE</formula>
    </cfRule>
    <cfRule type="expression" dxfId="953" priority="952" stopIfTrue="1">
      <formula>INDIRECT("第１の３表②!"&amp;CELL("address",EH170))="×××"</formula>
    </cfRule>
    <cfRule type="expression" dxfId="952" priority="953" stopIfTrue="1">
      <formula>INDIRECT("第１の３表②!"&amp;CELL("address",EH170))="××"</formula>
    </cfRule>
    <cfRule type="expression" dxfId="951" priority="954" stopIfTrue="1">
      <formula>INDIRECT("第１の３表②!"&amp;CELL("address",EH170))="×"</formula>
    </cfRule>
    <cfRule type="expression" dxfId="950" priority="955" stopIfTrue="1">
      <formula>ISBLANK(BO170)=FALSE</formula>
    </cfRule>
  </conditionalFormatting>
  <conditionalFormatting sqref="G179:H180">
    <cfRule type="expression" dxfId="949" priority="946" stopIfTrue="1">
      <formula>ISBLANK(G179)=TRUE</formula>
    </cfRule>
    <cfRule type="expression" dxfId="948" priority="947" stopIfTrue="1">
      <formula>INDIRECT("第１の３表②!"&amp;CELL("address",BZ179))="×××"</formula>
    </cfRule>
    <cfRule type="expression" dxfId="947" priority="948" stopIfTrue="1">
      <formula>INDIRECT("第１の３表②!"&amp;CELL("address",BZ179))="××"</formula>
    </cfRule>
    <cfRule type="expression" dxfId="946" priority="949" stopIfTrue="1">
      <formula>INDIRECT("第１の３表②!"&amp;CELL("address",BZ179))="×"</formula>
    </cfRule>
    <cfRule type="expression" dxfId="945" priority="950" stopIfTrue="1">
      <formula>ISBLANK(G179)=FALSE</formula>
    </cfRule>
  </conditionalFormatting>
  <conditionalFormatting sqref="J179:K180">
    <cfRule type="expression" dxfId="944" priority="941" stopIfTrue="1">
      <formula>ISBLANK(J179)=TRUE</formula>
    </cfRule>
    <cfRule type="expression" dxfId="943" priority="942" stopIfTrue="1">
      <formula>INDIRECT("第１の３表②!"&amp;CELL("address",CC179))="×××"</formula>
    </cfRule>
    <cfRule type="expression" dxfId="942" priority="943" stopIfTrue="1">
      <formula>INDIRECT("第１の３表②!"&amp;CELL("address",CC179))="××"</formula>
    </cfRule>
    <cfRule type="expression" dxfId="941" priority="944" stopIfTrue="1">
      <formula>INDIRECT("第１の３表②!"&amp;CELL("address",CC179))="×"</formula>
    </cfRule>
    <cfRule type="expression" dxfId="940" priority="945" stopIfTrue="1">
      <formula>ISBLANK(J179)=FALSE</formula>
    </cfRule>
  </conditionalFormatting>
  <conditionalFormatting sqref="M179:N180">
    <cfRule type="expression" dxfId="939" priority="936" stopIfTrue="1">
      <formula>ISBLANK(M179)=TRUE</formula>
    </cfRule>
    <cfRule type="expression" dxfId="938" priority="937" stopIfTrue="1">
      <formula>INDIRECT("第１の３表②!"&amp;CELL("address",CF179))="×××"</formula>
    </cfRule>
    <cfRule type="expression" dxfId="937" priority="938" stopIfTrue="1">
      <formula>INDIRECT("第１の３表②!"&amp;CELL("address",CF179))="××"</formula>
    </cfRule>
    <cfRule type="expression" dxfId="936" priority="939" stopIfTrue="1">
      <formula>INDIRECT("第１の３表②!"&amp;CELL("address",CF179))="×"</formula>
    </cfRule>
    <cfRule type="expression" dxfId="935" priority="940" stopIfTrue="1">
      <formula>ISBLANK(M179)=FALSE</formula>
    </cfRule>
  </conditionalFormatting>
  <conditionalFormatting sqref="P179:Q180">
    <cfRule type="expression" dxfId="934" priority="931" stopIfTrue="1">
      <formula>ISBLANK(P179)=TRUE</formula>
    </cfRule>
    <cfRule type="expression" dxfId="933" priority="932" stopIfTrue="1">
      <formula>INDIRECT("第１の３表②!"&amp;CELL("address",CI179))="×××"</formula>
    </cfRule>
    <cfRule type="expression" dxfId="932" priority="933" stopIfTrue="1">
      <formula>INDIRECT("第１の３表②!"&amp;CELL("address",CI179))="××"</formula>
    </cfRule>
    <cfRule type="expression" dxfId="931" priority="934" stopIfTrue="1">
      <formula>INDIRECT("第１の３表②!"&amp;CELL("address",CI179))="×"</formula>
    </cfRule>
    <cfRule type="expression" dxfId="930" priority="935" stopIfTrue="1">
      <formula>ISBLANK(P179)=FALSE</formula>
    </cfRule>
  </conditionalFormatting>
  <conditionalFormatting sqref="S179:T180">
    <cfRule type="expression" dxfId="929" priority="926" stopIfTrue="1">
      <formula>ISBLANK(S179)=TRUE</formula>
    </cfRule>
    <cfRule type="expression" dxfId="928" priority="927" stopIfTrue="1">
      <formula>INDIRECT("第１の３表②!"&amp;CELL("address",CL179))="×××"</formula>
    </cfRule>
    <cfRule type="expression" dxfId="927" priority="928" stopIfTrue="1">
      <formula>INDIRECT("第１の３表②!"&amp;CELL("address",CL179))="××"</formula>
    </cfRule>
    <cfRule type="expression" dxfId="926" priority="929" stopIfTrue="1">
      <formula>INDIRECT("第１の３表②!"&amp;CELL("address",CL179))="×"</formula>
    </cfRule>
    <cfRule type="expression" dxfId="925" priority="930" stopIfTrue="1">
      <formula>ISBLANK(S179)=FALSE</formula>
    </cfRule>
  </conditionalFormatting>
  <conditionalFormatting sqref="V179:W180">
    <cfRule type="expression" dxfId="924" priority="921" stopIfTrue="1">
      <formula>ISBLANK(V179)=TRUE</formula>
    </cfRule>
    <cfRule type="expression" dxfId="923" priority="922" stopIfTrue="1">
      <formula>INDIRECT("第１の３表②!"&amp;CELL("address",CO179))="×××"</formula>
    </cfRule>
    <cfRule type="expression" dxfId="922" priority="923" stopIfTrue="1">
      <formula>INDIRECT("第１の３表②!"&amp;CELL("address",CO179))="××"</formula>
    </cfRule>
    <cfRule type="expression" dxfId="921" priority="924" stopIfTrue="1">
      <formula>INDIRECT("第１の３表②!"&amp;CELL("address",CO179))="×"</formula>
    </cfRule>
    <cfRule type="expression" dxfId="920" priority="925" stopIfTrue="1">
      <formula>ISBLANK(V179)=FALSE</formula>
    </cfRule>
  </conditionalFormatting>
  <conditionalFormatting sqref="Y179:Z180">
    <cfRule type="expression" dxfId="919" priority="916" stopIfTrue="1">
      <formula>ISBLANK(Y179)=TRUE</formula>
    </cfRule>
    <cfRule type="expression" dxfId="918" priority="917" stopIfTrue="1">
      <formula>INDIRECT("第１の３表②!"&amp;CELL("address",CR179))="×××"</formula>
    </cfRule>
    <cfRule type="expression" dxfId="917" priority="918" stopIfTrue="1">
      <formula>INDIRECT("第１の３表②!"&amp;CELL("address",CR179))="××"</formula>
    </cfRule>
    <cfRule type="expression" dxfId="916" priority="919" stopIfTrue="1">
      <formula>INDIRECT("第１の３表②!"&amp;CELL("address",CR179))="×"</formula>
    </cfRule>
    <cfRule type="expression" dxfId="915" priority="920" stopIfTrue="1">
      <formula>ISBLANK(Y179)=FALSE</formula>
    </cfRule>
  </conditionalFormatting>
  <conditionalFormatting sqref="AB179:AC180">
    <cfRule type="expression" dxfId="914" priority="911" stopIfTrue="1">
      <formula>ISBLANK(AB179)=TRUE</formula>
    </cfRule>
    <cfRule type="expression" dxfId="913" priority="912" stopIfTrue="1">
      <formula>INDIRECT("第１の３表②!"&amp;CELL("address",CU179))="×××"</formula>
    </cfRule>
    <cfRule type="expression" dxfId="912" priority="913" stopIfTrue="1">
      <formula>INDIRECT("第１の３表②!"&amp;CELL("address",CU179))="××"</formula>
    </cfRule>
    <cfRule type="expression" dxfId="911" priority="914" stopIfTrue="1">
      <formula>INDIRECT("第１の３表②!"&amp;CELL("address",CU179))="×"</formula>
    </cfRule>
    <cfRule type="expression" dxfId="910" priority="915" stopIfTrue="1">
      <formula>ISBLANK(AB179)=FALSE</formula>
    </cfRule>
  </conditionalFormatting>
  <conditionalFormatting sqref="AE179:AF180">
    <cfRule type="expression" dxfId="909" priority="906" stopIfTrue="1">
      <formula>ISBLANK(AE179)=TRUE</formula>
    </cfRule>
    <cfRule type="expression" dxfId="908" priority="907" stopIfTrue="1">
      <formula>INDIRECT("第１の３表②!"&amp;CELL("address",CX179))="×××"</formula>
    </cfRule>
    <cfRule type="expression" dxfId="907" priority="908" stopIfTrue="1">
      <formula>INDIRECT("第１の３表②!"&amp;CELL("address",CX179))="××"</formula>
    </cfRule>
    <cfRule type="expression" dxfId="906" priority="909" stopIfTrue="1">
      <formula>INDIRECT("第１の３表②!"&amp;CELL("address",CX179))="×"</formula>
    </cfRule>
    <cfRule type="expression" dxfId="905" priority="910" stopIfTrue="1">
      <formula>ISBLANK(AE179)=FALSE</formula>
    </cfRule>
  </conditionalFormatting>
  <conditionalFormatting sqref="AH179:AI180">
    <cfRule type="expression" dxfId="904" priority="901" stopIfTrue="1">
      <formula>ISBLANK(AH179)=TRUE</formula>
    </cfRule>
    <cfRule type="expression" dxfId="903" priority="902" stopIfTrue="1">
      <formula>INDIRECT("第１の３表②!"&amp;CELL("address",DA179))="×××"</formula>
    </cfRule>
    <cfRule type="expression" dxfId="902" priority="903" stopIfTrue="1">
      <formula>INDIRECT("第１の３表②!"&amp;CELL("address",DA179))="××"</formula>
    </cfRule>
    <cfRule type="expression" dxfId="901" priority="904" stopIfTrue="1">
      <formula>INDIRECT("第１の３表②!"&amp;CELL("address",DA179))="×"</formula>
    </cfRule>
    <cfRule type="expression" dxfId="900" priority="905" stopIfTrue="1">
      <formula>ISBLANK(AH179)=FALSE</formula>
    </cfRule>
  </conditionalFormatting>
  <conditionalFormatting sqref="AK179:AL180">
    <cfRule type="expression" dxfId="899" priority="896" stopIfTrue="1">
      <formula>ISBLANK(AK179)=TRUE</formula>
    </cfRule>
    <cfRule type="expression" dxfId="898" priority="897" stopIfTrue="1">
      <formula>INDIRECT("第１の３表②!"&amp;CELL("address",DD179))="×××"</formula>
    </cfRule>
    <cfRule type="expression" dxfId="897" priority="898" stopIfTrue="1">
      <formula>INDIRECT("第１の３表②!"&amp;CELL("address",DD179))="××"</formula>
    </cfRule>
    <cfRule type="expression" dxfId="896" priority="899" stopIfTrue="1">
      <formula>INDIRECT("第１の３表②!"&amp;CELL("address",DD179))="×"</formula>
    </cfRule>
    <cfRule type="expression" dxfId="895" priority="900" stopIfTrue="1">
      <formula>ISBLANK(AK179)=FALSE</formula>
    </cfRule>
  </conditionalFormatting>
  <conditionalFormatting sqref="AN179:AO180">
    <cfRule type="expression" dxfId="894" priority="891" stopIfTrue="1">
      <formula>ISBLANK(AN179)=TRUE</formula>
    </cfRule>
    <cfRule type="expression" dxfId="893" priority="892" stopIfTrue="1">
      <formula>INDIRECT("第１の３表②!"&amp;CELL("address",DG179))="×××"</formula>
    </cfRule>
    <cfRule type="expression" dxfId="892" priority="893" stopIfTrue="1">
      <formula>INDIRECT("第１の３表②!"&amp;CELL("address",DG179))="××"</formula>
    </cfRule>
    <cfRule type="expression" dxfId="891" priority="894" stopIfTrue="1">
      <formula>INDIRECT("第１の３表②!"&amp;CELL("address",DG179))="×"</formula>
    </cfRule>
    <cfRule type="expression" dxfId="890" priority="895" stopIfTrue="1">
      <formula>ISBLANK(AN179)=FALSE</formula>
    </cfRule>
  </conditionalFormatting>
  <conditionalFormatting sqref="AQ179:AR180">
    <cfRule type="expression" dxfId="889" priority="886" stopIfTrue="1">
      <formula>ISBLANK(AQ179)=TRUE</formula>
    </cfRule>
    <cfRule type="expression" dxfId="888" priority="887" stopIfTrue="1">
      <formula>INDIRECT("第１の３表②!"&amp;CELL("address",DJ179))="×××"</formula>
    </cfRule>
    <cfRule type="expression" dxfId="887" priority="888" stopIfTrue="1">
      <formula>INDIRECT("第１の３表②!"&amp;CELL("address",DJ179))="××"</formula>
    </cfRule>
    <cfRule type="expression" dxfId="886" priority="889" stopIfTrue="1">
      <formula>INDIRECT("第１の３表②!"&amp;CELL("address",DJ179))="×"</formula>
    </cfRule>
    <cfRule type="expression" dxfId="885" priority="890" stopIfTrue="1">
      <formula>ISBLANK(AQ179)=FALSE</formula>
    </cfRule>
  </conditionalFormatting>
  <conditionalFormatting sqref="AT179:AU180">
    <cfRule type="expression" dxfId="884" priority="881" stopIfTrue="1">
      <formula>ISBLANK(AT179)=TRUE</formula>
    </cfRule>
    <cfRule type="expression" dxfId="883" priority="882" stopIfTrue="1">
      <formula>INDIRECT("第１の３表②!"&amp;CELL("address",DM179))="×××"</formula>
    </cfRule>
    <cfRule type="expression" dxfId="882" priority="883" stopIfTrue="1">
      <formula>INDIRECT("第１の３表②!"&amp;CELL("address",DM179))="××"</formula>
    </cfRule>
    <cfRule type="expression" dxfId="881" priority="884" stopIfTrue="1">
      <formula>INDIRECT("第１の３表②!"&amp;CELL("address",DM179))="×"</formula>
    </cfRule>
    <cfRule type="expression" dxfId="880" priority="885" stopIfTrue="1">
      <formula>ISBLANK(AT179)=FALSE</formula>
    </cfRule>
  </conditionalFormatting>
  <conditionalFormatting sqref="AW179:AX180">
    <cfRule type="expression" dxfId="879" priority="876" stopIfTrue="1">
      <formula>ISBLANK(AW179)=TRUE</formula>
    </cfRule>
    <cfRule type="expression" dxfId="878" priority="877" stopIfTrue="1">
      <formula>INDIRECT("第１の３表②!"&amp;CELL("address",DP179))="×××"</formula>
    </cfRule>
    <cfRule type="expression" dxfId="877" priority="878" stopIfTrue="1">
      <formula>INDIRECT("第１の３表②!"&amp;CELL("address",DP179))="××"</formula>
    </cfRule>
    <cfRule type="expression" dxfId="876" priority="879" stopIfTrue="1">
      <formula>INDIRECT("第１の３表②!"&amp;CELL("address",DP179))="×"</formula>
    </cfRule>
    <cfRule type="expression" dxfId="875" priority="880" stopIfTrue="1">
      <formula>ISBLANK(AW179)=FALSE</formula>
    </cfRule>
  </conditionalFormatting>
  <conditionalFormatting sqref="AZ179:BA180">
    <cfRule type="expression" dxfId="874" priority="871" stopIfTrue="1">
      <formula>ISBLANK(AZ179)=TRUE</formula>
    </cfRule>
    <cfRule type="expression" dxfId="873" priority="872" stopIfTrue="1">
      <formula>INDIRECT("第１の３表②!"&amp;CELL("address",DS179))="×××"</formula>
    </cfRule>
    <cfRule type="expression" dxfId="872" priority="873" stopIfTrue="1">
      <formula>INDIRECT("第１の３表②!"&amp;CELL("address",DS179))="××"</formula>
    </cfRule>
    <cfRule type="expression" dxfId="871" priority="874" stopIfTrue="1">
      <formula>INDIRECT("第１の３表②!"&amp;CELL("address",DS179))="×"</formula>
    </cfRule>
    <cfRule type="expression" dxfId="870" priority="875" stopIfTrue="1">
      <formula>ISBLANK(AZ179)=FALSE</formula>
    </cfRule>
  </conditionalFormatting>
  <conditionalFormatting sqref="BC179:BD180">
    <cfRule type="expression" dxfId="869" priority="866" stopIfTrue="1">
      <formula>ISBLANK(BC179)=TRUE</formula>
    </cfRule>
    <cfRule type="expression" dxfId="868" priority="867" stopIfTrue="1">
      <formula>INDIRECT("第１の３表②!"&amp;CELL("address",DV179))="×××"</formula>
    </cfRule>
    <cfRule type="expression" dxfId="867" priority="868" stopIfTrue="1">
      <formula>INDIRECT("第１の３表②!"&amp;CELL("address",DV179))="××"</formula>
    </cfRule>
    <cfRule type="expression" dxfId="866" priority="869" stopIfTrue="1">
      <formula>INDIRECT("第１の３表②!"&amp;CELL("address",DV179))="×"</formula>
    </cfRule>
    <cfRule type="expression" dxfId="865" priority="870" stopIfTrue="1">
      <formula>ISBLANK(BC179)=FALSE</formula>
    </cfRule>
  </conditionalFormatting>
  <conditionalFormatting sqref="BF179:BG180">
    <cfRule type="expression" dxfId="864" priority="861" stopIfTrue="1">
      <formula>ISBLANK(BF179)=TRUE</formula>
    </cfRule>
    <cfRule type="expression" dxfId="863" priority="862" stopIfTrue="1">
      <formula>INDIRECT("第１の３表②!"&amp;CELL("address",DY179))="×××"</formula>
    </cfRule>
    <cfRule type="expression" dxfId="862" priority="863" stopIfTrue="1">
      <formula>INDIRECT("第１の３表②!"&amp;CELL("address",DY179))="××"</formula>
    </cfRule>
    <cfRule type="expression" dxfId="861" priority="864" stopIfTrue="1">
      <formula>INDIRECT("第１の３表②!"&amp;CELL("address",DY179))="×"</formula>
    </cfRule>
    <cfRule type="expression" dxfId="860" priority="865" stopIfTrue="1">
      <formula>ISBLANK(BF179)=FALSE</formula>
    </cfRule>
  </conditionalFormatting>
  <conditionalFormatting sqref="BI179:BJ180">
    <cfRule type="expression" dxfId="859" priority="856" stopIfTrue="1">
      <formula>ISBLANK(BI179)=TRUE</formula>
    </cfRule>
    <cfRule type="expression" dxfId="858" priority="857" stopIfTrue="1">
      <formula>INDIRECT("第１の３表②!"&amp;CELL("address",EB179))="×××"</formula>
    </cfRule>
    <cfRule type="expression" dxfId="857" priority="858" stopIfTrue="1">
      <formula>INDIRECT("第１の３表②!"&amp;CELL("address",EB179))="××"</formula>
    </cfRule>
    <cfRule type="expression" dxfId="856" priority="859" stopIfTrue="1">
      <formula>INDIRECT("第１の３表②!"&amp;CELL("address",EB179))="×"</formula>
    </cfRule>
    <cfRule type="expression" dxfId="855" priority="860" stopIfTrue="1">
      <formula>ISBLANK(BI179)=FALSE</formula>
    </cfRule>
  </conditionalFormatting>
  <conditionalFormatting sqref="BL179:BM180">
    <cfRule type="expression" dxfId="854" priority="851" stopIfTrue="1">
      <formula>ISBLANK(BL179)=TRUE</formula>
    </cfRule>
    <cfRule type="expression" dxfId="853" priority="852" stopIfTrue="1">
      <formula>INDIRECT("第１の３表②!"&amp;CELL("address",EE179))="×××"</formula>
    </cfRule>
    <cfRule type="expression" dxfId="852" priority="853" stopIfTrue="1">
      <formula>INDIRECT("第１の３表②!"&amp;CELL("address",EE179))="××"</formula>
    </cfRule>
    <cfRule type="expression" dxfId="851" priority="854" stopIfTrue="1">
      <formula>INDIRECT("第１の３表②!"&amp;CELL("address",EE179))="×"</formula>
    </cfRule>
    <cfRule type="expression" dxfId="850" priority="855" stopIfTrue="1">
      <formula>ISBLANK(BL179)=FALSE</formula>
    </cfRule>
  </conditionalFormatting>
  <conditionalFormatting sqref="BO179:BP180">
    <cfRule type="expression" dxfId="849" priority="846" stopIfTrue="1">
      <formula>ISBLANK(BO179)=TRUE</formula>
    </cfRule>
    <cfRule type="expression" dxfId="848" priority="847" stopIfTrue="1">
      <formula>INDIRECT("第１の３表②!"&amp;CELL("address",EH179))="×××"</formula>
    </cfRule>
    <cfRule type="expression" dxfId="847" priority="848" stopIfTrue="1">
      <formula>INDIRECT("第１の３表②!"&amp;CELL("address",EH179))="××"</formula>
    </cfRule>
    <cfRule type="expression" dxfId="846" priority="849" stopIfTrue="1">
      <formula>INDIRECT("第１の３表②!"&amp;CELL("address",EH179))="×"</formula>
    </cfRule>
    <cfRule type="expression" dxfId="845" priority="850" stopIfTrue="1">
      <formula>ISBLANK(BO179)=FALSE</formula>
    </cfRule>
  </conditionalFormatting>
  <conditionalFormatting sqref="G182:H183">
    <cfRule type="expression" dxfId="844" priority="841" stopIfTrue="1">
      <formula>ISBLANK(G182)=TRUE</formula>
    </cfRule>
    <cfRule type="expression" dxfId="843" priority="842" stopIfTrue="1">
      <formula>INDIRECT("第１の３表②!"&amp;CELL("address",BZ182))="×××"</formula>
    </cfRule>
    <cfRule type="expression" dxfId="842" priority="843" stopIfTrue="1">
      <formula>INDIRECT("第１の３表②!"&amp;CELL("address",BZ182))="××"</formula>
    </cfRule>
    <cfRule type="expression" dxfId="841" priority="844" stopIfTrue="1">
      <formula>INDIRECT("第１の３表②!"&amp;CELL("address",BZ182))="×"</formula>
    </cfRule>
    <cfRule type="expression" dxfId="840" priority="845" stopIfTrue="1">
      <formula>ISBLANK(G182)=FALSE</formula>
    </cfRule>
  </conditionalFormatting>
  <conditionalFormatting sqref="J182:K183">
    <cfRule type="expression" dxfId="839" priority="836" stopIfTrue="1">
      <formula>ISBLANK(J182)=TRUE</formula>
    </cfRule>
    <cfRule type="expression" dxfId="838" priority="837" stopIfTrue="1">
      <formula>INDIRECT("第１の３表②!"&amp;CELL("address",CC182))="×××"</formula>
    </cfRule>
    <cfRule type="expression" dxfId="837" priority="838" stopIfTrue="1">
      <formula>INDIRECT("第１の３表②!"&amp;CELL("address",CC182))="××"</formula>
    </cfRule>
    <cfRule type="expression" dxfId="836" priority="839" stopIfTrue="1">
      <formula>INDIRECT("第１の３表②!"&amp;CELL("address",CC182))="×"</formula>
    </cfRule>
    <cfRule type="expression" dxfId="835" priority="840" stopIfTrue="1">
      <formula>ISBLANK(J182)=FALSE</formula>
    </cfRule>
  </conditionalFormatting>
  <conditionalFormatting sqref="M182:N183">
    <cfRule type="expression" dxfId="834" priority="831" stopIfTrue="1">
      <formula>ISBLANK(M182)=TRUE</formula>
    </cfRule>
    <cfRule type="expression" dxfId="833" priority="832" stopIfTrue="1">
      <formula>INDIRECT("第１の３表②!"&amp;CELL("address",CF182))="×××"</formula>
    </cfRule>
    <cfRule type="expression" dxfId="832" priority="833" stopIfTrue="1">
      <formula>INDIRECT("第１の３表②!"&amp;CELL("address",CF182))="××"</formula>
    </cfRule>
    <cfRule type="expression" dxfId="831" priority="834" stopIfTrue="1">
      <formula>INDIRECT("第１の３表②!"&amp;CELL("address",CF182))="×"</formula>
    </cfRule>
    <cfRule type="expression" dxfId="830" priority="835" stopIfTrue="1">
      <formula>ISBLANK(M182)=FALSE</formula>
    </cfRule>
  </conditionalFormatting>
  <conditionalFormatting sqref="P182:Q183">
    <cfRule type="expression" dxfId="829" priority="826" stopIfTrue="1">
      <formula>ISBLANK(P182)=TRUE</formula>
    </cfRule>
    <cfRule type="expression" dxfId="828" priority="827" stopIfTrue="1">
      <formula>INDIRECT("第１の３表②!"&amp;CELL("address",CI182))="×××"</formula>
    </cfRule>
    <cfRule type="expression" dxfId="827" priority="828" stopIfTrue="1">
      <formula>INDIRECT("第１の３表②!"&amp;CELL("address",CI182))="××"</formula>
    </cfRule>
    <cfRule type="expression" dxfId="826" priority="829" stopIfTrue="1">
      <formula>INDIRECT("第１の３表②!"&amp;CELL("address",CI182))="×"</formula>
    </cfRule>
    <cfRule type="expression" dxfId="825" priority="830" stopIfTrue="1">
      <formula>ISBLANK(P182)=FALSE</formula>
    </cfRule>
  </conditionalFormatting>
  <conditionalFormatting sqref="S182:T183">
    <cfRule type="expression" dxfId="824" priority="821" stopIfTrue="1">
      <formula>ISBLANK(S182)=TRUE</formula>
    </cfRule>
    <cfRule type="expression" dxfId="823" priority="822" stopIfTrue="1">
      <formula>INDIRECT("第１の３表②!"&amp;CELL("address",CL182))="×××"</formula>
    </cfRule>
    <cfRule type="expression" dxfId="822" priority="823" stopIfTrue="1">
      <formula>INDIRECT("第１の３表②!"&amp;CELL("address",CL182))="××"</formula>
    </cfRule>
    <cfRule type="expression" dxfId="821" priority="824" stopIfTrue="1">
      <formula>INDIRECT("第１の３表②!"&amp;CELL("address",CL182))="×"</formula>
    </cfRule>
    <cfRule type="expression" dxfId="820" priority="825" stopIfTrue="1">
      <formula>ISBLANK(S182)=FALSE</formula>
    </cfRule>
  </conditionalFormatting>
  <conditionalFormatting sqref="V182:W183">
    <cfRule type="expression" dxfId="819" priority="816" stopIfTrue="1">
      <formula>ISBLANK(V182)=TRUE</formula>
    </cfRule>
    <cfRule type="expression" dxfId="818" priority="817" stopIfTrue="1">
      <formula>INDIRECT("第１の３表②!"&amp;CELL("address",CO182))="×××"</formula>
    </cfRule>
    <cfRule type="expression" dxfId="817" priority="818" stopIfTrue="1">
      <formula>INDIRECT("第１の３表②!"&amp;CELL("address",CO182))="××"</formula>
    </cfRule>
    <cfRule type="expression" dxfId="816" priority="819" stopIfTrue="1">
      <formula>INDIRECT("第１の３表②!"&amp;CELL("address",CO182))="×"</formula>
    </cfRule>
    <cfRule type="expression" dxfId="815" priority="820" stopIfTrue="1">
      <formula>ISBLANK(V182)=FALSE</formula>
    </cfRule>
  </conditionalFormatting>
  <conditionalFormatting sqref="Y182:Z183">
    <cfRule type="expression" dxfId="814" priority="811" stopIfTrue="1">
      <formula>ISBLANK(Y182)=TRUE</formula>
    </cfRule>
    <cfRule type="expression" dxfId="813" priority="812" stopIfTrue="1">
      <formula>INDIRECT("第１の３表②!"&amp;CELL("address",CR182))="×××"</formula>
    </cfRule>
    <cfRule type="expression" dxfId="812" priority="813" stopIfTrue="1">
      <formula>INDIRECT("第１の３表②!"&amp;CELL("address",CR182))="××"</formula>
    </cfRule>
    <cfRule type="expression" dxfId="811" priority="814" stopIfTrue="1">
      <formula>INDIRECT("第１の３表②!"&amp;CELL("address",CR182))="×"</formula>
    </cfRule>
    <cfRule type="expression" dxfId="810" priority="815" stopIfTrue="1">
      <formula>ISBLANK(Y182)=FALSE</formula>
    </cfRule>
  </conditionalFormatting>
  <conditionalFormatting sqref="AB182:AC183">
    <cfRule type="expression" dxfId="809" priority="806" stopIfTrue="1">
      <formula>ISBLANK(AB182)=TRUE</formula>
    </cfRule>
    <cfRule type="expression" dxfId="808" priority="807" stopIfTrue="1">
      <formula>INDIRECT("第１の３表②!"&amp;CELL("address",CU182))="×××"</formula>
    </cfRule>
    <cfRule type="expression" dxfId="807" priority="808" stopIfTrue="1">
      <formula>INDIRECT("第１の３表②!"&amp;CELL("address",CU182))="××"</formula>
    </cfRule>
    <cfRule type="expression" dxfId="806" priority="809" stopIfTrue="1">
      <formula>INDIRECT("第１の３表②!"&amp;CELL("address",CU182))="×"</formula>
    </cfRule>
    <cfRule type="expression" dxfId="805" priority="810" stopIfTrue="1">
      <formula>ISBLANK(AB182)=FALSE</formula>
    </cfRule>
  </conditionalFormatting>
  <conditionalFormatting sqref="AE182:AF183">
    <cfRule type="expression" dxfId="804" priority="801" stopIfTrue="1">
      <formula>ISBLANK(AE182)=TRUE</formula>
    </cfRule>
    <cfRule type="expression" dxfId="803" priority="802" stopIfTrue="1">
      <formula>INDIRECT("第１の３表②!"&amp;CELL("address",CX182))="×××"</formula>
    </cfRule>
    <cfRule type="expression" dxfId="802" priority="803" stopIfTrue="1">
      <formula>INDIRECT("第１の３表②!"&amp;CELL("address",CX182))="××"</formula>
    </cfRule>
    <cfRule type="expression" dxfId="801" priority="804" stopIfTrue="1">
      <formula>INDIRECT("第１の３表②!"&amp;CELL("address",CX182))="×"</formula>
    </cfRule>
    <cfRule type="expression" dxfId="800" priority="805" stopIfTrue="1">
      <formula>ISBLANK(AE182)=FALSE</formula>
    </cfRule>
  </conditionalFormatting>
  <conditionalFormatting sqref="AH182:AI183">
    <cfRule type="expression" dxfId="799" priority="796" stopIfTrue="1">
      <formula>ISBLANK(AH182)=TRUE</formula>
    </cfRule>
    <cfRule type="expression" dxfId="798" priority="797" stopIfTrue="1">
      <formula>INDIRECT("第１の３表②!"&amp;CELL("address",DA182))="×××"</formula>
    </cfRule>
    <cfRule type="expression" dxfId="797" priority="798" stopIfTrue="1">
      <formula>INDIRECT("第１の３表②!"&amp;CELL("address",DA182))="××"</formula>
    </cfRule>
    <cfRule type="expression" dxfId="796" priority="799" stopIfTrue="1">
      <formula>INDIRECT("第１の３表②!"&amp;CELL("address",DA182))="×"</formula>
    </cfRule>
    <cfRule type="expression" dxfId="795" priority="800" stopIfTrue="1">
      <formula>ISBLANK(AH182)=FALSE</formula>
    </cfRule>
  </conditionalFormatting>
  <conditionalFormatting sqref="AK182:AL183">
    <cfRule type="expression" dxfId="794" priority="791" stopIfTrue="1">
      <formula>ISBLANK(AK182)=TRUE</formula>
    </cfRule>
    <cfRule type="expression" dxfId="793" priority="792" stopIfTrue="1">
      <formula>INDIRECT("第１の３表②!"&amp;CELL("address",DD182))="×××"</formula>
    </cfRule>
    <cfRule type="expression" dxfId="792" priority="793" stopIfTrue="1">
      <formula>INDIRECT("第１の３表②!"&amp;CELL("address",DD182))="××"</formula>
    </cfRule>
    <cfRule type="expression" dxfId="791" priority="794" stopIfTrue="1">
      <formula>INDIRECT("第１の３表②!"&amp;CELL("address",DD182))="×"</formula>
    </cfRule>
    <cfRule type="expression" dxfId="790" priority="795" stopIfTrue="1">
      <formula>ISBLANK(AK182)=FALSE</formula>
    </cfRule>
  </conditionalFormatting>
  <conditionalFormatting sqref="AN182:AO183">
    <cfRule type="expression" dxfId="789" priority="786" stopIfTrue="1">
      <formula>ISBLANK(AN182)=TRUE</formula>
    </cfRule>
    <cfRule type="expression" dxfId="788" priority="787" stopIfTrue="1">
      <formula>INDIRECT("第１の３表②!"&amp;CELL("address",DG182))="×××"</formula>
    </cfRule>
    <cfRule type="expression" dxfId="787" priority="788" stopIfTrue="1">
      <formula>INDIRECT("第１の３表②!"&amp;CELL("address",DG182))="××"</formula>
    </cfRule>
    <cfRule type="expression" dxfId="786" priority="789" stopIfTrue="1">
      <formula>INDIRECT("第１の３表②!"&amp;CELL("address",DG182))="×"</formula>
    </cfRule>
    <cfRule type="expression" dxfId="785" priority="790" stopIfTrue="1">
      <formula>ISBLANK(AN182)=FALSE</formula>
    </cfRule>
  </conditionalFormatting>
  <conditionalFormatting sqref="AQ182:AR183">
    <cfRule type="expression" dxfId="784" priority="781" stopIfTrue="1">
      <formula>ISBLANK(AQ182)=TRUE</formula>
    </cfRule>
    <cfRule type="expression" dxfId="783" priority="782" stopIfTrue="1">
      <formula>INDIRECT("第１の３表②!"&amp;CELL("address",DJ182))="×××"</formula>
    </cfRule>
    <cfRule type="expression" dxfId="782" priority="783" stopIfTrue="1">
      <formula>INDIRECT("第１の３表②!"&amp;CELL("address",DJ182))="××"</formula>
    </cfRule>
    <cfRule type="expression" dxfId="781" priority="784" stopIfTrue="1">
      <formula>INDIRECT("第１の３表②!"&amp;CELL("address",DJ182))="×"</formula>
    </cfRule>
    <cfRule type="expression" dxfId="780" priority="785" stopIfTrue="1">
      <formula>ISBLANK(AQ182)=FALSE</formula>
    </cfRule>
  </conditionalFormatting>
  <conditionalFormatting sqref="AT182:AU183">
    <cfRule type="expression" dxfId="779" priority="776" stopIfTrue="1">
      <formula>ISBLANK(AT182)=TRUE</formula>
    </cfRule>
    <cfRule type="expression" dxfId="778" priority="777" stopIfTrue="1">
      <formula>INDIRECT("第１の３表②!"&amp;CELL("address",DM182))="×××"</formula>
    </cfRule>
    <cfRule type="expression" dxfId="777" priority="778" stopIfTrue="1">
      <formula>INDIRECT("第１の３表②!"&amp;CELL("address",DM182))="××"</formula>
    </cfRule>
    <cfRule type="expression" dxfId="776" priority="779" stopIfTrue="1">
      <formula>INDIRECT("第１の３表②!"&amp;CELL("address",DM182))="×"</formula>
    </cfRule>
    <cfRule type="expression" dxfId="775" priority="780" stopIfTrue="1">
      <formula>ISBLANK(AT182)=FALSE</formula>
    </cfRule>
  </conditionalFormatting>
  <conditionalFormatting sqref="AW182:AX183">
    <cfRule type="expression" dxfId="774" priority="771" stopIfTrue="1">
      <formula>ISBLANK(AW182)=TRUE</formula>
    </cfRule>
    <cfRule type="expression" dxfId="773" priority="772" stopIfTrue="1">
      <formula>INDIRECT("第１の３表②!"&amp;CELL("address",DP182))="×××"</formula>
    </cfRule>
    <cfRule type="expression" dxfId="772" priority="773" stopIfTrue="1">
      <formula>INDIRECT("第１の３表②!"&amp;CELL("address",DP182))="××"</formula>
    </cfRule>
    <cfRule type="expression" dxfId="771" priority="774" stopIfTrue="1">
      <formula>INDIRECT("第１の３表②!"&amp;CELL("address",DP182))="×"</formula>
    </cfRule>
    <cfRule type="expression" dxfId="770" priority="775" stopIfTrue="1">
      <formula>ISBLANK(AW182)=FALSE</formula>
    </cfRule>
  </conditionalFormatting>
  <conditionalFormatting sqref="AZ182:BA183">
    <cfRule type="expression" dxfId="769" priority="766" stopIfTrue="1">
      <formula>ISBLANK(AZ182)=TRUE</formula>
    </cfRule>
    <cfRule type="expression" dxfId="768" priority="767" stopIfTrue="1">
      <formula>INDIRECT("第１の３表②!"&amp;CELL("address",DS182))="×××"</formula>
    </cfRule>
    <cfRule type="expression" dxfId="767" priority="768" stopIfTrue="1">
      <formula>INDIRECT("第１の３表②!"&amp;CELL("address",DS182))="××"</formula>
    </cfRule>
    <cfRule type="expression" dxfId="766" priority="769" stopIfTrue="1">
      <formula>INDIRECT("第１の３表②!"&amp;CELL("address",DS182))="×"</formula>
    </cfRule>
    <cfRule type="expression" dxfId="765" priority="770" stopIfTrue="1">
      <formula>ISBLANK(AZ182)=FALSE</formula>
    </cfRule>
  </conditionalFormatting>
  <conditionalFormatting sqref="BC182:BD183">
    <cfRule type="expression" dxfId="764" priority="761" stopIfTrue="1">
      <formula>ISBLANK(BC182)=TRUE</formula>
    </cfRule>
    <cfRule type="expression" dxfId="763" priority="762" stopIfTrue="1">
      <formula>INDIRECT("第１の３表②!"&amp;CELL("address",DV182))="×××"</formula>
    </cfRule>
    <cfRule type="expression" dxfId="762" priority="763" stopIfTrue="1">
      <formula>INDIRECT("第１の３表②!"&amp;CELL("address",DV182))="××"</formula>
    </cfRule>
    <cfRule type="expression" dxfId="761" priority="764" stopIfTrue="1">
      <formula>INDIRECT("第１の３表②!"&amp;CELL("address",DV182))="×"</formula>
    </cfRule>
    <cfRule type="expression" dxfId="760" priority="765" stopIfTrue="1">
      <formula>ISBLANK(BC182)=FALSE</formula>
    </cfRule>
  </conditionalFormatting>
  <conditionalFormatting sqref="BF182:BG183">
    <cfRule type="expression" dxfId="759" priority="756" stopIfTrue="1">
      <formula>ISBLANK(BF182)=TRUE</formula>
    </cfRule>
    <cfRule type="expression" dxfId="758" priority="757" stopIfTrue="1">
      <formula>INDIRECT("第１の３表②!"&amp;CELL("address",DY182))="×××"</formula>
    </cfRule>
    <cfRule type="expression" dxfId="757" priority="758" stopIfTrue="1">
      <formula>INDIRECT("第１の３表②!"&amp;CELL("address",DY182))="××"</formula>
    </cfRule>
    <cfRule type="expression" dxfId="756" priority="759" stopIfTrue="1">
      <formula>INDIRECT("第１の３表②!"&amp;CELL("address",DY182))="×"</formula>
    </cfRule>
    <cfRule type="expression" dxfId="755" priority="760" stopIfTrue="1">
      <formula>ISBLANK(BF182)=FALSE</formula>
    </cfRule>
  </conditionalFormatting>
  <conditionalFormatting sqref="BI182:BJ183">
    <cfRule type="expression" dxfId="754" priority="751" stopIfTrue="1">
      <formula>ISBLANK(BI182)=TRUE</formula>
    </cfRule>
    <cfRule type="expression" dxfId="753" priority="752" stopIfTrue="1">
      <formula>INDIRECT("第１の３表②!"&amp;CELL("address",EB182))="×××"</formula>
    </cfRule>
    <cfRule type="expression" dxfId="752" priority="753" stopIfTrue="1">
      <formula>INDIRECT("第１の３表②!"&amp;CELL("address",EB182))="××"</formula>
    </cfRule>
    <cfRule type="expression" dxfId="751" priority="754" stopIfTrue="1">
      <formula>INDIRECT("第１の３表②!"&amp;CELL("address",EB182))="×"</formula>
    </cfRule>
    <cfRule type="expression" dxfId="750" priority="755" stopIfTrue="1">
      <formula>ISBLANK(BI182)=FALSE</formula>
    </cfRule>
  </conditionalFormatting>
  <conditionalFormatting sqref="BL182:BM183">
    <cfRule type="expression" dxfId="749" priority="746" stopIfTrue="1">
      <formula>ISBLANK(BL182)=TRUE</formula>
    </cfRule>
    <cfRule type="expression" dxfId="748" priority="747" stopIfTrue="1">
      <formula>INDIRECT("第１の３表②!"&amp;CELL("address",EE182))="×××"</formula>
    </cfRule>
    <cfRule type="expression" dxfId="747" priority="748" stopIfTrue="1">
      <formula>INDIRECT("第１の３表②!"&amp;CELL("address",EE182))="××"</formula>
    </cfRule>
    <cfRule type="expression" dxfId="746" priority="749" stopIfTrue="1">
      <formula>INDIRECT("第１の３表②!"&amp;CELL("address",EE182))="×"</formula>
    </cfRule>
    <cfRule type="expression" dxfId="745" priority="750" stopIfTrue="1">
      <formula>ISBLANK(BL182)=FALSE</formula>
    </cfRule>
  </conditionalFormatting>
  <conditionalFormatting sqref="BO182:BP183">
    <cfRule type="expression" dxfId="744" priority="741" stopIfTrue="1">
      <formula>ISBLANK(BO182)=TRUE</formula>
    </cfRule>
    <cfRule type="expression" dxfId="743" priority="742" stopIfTrue="1">
      <formula>INDIRECT("第１の３表②!"&amp;CELL("address",EH182))="×××"</formula>
    </cfRule>
    <cfRule type="expression" dxfId="742" priority="743" stopIfTrue="1">
      <formula>INDIRECT("第１の３表②!"&amp;CELL("address",EH182))="××"</formula>
    </cfRule>
    <cfRule type="expression" dxfId="741" priority="744" stopIfTrue="1">
      <formula>INDIRECT("第１の３表②!"&amp;CELL("address",EH182))="×"</formula>
    </cfRule>
    <cfRule type="expression" dxfId="740" priority="745" stopIfTrue="1">
      <formula>ISBLANK(BO182)=FALSE</formula>
    </cfRule>
  </conditionalFormatting>
  <conditionalFormatting sqref="G185:H186">
    <cfRule type="expression" dxfId="739" priority="736" stopIfTrue="1">
      <formula>ISBLANK(G185)=TRUE</formula>
    </cfRule>
    <cfRule type="expression" dxfId="738" priority="737" stopIfTrue="1">
      <formula>INDIRECT("第１の３表②!"&amp;CELL("address",BZ185))="×××"</formula>
    </cfRule>
    <cfRule type="expression" dxfId="737" priority="738" stopIfTrue="1">
      <formula>INDIRECT("第１の３表②!"&amp;CELL("address",BZ185))="××"</formula>
    </cfRule>
    <cfRule type="expression" dxfId="736" priority="739" stopIfTrue="1">
      <formula>INDIRECT("第１の３表②!"&amp;CELL("address",BZ185))="×"</formula>
    </cfRule>
    <cfRule type="expression" dxfId="735" priority="740" stopIfTrue="1">
      <formula>ISBLANK(G185)=FALSE</formula>
    </cfRule>
  </conditionalFormatting>
  <conditionalFormatting sqref="J185:K186">
    <cfRule type="expression" dxfId="734" priority="731" stopIfTrue="1">
      <formula>ISBLANK(J185)=TRUE</formula>
    </cfRule>
    <cfRule type="expression" dxfId="733" priority="732" stopIfTrue="1">
      <formula>INDIRECT("第１の３表②!"&amp;CELL("address",CC185))="×××"</formula>
    </cfRule>
    <cfRule type="expression" dxfId="732" priority="733" stopIfTrue="1">
      <formula>INDIRECT("第１の３表②!"&amp;CELL("address",CC185))="××"</formula>
    </cfRule>
    <cfRule type="expression" dxfId="731" priority="734" stopIfTrue="1">
      <formula>INDIRECT("第１の３表②!"&amp;CELL("address",CC185))="×"</formula>
    </cfRule>
    <cfRule type="expression" dxfId="730" priority="735" stopIfTrue="1">
      <formula>ISBLANK(J185)=FALSE</formula>
    </cfRule>
  </conditionalFormatting>
  <conditionalFormatting sqref="M185:N186">
    <cfRule type="expression" dxfId="729" priority="726" stopIfTrue="1">
      <formula>ISBLANK(M185)=TRUE</formula>
    </cfRule>
    <cfRule type="expression" dxfId="728" priority="727" stopIfTrue="1">
      <formula>INDIRECT("第１の３表②!"&amp;CELL("address",CF185))="×××"</formula>
    </cfRule>
    <cfRule type="expression" dxfId="727" priority="728" stopIfTrue="1">
      <formula>INDIRECT("第１の３表②!"&amp;CELL("address",CF185))="××"</formula>
    </cfRule>
    <cfRule type="expression" dxfId="726" priority="729" stopIfTrue="1">
      <formula>INDIRECT("第１の３表②!"&amp;CELL("address",CF185))="×"</formula>
    </cfRule>
    <cfRule type="expression" dxfId="725" priority="730" stopIfTrue="1">
      <formula>ISBLANK(M185)=FALSE</formula>
    </cfRule>
  </conditionalFormatting>
  <conditionalFormatting sqref="P185:Q186">
    <cfRule type="expression" dxfId="724" priority="721" stopIfTrue="1">
      <formula>ISBLANK(P185)=TRUE</formula>
    </cfRule>
    <cfRule type="expression" dxfId="723" priority="722" stopIfTrue="1">
      <formula>INDIRECT("第１の３表②!"&amp;CELL("address",CI185))="×××"</formula>
    </cfRule>
    <cfRule type="expression" dxfId="722" priority="723" stopIfTrue="1">
      <formula>INDIRECT("第１の３表②!"&amp;CELL("address",CI185))="××"</formula>
    </cfRule>
    <cfRule type="expression" dxfId="721" priority="724" stopIfTrue="1">
      <formula>INDIRECT("第１の３表②!"&amp;CELL("address",CI185))="×"</formula>
    </cfRule>
    <cfRule type="expression" dxfId="720" priority="725" stopIfTrue="1">
      <formula>ISBLANK(P185)=FALSE</formula>
    </cfRule>
  </conditionalFormatting>
  <conditionalFormatting sqref="S185:T186">
    <cfRule type="expression" dxfId="719" priority="716" stopIfTrue="1">
      <formula>ISBLANK(S185)=TRUE</formula>
    </cfRule>
    <cfRule type="expression" dxfId="718" priority="717" stopIfTrue="1">
      <formula>INDIRECT("第１の３表②!"&amp;CELL("address",CL185))="×××"</formula>
    </cfRule>
    <cfRule type="expression" dxfId="717" priority="718" stopIfTrue="1">
      <formula>INDIRECT("第１の３表②!"&amp;CELL("address",CL185))="××"</formula>
    </cfRule>
    <cfRule type="expression" dxfId="716" priority="719" stopIfTrue="1">
      <formula>INDIRECT("第１の３表②!"&amp;CELL("address",CL185))="×"</formula>
    </cfRule>
    <cfRule type="expression" dxfId="715" priority="720" stopIfTrue="1">
      <formula>ISBLANK(S185)=FALSE</formula>
    </cfRule>
  </conditionalFormatting>
  <conditionalFormatting sqref="V185:W186">
    <cfRule type="expression" dxfId="714" priority="711" stopIfTrue="1">
      <formula>ISBLANK(V185)=TRUE</formula>
    </cfRule>
    <cfRule type="expression" dxfId="713" priority="712" stopIfTrue="1">
      <formula>INDIRECT("第１の３表②!"&amp;CELL("address",CO185))="×××"</formula>
    </cfRule>
    <cfRule type="expression" dxfId="712" priority="713" stopIfTrue="1">
      <formula>INDIRECT("第１の３表②!"&amp;CELL("address",CO185))="××"</formula>
    </cfRule>
    <cfRule type="expression" dxfId="711" priority="714" stopIfTrue="1">
      <formula>INDIRECT("第１の３表②!"&amp;CELL("address",CO185))="×"</formula>
    </cfRule>
    <cfRule type="expression" dxfId="710" priority="715" stopIfTrue="1">
      <formula>ISBLANK(V185)=FALSE</formula>
    </cfRule>
  </conditionalFormatting>
  <conditionalFormatting sqref="Y185:Z186">
    <cfRule type="expression" dxfId="709" priority="706" stopIfTrue="1">
      <formula>ISBLANK(Y185)=TRUE</formula>
    </cfRule>
    <cfRule type="expression" dxfId="708" priority="707" stopIfTrue="1">
      <formula>INDIRECT("第１の３表②!"&amp;CELL("address",CR185))="×××"</formula>
    </cfRule>
    <cfRule type="expression" dxfId="707" priority="708" stopIfTrue="1">
      <formula>INDIRECT("第１の３表②!"&amp;CELL("address",CR185))="××"</formula>
    </cfRule>
    <cfRule type="expression" dxfId="706" priority="709" stopIfTrue="1">
      <formula>INDIRECT("第１の３表②!"&amp;CELL("address",CR185))="×"</formula>
    </cfRule>
    <cfRule type="expression" dxfId="705" priority="710" stopIfTrue="1">
      <formula>ISBLANK(Y185)=FALSE</formula>
    </cfRule>
  </conditionalFormatting>
  <conditionalFormatting sqref="AB185:AC186">
    <cfRule type="expression" dxfId="704" priority="701" stopIfTrue="1">
      <formula>ISBLANK(AB185)=TRUE</formula>
    </cfRule>
    <cfRule type="expression" dxfId="703" priority="702" stopIfTrue="1">
      <formula>INDIRECT("第１の３表②!"&amp;CELL("address",CU185))="×××"</formula>
    </cfRule>
    <cfRule type="expression" dxfId="702" priority="703" stopIfTrue="1">
      <formula>INDIRECT("第１の３表②!"&amp;CELL("address",CU185))="××"</formula>
    </cfRule>
    <cfRule type="expression" dxfId="701" priority="704" stopIfTrue="1">
      <formula>INDIRECT("第１の３表②!"&amp;CELL("address",CU185))="×"</formula>
    </cfRule>
    <cfRule type="expression" dxfId="700" priority="705" stopIfTrue="1">
      <formula>ISBLANK(AB185)=FALSE</formula>
    </cfRule>
  </conditionalFormatting>
  <conditionalFormatting sqref="AE185:AF186">
    <cfRule type="expression" dxfId="699" priority="696" stopIfTrue="1">
      <formula>ISBLANK(AE185)=TRUE</formula>
    </cfRule>
    <cfRule type="expression" dxfId="698" priority="697" stopIfTrue="1">
      <formula>INDIRECT("第１の３表②!"&amp;CELL("address",CX185))="×××"</formula>
    </cfRule>
    <cfRule type="expression" dxfId="697" priority="698" stopIfTrue="1">
      <formula>INDIRECT("第１の３表②!"&amp;CELL("address",CX185))="××"</formula>
    </cfRule>
    <cfRule type="expression" dxfId="696" priority="699" stopIfTrue="1">
      <formula>INDIRECT("第１の３表②!"&amp;CELL("address",CX185))="×"</formula>
    </cfRule>
    <cfRule type="expression" dxfId="695" priority="700" stopIfTrue="1">
      <formula>ISBLANK(AE185)=FALSE</formula>
    </cfRule>
  </conditionalFormatting>
  <conditionalFormatting sqref="AH185:AI186">
    <cfRule type="expression" dxfId="694" priority="691" stopIfTrue="1">
      <formula>ISBLANK(AH185)=TRUE</formula>
    </cfRule>
    <cfRule type="expression" dxfId="693" priority="692" stopIfTrue="1">
      <formula>INDIRECT("第１の３表②!"&amp;CELL("address",DA185))="×××"</formula>
    </cfRule>
    <cfRule type="expression" dxfId="692" priority="693" stopIfTrue="1">
      <formula>INDIRECT("第１の３表②!"&amp;CELL("address",DA185))="××"</formula>
    </cfRule>
    <cfRule type="expression" dxfId="691" priority="694" stopIfTrue="1">
      <formula>INDIRECT("第１の３表②!"&amp;CELL("address",DA185))="×"</formula>
    </cfRule>
    <cfRule type="expression" dxfId="690" priority="695" stopIfTrue="1">
      <formula>ISBLANK(AH185)=FALSE</formula>
    </cfRule>
  </conditionalFormatting>
  <conditionalFormatting sqref="AK185:AL186">
    <cfRule type="expression" dxfId="689" priority="686" stopIfTrue="1">
      <formula>ISBLANK(AK185)=TRUE</formula>
    </cfRule>
    <cfRule type="expression" dxfId="688" priority="687" stopIfTrue="1">
      <formula>INDIRECT("第１の３表②!"&amp;CELL("address",DD185))="×××"</formula>
    </cfRule>
    <cfRule type="expression" dxfId="687" priority="688" stopIfTrue="1">
      <formula>INDIRECT("第１の３表②!"&amp;CELL("address",DD185))="××"</formula>
    </cfRule>
    <cfRule type="expression" dxfId="686" priority="689" stopIfTrue="1">
      <formula>INDIRECT("第１の３表②!"&amp;CELL("address",DD185))="×"</formula>
    </cfRule>
    <cfRule type="expression" dxfId="685" priority="690" stopIfTrue="1">
      <formula>ISBLANK(AK185)=FALSE</formula>
    </cfRule>
  </conditionalFormatting>
  <conditionalFormatting sqref="AN185:AO186">
    <cfRule type="expression" dxfId="684" priority="681" stopIfTrue="1">
      <formula>ISBLANK(AN185)=TRUE</formula>
    </cfRule>
    <cfRule type="expression" dxfId="683" priority="682" stopIfTrue="1">
      <formula>INDIRECT("第１の３表②!"&amp;CELL("address",DG185))="×××"</formula>
    </cfRule>
    <cfRule type="expression" dxfId="682" priority="683" stopIfTrue="1">
      <formula>INDIRECT("第１の３表②!"&amp;CELL("address",DG185))="××"</formula>
    </cfRule>
    <cfRule type="expression" dxfId="681" priority="684" stopIfTrue="1">
      <formula>INDIRECT("第１の３表②!"&amp;CELL("address",DG185))="×"</formula>
    </cfRule>
    <cfRule type="expression" dxfId="680" priority="685" stopIfTrue="1">
      <formula>ISBLANK(AN185)=FALSE</formula>
    </cfRule>
  </conditionalFormatting>
  <conditionalFormatting sqref="AQ185:AR186">
    <cfRule type="expression" dxfId="679" priority="676" stopIfTrue="1">
      <formula>ISBLANK(AQ185)=TRUE</formula>
    </cfRule>
    <cfRule type="expression" dxfId="678" priority="677" stopIfTrue="1">
      <formula>INDIRECT("第１の３表②!"&amp;CELL("address",DJ185))="×××"</formula>
    </cfRule>
    <cfRule type="expression" dxfId="677" priority="678" stopIfTrue="1">
      <formula>INDIRECT("第１の３表②!"&amp;CELL("address",DJ185))="××"</formula>
    </cfRule>
    <cfRule type="expression" dxfId="676" priority="679" stopIfTrue="1">
      <formula>INDIRECT("第１の３表②!"&amp;CELL("address",DJ185))="×"</formula>
    </cfRule>
    <cfRule type="expression" dxfId="675" priority="680" stopIfTrue="1">
      <formula>ISBLANK(AQ185)=FALSE</formula>
    </cfRule>
  </conditionalFormatting>
  <conditionalFormatting sqref="AT185:AU186">
    <cfRule type="expression" dxfId="674" priority="671" stopIfTrue="1">
      <formula>ISBLANK(AT185)=TRUE</formula>
    </cfRule>
    <cfRule type="expression" dxfId="673" priority="672" stopIfTrue="1">
      <formula>INDIRECT("第１の３表②!"&amp;CELL("address",DM185))="×××"</formula>
    </cfRule>
    <cfRule type="expression" dxfId="672" priority="673" stopIfTrue="1">
      <formula>INDIRECT("第１の３表②!"&amp;CELL("address",DM185))="××"</formula>
    </cfRule>
    <cfRule type="expression" dxfId="671" priority="674" stopIfTrue="1">
      <formula>INDIRECT("第１の３表②!"&amp;CELL("address",DM185))="×"</formula>
    </cfRule>
    <cfRule type="expression" dxfId="670" priority="675" stopIfTrue="1">
      <formula>ISBLANK(AT185)=FALSE</formula>
    </cfRule>
  </conditionalFormatting>
  <conditionalFormatting sqref="AW185:AX186">
    <cfRule type="expression" dxfId="669" priority="666" stopIfTrue="1">
      <formula>ISBLANK(AW185)=TRUE</formula>
    </cfRule>
    <cfRule type="expression" dxfId="668" priority="667" stopIfTrue="1">
      <formula>INDIRECT("第１の３表②!"&amp;CELL("address",DP185))="×××"</formula>
    </cfRule>
    <cfRule type="expression" dxfId="667" priority="668" stopIfTrue="1">
      <formula>INDIRECT("第１の３表②!"&amp;CELL("address",DP185))="××"</formula>
    </cfRule>
    <cfRule type="expression" dxfId="666" priority="669" stopIfTrue="1">
      <formula>INDIRECT("第１の３表②!"&amp;CELL("address",DP185))="×"</formula>
    </cfRule>
    <cfRule type="expression" dxfId="665" priority="670" stopIfTrue="1">
      <formula>ISBLANK(AW185)=FALSE</formula>
    </cfRule>
  </conditionalFormatting>
  <conditionalFormatting sqref="AZ185:BA186">
    <cfRule type="expression" dxfId="664" priority="661" stopIfTrue="1">
      <formula>ISBLANK(AZ185)=TRUE</formula>
    </cfRule>
    <cfRule type="expression" dxfId="663" priority="662" stopIfTrue="1">
      <formula>INDIRECT("第１の３表②!"&amp;CELL("address",DS185))="×××"</formula>
    </cfRule>
    <cfRule type="expression" dxfId="662" priority="663" stopIfTrue="1">
      <formula>INDIRECT("第１の３表②!"&amp;CELL("address",DS185))="××"</formula>
    </cfRule>
    <cfRule type="expression" dxfId="661" priority="664" stopIfTrue="1">
      <formula>INDIRECT("第１の３表②!"&amp;CELL("address",DS185))="×"</formula>
    </cfRule>
    <cfRule type="expression" dxfId="660" priority="665" stopIfTrue="1">
      <formula>ISBLANK(AZ185)=FALSE</formula>
    </cfRule>
  </conditionalFormatting>
  <conditionalFormatting sqref="BC185:BD186">
    <cfRule type="expression" dxfId="659" priority="656" stopIfTrue="1">
      <formula>ISBLANK(BC185)=TRUE</formula>
    </cfRule>
    <cfRule type="expression" dxfId="658" priority="657" stopIfTrue="1">
      <formula>INDIRECT("第１の３表②!"&amp;CELL("address",DV185))="×××"</formula>
    </cfRule>
    <cfRule type="expression" dxfId="657" priority="658" stopIfTrue="1">
      <formula>INDIRECT("第１の３表②!"&amp;CELL("address",DV185))="××"</formula>
    </cfRule>
    <cfRule type="expression" dxfId="656" priority="659" stopIfTrue="1">
      <formula>INDIRECT("第１の３表②!"&amp;CELL("address",DV185))="×"</formula>
    </cfRule>
    <cfRule type="expression" dxfId="655" priority="660" stopIfTrue="1">
      <formula>ISBLANK(BC185)=FALSE</formula>
    </cfRule>
  </conditionalFormatting>
  <conditionalFormatting sqref="BF185:BG186">
    <cfRule type="expression" dxfId="654" priority="651" stopIfTrue="1">
      <formula>ISBLANK(BF185)=TRUE</formula>
    </cfRule>
    <cfRule type="expression" dxfId="653" priority="652" stopIfTrue="1">
      <formula>INDIRECT("第１の３表②!"&amp;CELL("address",DY185))="×××"</formula>
    </cfRule>
    <cfRule type="expression" dxfId="652" priority="653" stopIfTrue="1">
      <formula>INDIRECT("第１の３表②!"&amp;CELL("address",DY185))="××"</formula>
    </cfRule>
    <cfRule type="expression" dxfId="651" priority="654" stopIfTrue="1">
      <formula>INDIRECT("第１の３表②!"&amp;CELL("address",DY185))="×"</formula>
    </cfRule>
    <cfRule type="expression" dxfId="650" priority="655" stopIfTrue="1">
      <formula>ISBLANK(BF185)=FALSE</formula>
    </cfRule>
  </conditionalFormatting>
  <conditionalFormatting sqref="BI185:BJ186">
    <cfRule type="expression" dxfId="649" priority="646" stopIfTrue="1">
      <formula>ISBLANK(BI185)=TRUE</formula>
    </cfRule>
    <cfRule type="expression" dxfId="648" priority="647" stopIfTrue="1">
      <formula>INDIRECT("第１の３表②!"&amp;CELL("address",EB185))="×××"</formula>
    </cfRule>
    <cfRule type="expression" dxfId="647" priority="648" stopIfTrue="1">
      <formula>INDIRECT("第１の３表②!"&amp;CELL("address",EB185))="××"</formula>
    </cfRule>
    <cfRule type="expression" dxfId="646" priority="649" stopIfTrue="1">
      <formula>INDIRECT("第１の３表②!"&amp;CELL("address",EB185))="×"</formula>
    </cfRule>
    <cfRule type="expression" dxfId="645" priority="650" stopIfTrue="1">
      <formula>ISBLANK(BI185)=FALSE</formula>
    </cfRule>
  </conditionalFormatting>
  <conditionalFormatting sqref="BL185:BM186">
    <cfRule type="expression" dxfId="644" priority="641" stopIfTrue="1">
      <formula>ISBLANK(BL185)=TRUE</formula>
    </cfRule>
    <cfRule type="expression" dxfId="643" priority="642" stopIfTrue="1">
      <formula>INDIRECT("第１の３表②!"&amp;CELL("address",EE185))="×××"</formula>
    </cfRule>
    <cfRule type="expression" dxfId="642" priority="643" stopIfTrue="1">
      <formula>INDIRECT("第１の３表②!"&amp;CELL("address",EE185))="××"</formula>
    </cfRule>
    <cfRule type="expression" dxfId="641" priority="644" stopIfTrue="1">
      <formula>INDIRECT("第１の３表②!"&amp;CELL("address",EE185))="×"</formula>
    </cfRule>
    <cfRule type="expression" dxfId="640" priority="645" stopIfTrue="1">
      <formula>ISBLANK(BL185)=FALSE</formula>
    </cfRule>
  </conditionalFormatting>
  <conditionalFormatting sqref="BO185:BP186">
    <cfRule type="expression" dxfId="639" priority="636" stopIfTrue="1">
      <formula>ISBLANK(BO185)=TRUE</formula>
    </cfRule>
    <cfRule type="expression" dxfId="638" priority="637" stopIfTrue="1">
      <formula>INDIRECT("第１の３表②!"&amp;CELL("address",EH185))="×××"</formula>
    </cfRule>
    <cfRule type="expression" dxfId="637" priority="638" stopIfTrue="1">
      <formula>INDIRECT("第１の３表②!"&amp;CELL("address",EH185))="××"</formula>
    </cfRule>
    <cfRule type="expression" dxfId="636" priority="639" stopIfTrue="1">
      <formula>INDIRECT("第１の３表②!"&amp;CELL("address",EH185))="×"</formula>
    </cfRule>
    <cfRule type="expression" dxfId="635" priority="640" stopIfTrue="1">
      <formula>ISBLANK(BO185)=FALSE</formula>
    </cfRule>
  </conditionalFormatting>
  <conditionalFormatting sqref="G188:H189">
    <cfRule type="expression" dxfId="634" priority="631" stopIfTrue="1">
      <formula>ISBLANK(G188)=TRUE</formula>
    </cfRule>
    <cfRule type="expression" dxfId="633" priority="632" stopIfTrue="1">
      <formula>INDIRECT("第１の３表②!"&amp;CELL("address",BZ188))="×××"</formula>
    </cfRule>
    <cfRule type="expression" dxfId="632" priority="633" stopIfTrue="1">
      <formula>INDIRECT("第１の３表②!"&amp;CELL("address",BZ188))="××"</formula>
    </cfRule>
    <cfRule type="expression" dxfId="631" priority="634" stopIfTrue="1">
      <formula>INDIRECT("第１の３表②!"&amp;CELL("address",BZ188))="×"</formula>
    </cfRule>
    <cfRule type="expression" dxfId="630" priority="635" stopIfTrue="1">
      <formula>ISBLANK(G188)=FALSE</formula>
    </cfRule>
  </conditionalFormatting>
  <conditionalFormatting sqref="J188:J189">
    <cfRule type="expression" dxfId="629" priority="626" stopIfTrue="1">
      <formula>ISBLANK(J188)=TRUE</formula>
    </cfRule>
    <cfRule type="expression" dxfId="628" priority="627" stopIfTrue="1">
      <formula>INDIRECT("第１の３表②!"&amp;CELL("address",CC188))="×××"</formula>
    </cfRule>
    <cfRule type="expression" dxfId="627" priority="628" stopIfTrue="1">
      <formula>INDIRECT("第１の３表②!"&amp;CELL("address",CC188))="××"</formula>
    </cfRule>
    <cfRule type="expression" dxfId="626" priority="629" stopIfTrue="1">
      <formula>INDIRECT("第１の３表②!"&amp;CELL("address",CC188))="×"</formula>
    </cfRule>
    <cfRule type="expression" dxfId="625" priority="630" stopIfTrue="1">
      <formula>ISBLANK(J188)=FALSE</formula>
    </cfRule>
  </conditionalFormatting>
  <conditionalFormatting sqref="M188:M189">
    <cfRule type="expression" dxfId="624" priority="621" stopIfTrue="1">
      <formula>ISBLANK(M188)=TRUE</formula>
    </cfRule>
    <cfRule type="expression" dxfId="623" priority="622" stopIfTrue="1">
      <formula>INDIRECT("第１の３表②!"&amp;CELL("address",CF188))="×××"</formula>
    </cfRule>
    <cfRule type="expression" dxfId="622" priority="623" stopIfTrue="1">
      <formula>INDIRECT("第１の３表②!"&amp;CELL("address",CF188))="××"</formula>
    </cfRule>
    <cfRule type="expression" dxfId="621" priority="624" stopIfTrue="1">
      <formula>INDIRECT("第１の３表②!"&amp;CELL("address",CF188))="×"</formula>
    </cfRule>
    <cfRule type="expression" dxfId="620" priority="625" stopIfTrue="1">
      <formula>ISBLANK(M188)=FALSE</formula>
    </cfRule>
  </conditionalFormatting>
  <conditionalFormatting sqref="P188:P189">
    <cfRule type="expression" dxfId="619" priority="616" stopIfTrue="1">
      <formula>ISBLANK(P188)=TRUE</formula>
    </cfRule>
    <cfRule type="expression" dxfId="618" priority="617" stopIfTrue="1">
      <formula>INDIRECT("第１の３表②!"&amp;CELL("address",CI188))="×××"</formula>
    </cfRule>
    <cfRule type="expression" dxfId="617" priority="618" stopIfTrue="1">
      <formula>INDIRECT("第１の３表②!"&amp;CELL("address",CI188))="××"</formula>
    </cfRule>
    <cfRule type="expression" dxfId="616" priority="619" stopIfTrue="1">
      <formula>INDIRECT("第１の３表②!"&amp;CELL("address",CI188))="×"</formula>
    </cfRule>
    <cfRule type="expression" dxfId="615" priority="620" stopIfTrue="1">
      <formula>ISBLANK(P188)=FALSE</formula>
    </cfRule>
  </conditionalFormatting>
  <conditionalFormatting sqref="S188:S189">
    <cfRule type="expression" dxfId="614" priority="611" stopIfTrue="1">
      <formula>ISBLANK(S188)=TRUE</formula>
    </cfRule>
    <cfRule type="expression" dxfId="613" priority="612" stopIfTrue="1">
      <formula>INDIRECT("第１の３表②!"&amp;CELL("address",CL188))="×××"</formula>
    </cfRule>
    <cfRule type="expression" dxfId="612" priority="613" stopIfTrue="1">
      <formula>INDIRECT("第１の３表②!"&amp;CELL("address",CL188))="××"</formula>
    </cfRule>
    <cfRule type="expression" dxfId="611" priority="614" stopIfTrue="1">
      <formula>INDIRECT("第１の３表②!"&amp;CELL("address",CL188))="×"</formula>
    </cfRule>
    <cfRule type="expression" dxfId="610" priority="615" stopIfTrue="1">
      <formula>ISBLANK(S188)=FALSE</formula>
    </cfRule>
  </conditionalFormatting>
  <conditionalFormatting sqref="V188:V189">
    <cfRule type="expression" dxfId="609" priority="606" stopIfTrue="1">
      <formula>ISBLANK(V188)=TRUE</formula>
    </cfRule>
    <cfRule type="expression" dxfId="608" priority="607" stopIfTrue="1">
      <formula>INDIRECT("第１の３表②!"&amp;CELL("address",CO188))="×××"</formula>
    </cfRule>
    <cfRule type="expression" dxfId="607" priority="608" stopIfTrue="1">
      <formula>INDIRECT("第１の３表②!"&amp;CELL("address",CO188))="××"</formula>
    </cfRule>
    <cfRule type="expression" dxfId="606" priority="609" stopIfTrue="1">
      <formula>INDIRECT("第１の３表②!"&amp;CELL("address",CO188))="×"</formula>
    </cfRule>
    <cfRule type="expression" dxfId="605" priority="610" stopIfTrue="1">
      <formula>ISBLANK(V188)=FALSE</formula>
    </cfRule>
  </conditionalFormatting>
  <conditionalFormatting sqref="Y188:Y189">
    <cfRule type="expression" dxfId="604" priority="601" stopIfTrue="1">
      <formula>ISBLANK(Y188)=TRUE</formula>
    </cfRule>
    <cfRule type="expression" dxfId="603" priority="602" stopIfTrue="1">
      <formula>INDIRECT("第１の３表②!"&amp;CELL("address",CR188))="×××"</formula>
    </cfRule>
    <cfRule type="expression" dxfId="602" priority="603" stopIfTrue="1">
      <formula>INDIRECT("第１の３表②!"&amp;CELL("address",CR188))="××"</formula>
    </cfRule>
    <cfRule type="expression" dxfId="601" priority="604" stopIfTrue="1">
      <formula>INDIRECT("第１の３表②!"&amp;CELL("address",CR188))="×"</formula>
    </cfRule>
    <cfRule type="expression" dxfId="600" priority="605" stopIfTrue="1">
      <formula>ISBLANK(Y188)=FALSE</formula>
    </cfRule>
  </conditionalFormatting>
  <conditionalFormatting sqref="AB188:AB189">
    <cfRule type="expression" dxfId="599" priority="596" stopIfTrue="1">
      <formula>ISBLANK(AB188)=TRUE</formula>
    </cfRule>
    <cfRule type="expression" dxfId="598" priority="597" stopIfTrue="1">
      <formula>INDIRECT("第１の３表②!"&amp;CELL("address",CU188))="×××"</formula>
    </cfRule>
    <cfRule type="expression" dxfId="597" priority="598" stopIfTrue="1">
      <formula>INDIRECT("第１の３表②!"&amp;CELL("address",CU188))="××"</formula>
    </cfRule>
    <cfRule type="expression" dxfId="596" priority="599" stopIfTrue="1">
      <formula>INDIRECT("第１の３表②!"&amp;CELL("address",CU188))="×"</formula>
    </cfRule>
    <cfRule type="expression" dxfId="595" priority="600" stopIfTrue="1">
      <formula>ISBLANK(AB188)=FALSE</formula>
    </cfRule>
  </conditionalFormatting>
  <conditionalFormatting sqref="AE188:AE189">
    <cfRule type="expression" dxfId="594" priority="591" stopIfTrue="1">
      <formula>ISBLANK(AE188)=TRUE</formula>
    </cfRule>
    <cfRule type="expression" dxfId="593" priority="592" stopIfTrue="1">
      <formula>INDIRECT("第１の３表②!"&amp;CELL("address",CX188))="×××"</formula>
    </cfRule>
    <cfRule type="expression" dxfId="592" priority="593" stopIfTrue="1">
      <formula>INDIRECT("第１の３表②!"&amp;CELL("address",CX188))="××"</formula>
    </cfRule>
    <cfRule type="expression" dxfId="591" priority="594" stopIfTrue="1">
      <formula>INDIRECT("第１の３表②!"&amp;CELL("address",CX188))="×"</formula>
    </cfRule>
    <cfRule type="expression" dxfId="590" priority="595" stopIfTrue="1">
      <formula>ISBLANK(AE188)=FALSE</formula>
    </cfRule>
  </conditionalFormatting>
  <conditionalFormatting sqref="AH188:AH189">
    <cfRule type="expression" dxfId="589" priority="586" stopIfTrue="1">
      <formula>ISBLANK(AH188)=TRUE</formula>
    </cfRule>
    <cfRule type="expression" dxfId="588" priority="587" stopIfTrue="1">
      <formula>INDIRECT("第１の３表②!"&amp;CELL("address",DA188))="×××"</formula>
    </cfRule>
    <cfRule type="expression" dxfId="587" priority="588" stopIfTrue="1">
      <formula>INDIRECT("第１の３表②!"&amp;CELL("address",DA188))="××"</formula>
    </cfRule>
    <cfRule type="expression" dxfId="586" priority="589" stopIfTrue="1">
      <formula>INDIRECT("第１の３表②!"&amp;CELL("address",DA188))="×"</formula>
    </cfRule>
    <cfRule type="expression" dxfId="585" priority="590" stopIfTrue="1">
      <formula>ISBLANK(AH188)=FALSE</formula>
    </cfRule>
  </conditionalFormatting>
  <conditionalFormatting sqref="AK188:AK189">
    <cfRule type="expression" dxfId="584" priority="581" stopIfTrue="1">
      <formula>ISBLANK(AK188)=TRUE</formula>
    </cfRule>
    <cfRule type="expression" dxfId="583" priority="582" stopIfTrue="1">
      <formula>INDIRECT("第１の３表②!"&amp;CELL("address",DD188))="×××"</formula>
    </cfRule>
    <cfRule type="expression" dxfId="582" priority="583" stopIfTrue="1">
      <formula>INDIRECT("第１の３表②!"&amp;CELL("address",DD188))="××"</formula>
    </cfRule>
    <cfRule type="expression" dxfId="581" priority="584" stopIfTrue="1">
      <formula>INDIRECT("第１の３表②!"&amp;CELL("address",DD188))="×"</formula>
    </cfRule>
    <cfRule type="expression" dxfId="580" priority="585" stopIfTrue="1">
      <formula>ISBLANK(AK188)=FALSE</formula>
    </cfRule>
  </conditionalFormatting>
  <conditionalFormatting sqref="AN188:AN189">
    <cfRule type="expression" dxfId="579" priority="576" stopIfTrue="1">
      <formula>ISBLANK(AN188)=TRUE</formula>
    </cfRule>
    <cfRule type="expression" dxfId="578" priority="577" stopIfTrue="1">
      <formula>INDIRECT("第１の３表②!"&amp;CELL("address",DG188))="×××"</formula>
    </cfRule>
    <cfRule type="expression" dxfId="577" priority="578" stopIfTrue="1">
      <formula>INDIRECT("第１の３表②!"&amp;CELL("address",DG188))="××"</formula>
    </cfRule>
    <cfRule type="expression" dxfId="576" priority="579" stopIfTrue="1">
      <formula>INDIRECT("第１の３表②!"&amp;CELL("address",DG188))="×"</formula>
    </cfRule>
    <cfRule type="expression" dxfId="575" priority="580" stopIfTrue="1">
      <formula>ISBLANK(AN188)=FALSE</formula>
    </cfRule>
  </conditionalFormatting>
  <conditionalFormatting sqref="AQ188:AQ189">
    <cfRule type="expression" dxfId="574" priority="571" stopIfTrue="1">
      <formula>ISBLANK(AQ188)=TRUE</formula>
    </cfRule>
    <cfRule type="expression" dxfId="573" priority="572" stopIfTrue="1">
      <formula>INDIRECT("第１の３表②!"&amp;CELL("address",DJ188))="×××"</formula>
    </cfRule>
    <cfRule type="expression" dxfId="572" priority="573" stopIfTrue="1">
      <formula>INDIRECT("第１の３表②!"&amp;CELL("address",DJ188))="××"</formula>
    </cfRule>
    <cfRule type="expression" dxfId="571" priority="574" stopIfTrue="1">
      <formula>INDIRECT("第１の３表②!"&amp;CELL("address",DJ188))="×"</formula>
    </cfRule>
    <cfRule type="expression" dxfId="570" priority="575" stopIfTrue="1">
      <formula>ISBLANK(AQ188)=FALSE</formula>
    </cfRule>
  </conditionalFormatting>
  <conditionalFormatting sqref="AT188:AT189">
    <cfRule type="expression" dxfId="569" priority="566" stopIfTrue="1">
      <formula>ISBLANK(AT188)=TRUE</formula>
    </cfRule>
    <cfRule type="expression" dxfId="568" priority="567" stopIfTrue="1">
      <formula>INDIRECT("第１の３表②!"&amp;CELL("address",DM188))="×××"</formula>
    </cfRule>
    <cfRule type="expression" dxfId="567" priority="568" stopIfTrue="1">
      <formula>INDIRECT("第１の３表②!"&amp;CELL("address",DM188))="××"</formula>
    </cfRule>
    <cfRule type="expression" dxfId="566" priority="569" stopIfTrue="1">
      <formula>INDIRECT("第１の３表②!"&amp;CELL("address",DM188))="×"</formula>
    </cfRule>
    <cfRule type="expression" dxfId="565" priority="570" stopIfTrue="1">
      <formula>ISBLANK(AT188)=FALSE</formula>
    </cfRule>
  </conditionalFormatting>
  <conditionalFormatting sqref="AW188:AW189">
    <cfRule type="expression" dxfId="564" priority="561" stopIfTrue="1">
      <formula>ISBLANK(AW188)=TRUE</formula>
    </cfRule>
    <cfRule type="expression" dxfId="563" priority="562" stopIfTrue="1">
      <formula>INDIRECT("第１の３表②!"&amp;CELL("address",DP188))="×××"</formula>
    </cfRule>
    <cfRule type="expression" dxfId="562" priority="563" stopIfTrue="1">
      <formula>INDIRECT("第１の３表②!"&amp;CELL("address",DP188))="××"</formula>
    </cfRule>
    <cfRule type="expression" dxfId="561" priority="564" stopIfTrue="1">
      <formula>INDIRECT("第１の３表②!"&amp;CELL("address",DP188))="×"</formula>
    </cfRule>
    <cfRule type="expression" dxfId="560" priority="565" stopIfTrue="1">
      <formula>ISBLANK(AW188)=FALSE</formula>
    </cfRule>
  </conditionalFormatting>
  <conditionalFormatting sqref="AZ188:AZ189">
    <cfRule type="expression" dxfId="559" priority="556" stopIfTrue="1">
      <formula>ISBLANK(AZ188)=TRUE</formula>
    </cfRule>
    <cfRule type="expression" dxfId="558" priority="557" stopIfTrue="1">
      <formula>INDIRECT("第１の３表②!"&amp;CELL("address",DS188))="×××"</formula>
    </cfRule>
    <cfRule type="expression" dxfId="557" priority="558" stopIfTrue="1">
      <formula>INDIRECT("第１の３表②!"&amp;CELL("address",DS188))="××"</formula>
    </cfRule>
    <cfRule type="expression" dxfId="556" priority="559" stopIfTrue="1">
      <formula>INDIRECT("第１の３表②!"&amp;CELL("address",DS188))="×"</formula>
    </cfRule>
    <cfRule type="expression" dxfId="555" priority="560" stopIfTrue="1">
      <formula>ISBLANK(AZ188)=FALSE</formula>
    </cfRule>
  </conditionalFormatting>
  <conditionalFormatting sqref="BC188:BC189">
    <cfRule type="expression" dxfId="554" priority="551" stopIfTrue="1">
      <formula>ISBLANK(BC188)=TRUE</formula>
    </cfRule>
    <cfRule type="expression" dxfId="553" priority="552" stopIfTrue="1">
      <formula>INDIRECT("第１の３表②!"&amp;CELL("address",DV188))="×××"</formula>
    </cfRule>
    <cfRule type="expression" dxfId="552" priority="553" stopIfTrue="1">
      <formula>INDIRECT("第１の３表②!"&amp;CELL("address",DV188))="××"</formula>
    </cfRule>
    <cfRule type="expression" dxfId="551" priority="554" stopIfTrue="1">
      <formula>INDIRECT("第１の３表②!"&amp;CELL("address",DV188))="×"</formula>
    </cfRule>
    <cfRule type="expression" dxfId="550" priority="555" stopIfTrue="1">
      <formula>ISBLANK(BC188)=FALSE</formula>
    </cfRule>
  </conditionalFormatting>
  <conditionalFormatting sqref="BF188:BF189">
    <cfRule type="expression" dxfId="549" priority="546" stopIfTrue="1">
      <formula>ISBLANK(BF188)=TRUE</formula>
    </cfRule>
    <cfRule type="expression" dxfId="548" priority="547" stopIfTrue="1">
      <formula>INDIRECT("第１の３表②!"&amp;CELL("address",DY188))="×××"</formula>
    </cfRule>
    <cfRule type="expression" dxfId="547" priority="548" stopIfTrue="1">
      <formula>INDIRECT("第１の３表②!"&amp;CELL("address",DY188))="××"</formula>
    </cfRule>
    <cfRule type="expression" dxfId="546" priority="549" stopIfTrue="1">
      <formula>INDIRECT("第１の３表②!"&amp;CELL("address",DY188))="×"</formula>
    </cfRule>
    <cfRule type="expression" dxfId="545" priority="550" stopIfTrue="1">
      <formula>ISBLANK(BF188)=FALSE</formula>
    </cfRule>
  </conditionalFormatting>
  <conditionalFormatting sqref="BI188:BI189">
    <cfRule type="expression" dxfId="544" priority="541" stopIfTrue="1">
      <formula>ISBLANK(BI188)=TRUE</formula>
    </cfRule>
    <cfRule type="expression" dxfId="543" priority="542" stopIfTrue="1">
      <formula>INDIRECT("第１の３表②!"&amp;CELL("address",EB188))="×××"</formula>
    </cfRule>
    <cfRule type="expression" dxfId="542" priority="543" stopIfTrue="1">
      <formula>INDIRECT("第１の３表②!"&amp;CELL("address",EB188))="××"</formula>
    </cfRule>
    <cfRule type="expression" dxfId="541" priority="544" stopIfTrue="1">
      <formula>INDIRECT("第１の３表②!"&amp;CELL("address",EB188))="×"</formula>
    </cfRule>
    <cfRule type="expression" dxfId="540" priority="545" stopIfTrue="1">
      <formula>ISBLANK(BI188)=FALSE</formula>
    </cfRule>
  </conditionalFormatting>
  <conditionalFormatting sqref="BL188:BL189">
    <cfRule type="expression" dxfId="539" priority="536" stopIfTrue="1">
      <formula>ISBLANK(BL188)=TRUE</formula>
    </cfRule>
    <cfRule type="expression" dxfId="538" priority="537" stopIfTrue="1">
      <formula>INDIRECT("第１の３表②!"&amp;CELL("address",EE188))="×××"</formula>
    </cfRule>
    <cfRule type="expression" dxfId="537" priority="538" stopIfTrue="1">
      <formula>INDIRECT("第１の３表②!"&amp;CELL("address",EE188))="××"</formula>
    </cfRule>
    <cfRule type="expression" dxfId="536" priority="539" stopIfTrue="1">
      <formula>INDIRECT("第１の３表②!"&amp;CELL("address",EE188))="×"</formula>
    </cfRule>
    <cfRule type="expression" dxfId="535" priority="540" stopIfTrue="1">
      <formula>ISBLANK(BL188)=FALSE</formula>
    </cfRule>
  </conditionalFormatting>
  <conditionalFormatting sqref="BO188:BO189">
    <cfRule type="expression" dxfId="534" priority="531" stopIfTrue="1">
      <formula>ISBLANK(BO188)=TRUE</formula>
    </cfRule>
    <cfRule type="expression" dxfId="533" priority="532" stopIfTrue="1">
      <formula>INDIRECT("第１の３表②!"&amp;CELL("address",EH188))="×××"</formula>
    </cfRule>
    <cfRule type="expression" dxfId="532" priority="533" stopIfTrue="1">
      <formula>INDIRECT("第１の３表②!"&amp;CELL("address",EH188))="××"</formula>
    </cfRule>
    <cfRule type="expression" dxfId="531" priority="534" stopIfTrue="1">
      <formula>INDIRECT("第１の３表②!"&amp;CELL("address",EH188))="×"</formula>
    </cfRule>
    <cfRule type="expression" dxfId="530" priority="535" stopIfTrue="1">
      <formula>ISBLANK(BO188)=FALSE</formula>
    </cfRule>
  </conditionalFormatting>
  <conditionalFormatting sqref="D104:F106">
    <cfRule type="expression" dxfId="529" priority="526" stopIfTrue="1">
      <formula>ISBLANK(D104)=TRUE</formula>
    </cfRule>
    <cfRule type="expression" dxfId="528" priority="527" stopIfTrue="1">
      <formula>INDIRECT("第１の３表②!"&amp;CELL("address",BW104))="×××"</formula>
    </cfRule>
    <cfRule type="expression" dxfId="527" priority="528" stopIfTrue="1">
      <formula>INDIRECT("第１の３表②!"&amp;CELL("address",BW104))="××"</formula>
    </cfRule>
    <cfRule type="expression" dxfId="526" priority="529" stopIfTrue="1">
      <formula>INDIRECT("第１の３表②!"&amp;CELL("address",BW104))="×"</formula>
    </cfRule>
    <cfRule type="expression" dxfId="525" priority="530" stopIfTrue="1">
      <formula>ISBLANK(D104)=FALSE</formula>
    </cfRule>
  </conditionalFormatting>
  <conditionalFormatting sqref="D122:F124">
    <cfRule type="expression" dxfId="524" priority="521" stopIfTrue="1">
      <formula>ISBLANK(D122)=TRUE</formula>
    </cfRule>
    <cfRule type="expression" dxfId="523" priority="522" stopIfTrue="1">
      <formula>INDIRECT("第１の３表②!"&amp;CELL("address",BW122))="×××"</formula>
    </cfRule>
    <cfRule type="expression" dxfId="522" priority="523" stopIfTrue="1">
      <formula>INDIRECT("第１の３表②!"&amp;CELL("address",BW122))="××"</formula>
    </cfRule>
    <cfRule type="expression" dxfId="521" priority="524" stopIfTrue="1">
      <formula>INDIRECT("第１の３表②!"&amp;CELL("address",BW122))="×"</formula>
    </cfRule>
    <cfRule type="expression" dxfId="520" priority="525" stopIfTrue="1">
      <formula>ISBLANK(D122)=FALSE</formula>
    </cfRule>
  </conditionalFormatting>
  <conditionalFormatting sqref="D131:F133">
    <cfRule type="expression" dxfId="519" priority="516" stopIfTrue="1">
      <formula>ISBLANK(D131)=TRUE</formula>
    </cfRule>
    <cfRule type="expression" dxfId="518" priority="517" stopIfTrue="1">
      <formula>INDIRECT("第１の３表②!"&amp;CELL("address",BW131))="×××"</formula>
    </cfRule>
    <cfRule type="expression" dxfId="517" priority="518" stopIfTrue="1">
      <formula>INDIRECT("第１の３表②!"&amp;CELL("address",BW131))="××"</formula>
    </cfRule>
    <cfRule type="expression" dxfId="516" priority="519" stopIfTrue="1">
      <formula>INDIRECT("第１の３表②!"&amp;CELL("address",BW131))="×"</formula>
    </cfRule>
    <cfRule type="expression" dxfId="515" priority="520" stopIfTrue="1">
      <formula>ISBLANK(D131)=FALSE</formula>
    </cfRule>
  </conditionalFormatting>
  <conditionalFormatting sqref="D143:F145">
    <cfRule type="expression" dxfId="514" priority="511" stopIfTrue="1">
      <formula>ISBLANK(D143)=TRUE</formula>
    </cfRule>
    <cfRule type="expression" dxfId="513" priority="512" stopIfTrue="1">
      <formula>INDIRECT("第１の３表②!"&amp;CELL("address",BW143))="×××"</formula>
    </cfRule>
    <cfRule type="expression" dxfId="512" priority="513" stopIfTrue="1">
      <formula>INDIRECT("第１の３表②!"&amp;CELL("address",BW143))="××"</formula>
    </cfRule>
    <cfRule type="expression" dxfId="511" priority="514" stopIfTrue="1">
      <formula>INDIRECT("第１の３表②!"&amp;CELL("address",BW143))="×"</formula>
    </cfRule>
    <cfRule type="expression" dxfId="510" priority="515" stopIfTrue="1">
      <formula>ISBLANK(D143)=FALSE</formula>
    </cfRule>
  </conditionalFormatting>
  <conditionalFormatting sqref="D149:F151">
    <cfRule type="expression" dxfId="509" priority="506" stopIfTrue="1">
      <formula>ISBLANK(D149)=TRUE</formula>
    </cfRule>
    <cfRule type="expression" dxfId="508" priority="507" stopIfTrue="1">
      <formula>INDIRECT("第１の３表②!"&amp;CELL("address",BW149))="×××"</formula>
    </cfRule>
    <cfRule type="expression" dxfId="507" priority="508" stopIfTrue="1">
      <formula>INDIRECT("第１の３表②!"&amp;CELL("address",BW149))="××"</formula>
    </cfRule>
    <cfRule type="expression" dxfId="506" priority="509" stopIfTrue="1">
      <formula>INDIRECT("第１の３表②!"&amp;CELL("address",BW149))="×"</formula>
    </cfRule>
    <cfRule type="expression" dxfId="505" priority="510" stopIfTrue="1">
      <formula>ISBLANK(D149)=FALSE</formula>
    </cfRule>
  </conditionalFormatting>
  <conditionalFormatting sqref="D155:F157">
    <cfRule type="expression" dxfId="504" priority="501" stopIfTrue="1">
      <formula>ISBLANK(D155)=TRUE</formula>
    </cfRule>
    <cfRule type="expression" dxfId="503" priority="502" stopIfTrue="1">
      <formula>INDIRECT("第１の３表②!"&amp;CELL("address",BW155))="×××"</formula>
    </cfRule>
    <cfRule type="expression" dxfId="502" priority="503" stopIfTrue="1">
      <formula>INDIRECT("第１の３表②!"&amp;CELL("address",BW155))="××"</formula>
    </cfRule>
    <cfRule type="expression" dxfId="501" priority="504" stopIfTrue="1">
      <formula>INDIRECT("第１の３表②!"&amp;CELL("address",BW155))="×"</formula>
    </cfRule>
    <cfRule type="expression" dxfId="500" priority="505" stopIfTrue="1">
      <formula>ISBLANK(D155)=FALSE</formula>
    </cfRule>
  </conditionalFormatting>
  <conditionalFormatting sqref="D161:F163">
    <cfRule type="expression" dxfId="499" priority="496" stopIfTrue="1">
      <formula>ISBLANK(D161)=TRUE</formula>
    </cfRule>
    <cfRule type="expression" dxfId="498" priority="497" stopIfTrue="1">
      <formula>INDIRECT("第１の３表②!"&amp;CELL("address",BW161))="×××"</formula>
    </cfRule>
    <cfRule type="expression" dxfId="497" priority="498" stopIfTrue="1">
      <formula>INDIRECT("第１の３表②!"&amp;CELL("address",BW161))="××"</formula>
    </cfRule>
    <cfRule type="expression" dxfId="496" priority="499" stopIfTrue="1">
      <formula>INDIRECT("第１の３表②!"&amp;CELL("address",BW161))="×"</formula>
    </cfRule>
    <cfRule type="expression" dxfId="495" priority="500" stopIfTrue="1">
      <formula>ISBLANK(D161)=FALSE</formula>
    </cfRule>
  </conditionalFormatting>
  <conditionalFormatting sqref="D173:F175">
    <cfRule type="expression" dxfId="494" priority="491" stopIfTrue="1">
      <formula>ISBLANK(D173)=TRUE</formula>
    </cfRule>
    <cfRule type="expression" dxfId="493" priority="492" stopIfTrue="1">
      <formula>INDIRECT("第１の３表②!"&amp;CELL("address",BW173))="×××"</formula>
    </cfRule>
    <cfRule type="expression" dxfId="492" priority="493" stopIfTrue="1">
      <formula>INDIRECT("第１の３表②!"&amp;CELL("address",BW173))="××"</formula>
    </cfRule>
    <cfRule type="expression" dxfId="491" priority="494" stopIfTrue="1">
      <formula>INDIRECT("第１の３表②!"&amp;CELL("address",BW173))="×"</formula>
    </cfRule>
    <cfRule type="expression" dxfId="490" priority="495" stopIfTrue="1">
      <formula>ISBLANK(D173)=FALSE</formula>
    </cfRule>
  </conditionalFormatting>
  <conditionalFormatting sqref="G106:BQ106 I104:I105 L104:L105 O104:O105 R104:R105 U104:U105 X104:X105 AA104:AA105 AD104:AD105 AG104:AG105 AJ104:AJ105 AM104:AM105 AP104:AP105 AS104:AS105 AV104:AV105 AY104:AY105 BB104:BB105 BE104:BE105 BH104:BH105 BK104:BK105 BN104:BN105 BQ104:BQ105">
    <cfRule type="expression" dxfId="489" priority="486" stopIfTrue="1">
      <formula>ISBLANK(G104)=TRUE</formula>
    </cfRule>
    <cfRule type="expression" dxfId="488" priority="487" stopIfTrue="1">
      <formula>INDIRECT("第１の３表②!"&amp;CELL("address",BZ104))="×××"</formula>
    </cfRule>
    <cfRule type="expression" dxfId="487" priority="488" stopIfTrue="1">
      <formula>INDIRECT("第１の３表②!"&amp;CELL("address",BZ104))="××"</formula>
    </cfRule>
    <cfRule type="expression" dxfId="486" priority="489" stopIfTrue="1">
      <formula>INDIRECT("第１の３表②!"&amp;CELL("address",BZ104))="×"</formula>
    </cfRule>
    <cfRule type="expression" dxfId="485" priority="490" stopIfTrue="1">
      <formula>ISBLANK(G104)=FALSE</formula>
    </cfRule>
  </conditionalFormatting>
  <conditionalFormatting sqref="G104:H105 J104:K105 M104:N105 P104:Q105 S104:T105 V104:W105 Y104:Z105 AB104:AC105 AE104:AF105 AH104:AI105 AK104:AL105 AN104:AO105 AQ104:AR105 AT104:AU105 AW104:AX105 AZ104:BA105 BC104:BD105 BF104:BG105 BI104:BJ105 BL104:BM105 BO104:BP105">
    <cfRule type="expression" dxfId="484" priority="481" stopIfTrue="1">
      <formula>ISBLANK(G104)=TRUE</formula>
    </cfRule>
    <cfRule type="expression" dxfId="483" priority="482" stopIfTrue="1">
      <formula>INDIRECT("第１の３表②!"&amp;CELL("address",BZ104))="×××"</formula>
    </cfRule>
    <cfRule type="expression" dxfId="482" priority="483" stopIfTrue="1">
      <formula>INDIRECT("第１の３表②!"&amp;CELL("address",BZ104))="××"</formula>
    </cfRule>
    <cfRule type="expression" dxfId="481" priority="484" stopIfTrue="1">
      <formula>INDIRECT("第１の３表②!"&amp;CELL("address",BZ104))="×"</formula>
    </cfRule>
    <cfRule type="expression" dxfId="480" priority="485" stopIfTrue="1">
      <formula>ISBLANK(G104)=FALSE</formula>
    </cfRule>
  </conditionalFormatting>
  <conditionalFormatting sqref="G124:BQ124 I122:I123 L122:L123 O122:O123 R122:R123 U122:U123 X122:X123 AA122:AA123 AD122:AD123 AG122:AG123 AJ122:AJ123 AM122:AM123 AP122:AP123 AS122:AS123 AV122:AV123 AY122:AY123 BB122:BB123 BE122:BE123 BH122:BH123 BK122:BK123 BN122:BN123 BQ122:BQ123">
    <cfRule type="expression" dxfId="479" priority="476" stopIfTrue="1">
      <formula>ISBLANK(G122)=TRUE</formula>
    </cfRule>
    <cfRule type="expression" dxfId="478" priority="477" stopIfTrue="1">
      <formula>INDIRECT("第１の３表②!"&amp;CELL("address",BZ122))="×××"</formula>
    </cfRule>
    <cfRule type="expression" dxfId="477" priority="478" stopIfTrue="1">
      <formula>INDIRECT("第１の３表②!"&amp;CELL("address",BZ122))="××"</formula>
    </cfRule>
    <cfRule type="expression" dxfId="476" priority="479" stopIfTrue="1">
      <formula>INDIRECT("第１の３表②!"&amp;CELL("address",BZ122))="×"</formula>
    </cfRule>
    <cfRule type="expression" dxfId="475" priority="480" stopIfTrue="1">
      <formula>ISBLANK(G122)=FALSE</formula>
    </cfRule>
  </conditionalFormatting>
  <conditionalFormatting sqref="G122:H123 J122:K123 M122:N123 P122:Q123 S122:T123 V122:W123 Y122:Z123 AB122:AC123 AE122:AF123 AH122:AI123 AK122:AL123 AN122:AO123 AQ122:AR123 AT122:AU123 AW122:AX123 AZ122:BA123 BC122:BD123 BF122:BG123 BI122:BJ123 BL122:BM123 BO122:BP123">
    <cfRule type="expression" dxfId="474" priority="471" stopIfTrue="1">
      <formula>ISBLANK(G122)=TRUE</formula>
    </cfRule>
    <cfRule type="expression" dxfId="473" priority="472" stopIfTrue="1">
      <formula>INDIRECT("第１の３表②!"&amp;CELL("address",BZ122))="×××"</formula>
    </cfRule>
    <cfRule type="expression" dxfId="472" priority="473" stopIfTrue="1">
      <formula>INDIRECT("第１の３表②!"&amp;CELL("address",BZ122))="××"</formula>
    </cfRule>
    <cfRule type="expression" dxfId="471" priority="474" stopIfTrue="1">
      <formula>INDIRECT("第１の３表②!"&amp;CELL("address",BZ122))="×"</formula>
    </cfRule>
    <cfRule type="expression" dxfId="470" priority="475" stopIfTrue="1">
      <formula>ISBLANK(G122)=FALSE</formula>
    </cfRule>
  </conditionalFormatting>
  <conditionalFormatting sqref="G133:BQ133 I131:I132 L131:L132 O131:O132 R131:R132 U131:U132 X131:X132 AA131:AA132 AD131:AD132 AG131:AG132 AJ131:AJ132 AM131:AM132 AP131:AP132 AS131:AS132 AV131:AV132 AY131:AY132 BB131:BB132 BE131:BE132 BH131:BH132 BK131:BK132 BN131:BN132 BQ131:BQ132">
    <cfRule type="expression" dxfId="469" priority="466" stopIfTrue="1">
      <formula>ISBLANK(G131)=TRUE</formula>
    </cfRule>
    <cfRule type="expression" dxfId="468" priority="467" stopIfTrue="1">
      <formula>INDIRECT("第１の３表②!"&amp;CELL("address",BZ131))="×××"</formula>
    </cfRule>
    <cfRule type="expression" dxfId="467" priority="468" stopIfTrue="1">
      <formula>INDIRECT("第１の３表②!"&amp;CELL("address",BZ131))="××"</formula>
    </cfRule>
    <cfRule type="expression" dxfId="466" priority="469" stopIfTrue="1">
      <formula>INDIRECT("第１の３表②!"&amp;CELL("address",BZ131))="×"</formula>
    </cfRule>
    <cfRule type="expression" dxfId="465" priority="470" stopIfTrue="1">
      <formula>ISBLANK(G131)=FALSE</formula>
    </cfRule>
  </conditionalFormatting>
  <conditionalFormatting sqref="G131:H132 J131:K132 M131:N132 P131:Q132 S131:T132 V131:W132 Y131:Z132 AB131:AC132 AE131:AF132 AH131:AI132 AK131:AL132 AN131:AO132 AQ131:AR132 AT131:AU132 AW131:AX132 AZ131:BA132 BC131:BD132 BF131:BG132 BI131:BJ132 BL131:BM132 BO131:BP132">
    <cfRule type="expression" dxfId="464" priority="461" stopIfTrue="1">
      <formula>ISBLANK(G131)=TRUE</formula>
    </cfRule>
    <cfRule type="expression" dxfId="463" priority="462" stopIfTrue="1">
      <formula>INDIRECT("第１の３表②!"&amp;CELL("address",BZ131))="×××"</formula>
    </cfRule>
    <cfRule type="expression" dxfId="462" priority="463" stopIfTrue="1">
      <formula>INDIRECT("第１の３表②!"&amp;CELL("address",BZ131))="××"</formula>
    </cfRule>
    <cfRule type="expression" dxfId="461" priority="464" stopIfTrue="1">
      <formula>INDIRECT("第１の３表②!"&amp;CELL("address",BZ131))="×"</formula>
    </cfRule>
    <cfRule type="expression" dxfId="460" priority="465" stopIfTrue="1">
      <formula>ISBLANK(G131)=FALSE</formula>
    </cfRule>
  </conditionalFormatting>
  <conditionalFormatting sqref="G145:BQ145 I143:I144 L143:L144 O143:O144 R143:R144 U143:U144 X143:X144 AA143:AA144 AD143:AD144 AG143:AG144 AJ143:AJ144 AM143:AM144 AP143:AP144 AS143:AS144 AV143:AV144 AY143:AY144 BB143:BB144 BE143:BE144 BH143:BH144 BK143:BK144 BN143:BN144 BQ143:BQ144">
    <cfRule type="expression" dxfId="459" priority="456" stopIfTrue="1">
      <formula>ISBLANK(G143)=TRUE</formula>
    </cfRule>
    <cfRule type="expression" dxfId="458" priority="457" stopIfTrue="1">
      <formula>INDIRECT("第１の３表②!"&amp;CELL("address",BZ143))="×××"</formula>
    </cfRule>
    <cfRule type="expression" dxfId="457" priority="458" stopIfTrue="1">
      <formula>INDIRECT("第１の３表②!"&amp;CELL("address",BZ143))="××"</formula>
    </cfRule>
    <cfRule type="expression" dxfId="456" priority="459" stopIfTrue="1">
      <formula>INDIRECT("第１の３表②!"&amp;CELL("address",BZ143))="×"</formula>
    </cfRule>
    <cfRule type="expression" dxfId="455" priority="460" stopIfTrue="1">
      <formula>ISBLANK(G143)=FALSE</formula>
    </cfRule>
  </conditionalFormatting>
  <conditionalFormatting sqref="G143:H144 J143:K144 M143:N144 P143:Q144 S143:T144 V143:W144 Y143:Z144 AB143:AC144 AE143:AF144 AH143:AI144 AK143:AL144 AN143:AO144 AQ143:AR144 AT143:AU144 AW143:AX144 AZ143:BA144 BC143:BD144 BF143:BG144 BI143:BJ144 BL143:BM144 BO143:BP144">
    <cfRule type="expression" dxfId="454" priority="451" stopIfTrue="1">
      <formula>ISBLANK(G143)=TRUE</formula>
    </cfRule>
    <cfRule type="expression" dxfId="453" priority="452" stopIfTrue="1">
      <formula>INDIRECT("第１の３表②!"&amp;CELL("address",BZ143))="×××"</formula>
    </cfRule>
    <cfRule type="expression" dxfId="452" priority="453" stopIfTrue="1">
      <formula>INDIRECT("第１の３表②!"&amp;CELL("address",BZ143))="××"</formula>
    </cfRule>
    <cfRule type="expression" dxfId="451" priority="454" stopIfTrue="1">
      <formula>INDIRECT("第１の３表②!"&amp;CELL("address",BZ143))="×"</formula>
    </cfRule>
    <cfRule type="expression" dxfId="450" priority="455" stopIfTrue="1">
      <formula>ISBLANK(G143)=FALSE</formula>
    </cfRule>
  </conditionalFormatting>
  <conditionalFormatting sqref="G151:BQ151 I149:I150 L149:L150 O149:O150 R149:R150 U149:U150 X149:X150 AA149:AA150 AD149:AD150 AG149:AG150 AJ149:AJ150 AM149:AM150 AP149:AP150 AS149:AS150 AV149:AV150 AY149:AY150 BB149:BB150 BE149:BE150 BH149:BH150 BK149:BK150 BN149:BN150 BQ149:BQ150">
    <cfRule type="expression" dxfId="449" priority="446" stopIfTrue="1">
      <formula>ISBLANK(G149)=TRUE</formula>
    </cfRule>
    <cfRule type="expression" dxfId="448" priority="447" stopIfTrue="1">
      <formula>INDIRECT("第１の３表②!"&amp;CELL("address",BZ149))="×××"</formula>
    </cfRule>
    <cfRule type="expression" dxfId="447" priority="448" stopIfTrue="1">
      <formula>INDIRECT("第１の３表②!"&amp;CELL("address",BZ149))="××"</formula>
    </cfRule>
    <cfRule type="expression" dxfId="446" priority="449" stopIfTrue="1">
      <formula>INDIRECT("第１の３表②!"&amp;CELL("address",BZ149))="×"</formula>
    </cfRule>
    <cfRule type="expression" dxfId="445" priority="450" stopIfTrue="1">
      <formula>ISBLANK(G149)=FALSE</formula>
    </cfRule>
  </conditionalFormatting>
  <conditionalFormatting sqref="G149:H150 J149:K150 M149:N150 P149:Q150 S149:T150 V149:W150 Y149:Z150 AB149:AC150 AE149:AF150 AH149:AI150 AK149:AL150 AN149:AO150 AQ149:AR150 AT149:AU150 AW149:AX150 AZ149:BA150 BC149:BD150 BF149:BG150 BI149:BJ150 BL149:BM150 BO149:BP150">
    <cfRule type="expression" dxfId="444" priority="441" stopIfTrue="1">
      <formula>ISBLANK(G149)=TRUE</formula>
    </cfRule>
    <cfRule type="expression" dxfId="443" priority="442" stopIfTrue="1">
      <formula>INDIRECT("第１の３表②!"&amp;CELL("address",BZ149))="×××"</formula>
    </cfRule>
    <cfRule type="expression" dxfId="442" priority="443" stopIfTrue="1">
      <formula>INDIRECT("第１の３表②!"&amp;CELL("address",BZ149))="××"</formula>
    </cfRule>
    <cfRule type="expression" dxfId="441" priority="444" stopIfTrue="1">
      <formula>INDIRECT("第１の３表②!"&amp;CELL("address",BZ149))="×"</formula>
    </cfRule>
    <cfRule type="expression" dxfId="440" priority="445" stopIfTrue="1">
      <formula>ISBLANK(G149)=FALSE</formula>
    </cfRule>
  </conditionalFormatting>
  <conditionalFormatting sqref="G157:BQ157 I155:I156 L155:L156 O155:O156 R155:R156 U155:U156 X155:X156 AA155:AA156 AD155:AD156 AG155:AG156 AJ155:AJ156 AM155:AM156 AP155:AP156 AS155:AS156 AV155:AV156 AY155:AY156 BB155:BB156 BE155:BE156 BH155:BH156 BK155:BK156 BN155:BN156 BQ155:BQ156">
    <cfRule type="expression" dxfId="439" priority="436" stopIfTrue="1">
      <formula>ISBLANK(G155)=TRUE</formula>
    </cfRule>
    <cfRule type="expression" dxfId="438" priority="437" stopIfTrue="1">
      <formula>INDIRECT("第１の３表②!"&amp;CELL("address",BZ155))="×××"</formula>
    </cfRule>
    <cfRule type="expression" dxfId="437" priority="438" stopIfTrue="1">
      <formula>INDIRECT("第１の３表②!"&amp;CELL("address",BZ155))="××"</formula>
    </cfRule>
    <cfRule type="expression" dxfId="436" priority="439" stopIfTrue="1">
      <formula>INDIRECT("第１の３表②!"&amp;CELL("address",BZ155))="×"</formula>
    </cfRule>
    <cfRule type="expression" dxfId="435" priority="440" stopIfTrue="1">
      <formula>ISBLANK(G155)=FALSE</formula>
    </cfRule>
  </conditionalFormatting>
  <conditionalFormatting sqref="G155:H156 J155:K156 M155:N156 P155:Q156 S155:T156 V155:W156 Y155:Z156 AB155:AC156 AE155:AF156 AH155:AI156 AK155:AL156 AN155:AO156 AQ155:AR156 AT155:AU156 AW155:AX156 AZ155:BA156 BC155:BD156 BF155:BG156 BI155:BJ156 BL155:BM156 BO155:BP156">
    <cfRule type="expression" dxfId="434" priority="431" stopIfTrue="1">
      <formula>ISBLANK(G155)=TRUE</formula>
    </cfRule>
    <cfRule type="expression" dxfId="433" priority="432" stopIfTrue="1">
      <formula>INDIRECT("第１の３表②!"&amp;CELL("address",BZ155))="×××"</formula>
    </cfRule>
    <cfRule type="expression" dxfId="432" priority="433" stopIfTrue="1">
      <formula>INDIRECT("第１の３表②!"&amp;CELL("address",BZ155))="××"</formula>
    </cfRule>
    <cfRule type="expression" dxfId="431" priority="434" stopIfTrue="1">
      <formula>INDIRECT("第１の３表②!"&amp;CELL("address",BZ155))="×"</formula>
    </cfRule>
    <cfRule type="expression" dxfId="430" priority="435" stopIfTrue="1">
      <formula>ISBLANK(G155)=FALSE</formula>
    </cfRule>
  </conditionalFormatting>
  <conditionalFormatting sqref="G163:BQ163 I161:I162 L161:L162 O161:O162 R161:R162 U161:U162 X161:X162 AA161:AA162 AD161:AD162 AG161:AG162 AJ161:AJ162 AM161:AM162 AP161:AP162 AS161:AS162 AV161:AV162 AY161:AY162 BB161:BB162 BE161:BE162 BH161:BH162 BK161:BK162 BN161:BN162 BQ161:BQ162">
    <cfRule type="expression" dxfId="429" priority="426" stopIfTrue="1">
      <formula>ISBLANK(G161)=TRUE</formula>
    </cfRule>
    <cfRule type="expression" dxfId="428" priority="427" stopIfTrue="1">
      <formula>INDIRECT("第１の３表②!"&amp;CELL("address",BZ161))="×××"</formula>
    </cfRule>
    <cfRule type="expression" dxfId="427" priority="428" stopIfTrue="1">
      <formula>INDIRECT("第１の３表②!"&amp;CELL("address",BZ161))="××"</formula>
    </cfRule>
    <cfRule type="expression" dxfId="426" priority="429" stopIfTrue="1">
      <formula>INDIRECT("第１の３表②!"&amp;CELL("address",BZ161))="×"</formula>
    </cfRule>
    <cfRule type="expression" dxfId="425" priority="430" stopIfTrue="1">
      <formula>ISBLANK(G161)=FALSE</formula>
    </cfRule>
  </conditionalFormatting>
  <conditionalFormatting sqref="G161:H162 J161:K162 M161:N162 P161:Q162 S161:T162 V161:W162 Y161:Z162 AB161:AC162 AE161:AF162 AH161:AI162 AK161:AL162 AN161:AO162 AQ161:AR162 AT161:AU162 AW161:AX162 AZ161:BA162 BC161:BD162 BF161:BG162 BI161:BJ162 BL161:BM162 BO161:BP162">
    <cfRule type="expression" dxfId="424" priority="421" stopIfTrue="1">
      <formula>ISBLANK(G161)=TRUE</formula>
    </cfRule>
    <cfRule type="expression" dxfId="423" priority="422" stopIfTrue="1">
      <formula>INDIRECT("第１の３表②!"&amp;CELL("address",BZ161))="×××"</formula>
    </cfRule>
    <cfRule type="expression" dxfId="422" priority="423" stopIfTrue="1">
      <formula>INDIRECT("第１の３表②!"&amp;CELL("address",BZ161))="××"</formula>
    </cfRule>
    <cfRule type="expression" dxfId="421" priority="424" stopIfTrue="1">
      <formula>INDIRECT("第１の３表②!"&amp;CELL("address",BZ161))="×"</formula>
    </cfRule>
    <cfRule type="expression" dxfId="420" priority="425" stopIfTrue="1">
      <formula>ISBLANK(G161)=FALSE</formula>
    </cfRule>
  </conditionalFormatting>
  <conditionalFormatting sqref="G175:BQ175 I173:I174 L173:L174 O173:O174 R173:R174 U173:U174 X173:X174 AA173:AA174 AD173:AD174 AG173:AG174 AJ173:AJ174 AM173:AM174 AP173:AP174 AS173:AS174 AV173:AV174 AY173:AY174 BB173:BB174 BE173:BE174 BH173:BH174 BK173:BK174 BN173:BN174 BQ173:BQ174">
    <cfRule type="expression" dxfId="419" priority="416" stopIfTrue="1">
      <formula>ISBLANK(G173)=TRUE</formula>
    </cfRule>
    <cfRule type="expression" dxfId="418" priority="417" stopIfTrue="1">
      <formula>INDIRECT("第１の３表②!"&amp;CELL("address",BZ173))="×××"</formula>
    </cfRule>
    <cfRule type="expression" dxfId="417" priority="418" stopIfTrue="1">
      <formula>INDIRECT("第１の３表②!"&amp;CELL("address",BZ173))="××"</formula>
    </cfRule>
    <cfRule type="expression" dxfId="416" priority="419" stopIfTrue="1">
      <formula>INDIRECT("第１の３表②!"&amp;CELL("address",BZ173))="×"</formula>
    </cfRule>
    <cfRule type="expression" dxfId="415" priority="420" stopIfTrue="1">
      <formula>ISBLANK(G173)=FALSE</formula>
    </cfRule>
  </conditionalFormatting>
  <conditionalFormatting sqref="G173:H174 J173:K174 M173:N174 P173:Q174 S173:T174 V173:W174 Y173:Z174 AB173:AC174 AE173:AF174 AH173:AI174 AK173:AL174 AN173:AO174 AQ173:AR174 AT173:AU174 AW173:AX174 AZ173:BA174 BC173:BD174 BF173:BG174 BI173:BJ174 BL173:BM174 BO173:BP174">
    <cfRule type="expression" dxfId="414" priority="411" stopIfTrue="1">
      <formula>ISBLANK(G173)=TRUE</formula>
    </cfRule>
    <cfRule type="expression" dxfId="413" priority="412" stopIfTrue="1">
      <formula>INDIRECT("第１の３表②!"&amp;CELL("address",BZ173))="×××"</formula>
    </cfRule>
    <cfRule type="expression" dxfId="412" priority="413" stopIfTrue="1">
      <formula>INDIRECT("第１の３表②!"&amp;CELL("address",BZ173))="××"</formula>
    </cfRule>
    <cfRule type="expression" dxfId="411" priority="414" stopIfTrue="1">
      <formula>INDIRECT("第１の３表②!"&amp;CELL("address",BZ173))="×"</formula>
    </cfRule>
    <cfRule type="expression" dxfId="410" priority="415" stopIfTrue="1">
      <formula>ISBLANK(G173)=FALSE</formula>
    </cfRule>
  </conditionalFormatting>
  <conditionalFormatting sqref="G11:H12">
    <cfRule type="expression" dxfId="409" priority="406" stopIfTrue="1">
      <formula>ISBLANK(G11)=TRUE</formula>
    </cfRule>
    <cfRule type="expression" dxfId="408" priority="407" stopIfTrue="1">
      <formula>INDIRECT("第１の３表②!"&amp;CELL("address",BZ11))="×××"</formula>
    </cfRule>
    <cfRule type="expression" dxfId="407" priority="408" stopIfTrue="1">
      <formula>INDIRECT("第１の３表②!"&amp;CELL("address",BZ11))="××"</formula>
    </cfRule>
    <cfRule type="expression" dxfId="406" priority="409" stopIfTrue="1">
      <formula>INDIRECT("第１の３表②!"&amp;CELL("address",BZ11))="×"</formula>
    </cfRule>
    <cfRule type="expression" dxfId="405" priority="410" stopIfTrue="1">
      <formula>ISBLANK(G11)=FALSE</formula>
    </cfRule>
  </conditionalFormatting>
  <conditionalFormatting sqref="G11:H12">
    <cfRule type="expression" dxfId="404" priority="401" stopIfTrue="1">
      <formula>ISBLANK(G11)=TRUE</formula>
    </cfRule>
    <cfRule type="expression" dxfId="403" priority="402" stopIfTrue="1">
      <formula>INDIRECT("第１の３表②!"&amp;CELL("address",BZ11))="×××"</formula>
    </cfRule>
    <cfRule type="expression" dxfId="402" priority="403" stopIfTrue="1">
      <formula>INDIRECT("第１の３表②!"&amp;CELL("address",BZ11))="××"</formula>
    </cfRule>
    <cfRule type="expression" dxfId="401" priority="404" stopIfTrue="1">
      <formula>INDIRECT("第１の３表②!"&amp;CELL("address",BZ11))="×"</formula>
    </cfRule>
    <cfRule type="expression" dxfId="400" priority="405" stopIfTrue="1">
      <formula>ISBLANK(G11)=FALSE</formula>
    </cfRule>
  </conditionalFormatting>
  <conditionalFormatting sqref="G11:H12">
    <cfRule type="expression" dxfId="399" priority="396" stopIfTrue="1">
      <formula>ISBLANK(G11)=TRUE</formula>
    </cfRule>
    <cfRule type="expression" dxfId="398" priority="397" stopIfTrue="1">
      <formula>INDIRECT("第１の３表②!"&amp;CELL("address",BZ11))="×××"</formula>
    </cfRule>
    <cfRule type="expression" dxfId="397" priority="398" stopIfTrue="1">
      <formula>INDIRECT("第１の３表②!"&amp;CELL("address",BZ11))="××"</formula>
    </cfRule>
    <cfRule type="expression" dxfId="396" priority="399" stopIfTrue="1">
      <formula>INDIRECT("第１の３表②!"&amp;CELL("address",BZ11))="×"</formula>
    </cfRule>
    <cfRule type="expression" dxfId="395" priority="400" stopIfTrue="1">
      <formula>ISBLANK(G11)=FALSE</formula>
    </cfRule>
  </conditionalFormatting>
  <conditionalFormatting sqref="G14:H15">
    <cfRule type="expression" dxfId="394" priority="391" stopIfTrue="1">
      <formula>ISBLANK(G14)=TRUE</formula>
    </cfRule>
    <cfRule type="expression" dxfId="393" priority="392" stopIfTrue="1">
      <formula>INDIRECT("第１の３表②!"&amp;CELL("address",BZ14))="×××"</formula>
    </cfRule>
    <cfRule type="expression" dxfId="392" priority="393" stopIfTrue="1">
      <formula>INDIRECT("第１の３表②!"&amp;CELL("address",BZ14))="××"</formula>
    </cfRule>
    <cfRule type="expression" dxfId="391" priority="394" stopIfTrue="1">
      <formula>INDIRECT("第１の３表②!"&amp;CELL("address",BZ14))="×"</formula>
    </cfRule>
    <cfRule type="expression" dxfId="390" priority="395" stopIfTrue="1">
      <formula>ISBLANK(G14)=FALSE</formula>
    </cfRule>
  </conditionalFormatting>
  <conditionalFormatting sqref="G14:H15">
    <cfRule type="expression" dxfId="389" priority="386" stopIfTrue="1">
      <formula>ISBLANK(G14)=TRUE</formula>
    </cfRule>
    <cfRule type="expression" dxfId="388" priority="387" stopIfTrue="1">
      <formula>INDIRECT("第１の３表②!"&amp;CELL("address",BZ14))="×××"</formula>
    </cfRule>
    <cfRule type="expression" dxfId="387" priority="388" stopIfTrue="1">
      <formula>INDIRECT("第１の３表②!"&amp;CELL("address",BZ14))="××"</formula>
    </cfRule>
    <cfRule type="expression" dxfId="386" priority="389" stopIfTrue="1">
      <formula>INDIRECT("第１の３表②!"&amp;CELL("address",BZ14))="×"</formula>
    </cfRule>
    <cfRule type="expression" dxfId="385" priority="390" stopIfTrue="1">
      <formula>ISBLANK(G14)=FALSE</formula>
    </cfRule>
  </conditionalFormatting>
  <conditionalFormatting sqref="G14:H15">
    <cfRule type="expression" dxfId="384" priority="381" stopIfTrue="1">
      <formula>ISBLANK(G14)=TRUE</formula>
    </cfRule>
    <cfRule type="expression" dxfId="383" priority="382" stopIfTrue="1">
      <formula>INDIRECT("第１の３表②!"&amp;CELL("address",BZ14))="×××"</formula>
    </cfRule>
    <cfRule type="expression" dxfId="382" priority="383" stopIfTrue="1">
      <formula>INDIRECT("第１の３表②!"&amp;CELL("address",BZ14))="××"</formula>
    </cfRule>
    <cfRule type="expression" dxfId="381" priority="384" stopIfTrue="1">
      <formula>INDIRECT("第１の３表②!"&amp;CELL("address",BZ14))="×"</formula>
    </cfRule>
    <cfRule type="expression" dxfId="380" priority="385" stopIfTrue="1">
      <formula>ISBLANK(G14)=FALSE</formula>
    </cfRule>
  </conditionalFormatting>
  <conditionalFormatting sqref="G17:H18">
    <cfRule type="expression" dxfId="379" priority="376" stopIfTrue="1">
      <formula>ISBLANK(G17)=TRUE</formula>
    </cfRule>
    <cfRule type="expression" dxfId="378" priority="377" stopIfTrue="1">
      <formula>INDIRECT("第１の３表②!"&amp;CELL("address",BZ17))="×××"</formula>
    </cfRule>
    <cfRule type="expression" dxfId="377" priority="378" stopIfTrue="1">
      <formula>INDIRECT("第１の３表②!"&amp;CELL("address",BZ17))="××"</formula>
    </cfRule>
    <cfRule type="expression" dxfId="376" priority="379" stopIfTrue="1">
      <formula>INDIRECT("第１の３表②!"&amp;CELL("address",BZ17))="×"</formula>
    </cfRule>
    <cfRule type="expression" dxfId="375" priority="380" stopIfTrue="1">
      <formula>ISBLANK(G17)=FALSE</formula>
    </cfRule>
  </conditionalFormatting>
  <conditionalFormatting sqref="G17:H18">
    <cfRule type="expression" dxfId="374" priority="371" stopIfTrue="1">
      <formula>ISBLANK(G17)=TRUE</formula>
    </cfRule>
    <cfRule type="expression" dxfId="373" priority="372" stopIfTrue="1">
      <formula>INDIRECT("第１の３表②!"&amp;CELL("address",BZ17))="×××"</formula>
    </cfRule>
    <cfRule type="expression" dxfId="372" priority="373" stopIfTrue="1">
      <formula>INDIRECT("第１の３表②!"&amp;CELL("address",BZ17))="××"</formula>
    </cfRule>
    <cfRule type="expression" dxfId="371" priority="374" stopIfTrue="1">
      <formula>INDIRECT("第１の３表②!"&amp;CELL("address",BZ17))="×"</formula>
    </cfRule>
    <cfRule type="expression" dxfId="370" priority="375" stopIfTrue="1">
      <formula>ISBLANK(G17)=FALSE</formula>
    </cfRule>
  </conditionalFormatting>
  <conditionalFormatting sqref="G17:H18">
    <cfRule type="expression" dxfId="369" priority="366" stopIfTrue="1">
      <formula>ISBLANK(G17)=TRUE</formula>
    </cfRule>
    <cfRule type="expression" dxfId="368" priority="367" stopIfTrue="1">
      <formula>INDIRECT("第１の３表②!"&amp;CELL("address",BZ17))="×××"</formula>
    </cfRule>
    <cfRule type="expression" dxfId="367" priority="368" stopIfTrue="1">
      <formula>INDIRECT("第１の３表②!"&amp;CELL("address",BZ17))="××"</formula>
    </cfRule>
    <cfRule type="expression" dxfId="366" priority="369" stopIfTrue="1">
      <formula>INDIRECT("第１の３表②!"&amp;CELL("address",BZ17))="×"</formula>
    </cfRule>
    <cfRule type="expression" dxfId="365" priority="370" stopIfTrue="1">
      <formula>ISBLANK(G17)=FALSE</formula>
    </cfRule>
  </conditionalFormatting>
  <conditionalFormatting sqref="G20:H21">
    <cfRule type="expression" dxfId="364" priority="361" stopIfTrue="1">
      <formula>ISBLANK(G20)=TRUE</formula>
    </cfRule>
    <cfRule type="expression" dxfId="363" priority="362" stopIfTrue="1">
      <formula>INDIRECT("第１の３表②!"&amp;CELL("address",BZ20))="×××"</formula>
    </cfRule>
    <cfRule type="expression" dxfId="362" priority="363" stopIfTrue="1">
      <formula>INDIRECT("第１の３表②!"&amp;CELL("address",BZ20))="××"</formula>
    </cfRule>
    <cfRule type="expression" dxfId="361" priority="364" stopIfTrue="1">
      <formula>INDIRECT("第１の３表②!"&amp;CELL("address",BZ20))="×"</formula>
    </cfRule>
    <cfRule type="expression" dxfId="360" priority="365" stopIfTrue="1">
      <formula>ISBLANK(G20)=FALSE</formula>
    </cfRule>
  </conditionalFormatting>
  <conditionalFormatting sqref="G20:H21">
    <cfRule type="expression" dxfId="359" priority="356" stopIfTrue="1">
      <formula>ISBLANK(G20)=TRUE</formula>
    </cfRule>
    <cfRule type="expression" dxfId="358" priority="357" stopIfTrue="1">
      <formula>INDIRECT("第１の３表②!"&amp;CELL("address",BZ20))="×××"</formula>
    </cfRule>
    <cfRule type="expression" dxfId="357" priority="358" stopIfTrue="1">
      <formula>INDIRECT("第１の３表②!"&amp;CELL("address",BZ20))="××"</formula>
    </cfRule>
    <cfRule type="expression" dxfId="356" priority="359" stopIfTrue="1">
      <formula>INDIRECT("第１の３表②!"&amp;CELL("address",BZ20))="×"</formula>
    </cfRule>
    <cfRule type="expression" dxfId="355" priority="360" stopIfTrue="1">
      <formula>ISBLANK(G20)=FALSE</formula>
    </cfRule>
  </conditionalFormatting>
  <conditionalFormatting sqref="G20:H21">
    <cfRule type="expression" dxfId="354" priority="351" stopIfTrue="1">
      <formula>ISBLANK(G20)=TRUE</formula>
    </cfRule>
    <cfRule type="expression" dxfId="353" priority="352" stopIfTrue="1">
      <formula>INDIRECT("第１の３表②!"&amp;CELL("address",BZ20))="×××"</formula>
    </cfRule>
    <cfRule type="expression" dxfId="352" priority="353" stopIfTrue="1">
      <formula>INDIRECT("第１の３表②!"&amp;CELL("address",BZ20))="××"</formula>
    </cfRule>
    <cfRule type="expression" dxfId="351" priority="354" stopIfTrue="1">
      <formula>INDIRECT("第１の３表②!"&amp;CELL("address",BZ20))="×"</formula>
    </cfRule>
    <cfRule type="expression" dxfId="350" priority="355" stopIfTrue="1">
      <formula>ISBLANK(G20)=FALSE</formula>
    </cfRule>
  </conditionalFormatting>
  <conditionalFormatting sqref="G23:H24">
    <cfRule type="expression" dxfId="349" priority="346" stopIfTrue="1">
      <formula>ISBLANK(G23)=TRUE</formula>
    </cfRule>
    <cfRule type="expression" dxfId="348" priority="347" stopIfTrue="1">
      <formula>INDIRECT("第１の３表②!"&amp;CELL("address",BZ23))="×××"</formula>
    </cfRule>
    <cfRule type="expression" dxfId="347" priority="348" stopIfTrue="1">
      <formula>INDIRECT("第１の３表②!"&amp;CELL("address",BZ23))="××"</formula>
    </cfRule>
    <cfRule type="expression" dxfId="346" priority="349" stopIfTrue="1">
      <formula>INDIRECT("第１の３表②!"&amp;CELL("address",BZ23))="×"</formula>
    </cfRule>
    <cfRule type="expression" dxfId="345" priority="350" stopIfTrue="1">
      <formula>ISBLANK(G23)=FALSE</formula>
    </cfRule>
  </conditionalFormatting>
  <conditionalFormatting sqref="G23:H24">
    <cfRule type="expression" dxfId="344" priority="341" stopIfTrue="1">
      <formula>ISBLANK(G23)=TRUE</formula>
    </cfRule>
    <cfRule type="expression" dxfId="343" priority="342" stopIfTrue="1">
      <formula>INDIRECT("第１の３表②!"&amp;CELL("address",BZ23))="×××"</formula>
    </cfRule>
    <cfRule type="expression" dxfId="342" priority="343" stopIfTrue="1">
      <formula>INDIRECT("第１の３表②!"&amp;CELL("address",BZ23))="××"</formula>
    </cfRule>
    <cfRule type="expression" dxfId="341" priority="344" stopIfTrue="1">
      <formula>INDIRECT("第１の３表②!"&amp;CELL("address",BZ23))="×"</formula>
    </cfRule>
    <cfRule type="expression" dxfId="340" priority="345" stopIfTrue="1">
      <formula>ISBLANK(G23)=FALSE</formula>
    </cfRule>
  </conditionalFormatting>
  <conditionalFormatting sqref="G23:H24">
    <cfRule type="expression" dxfId="339" priority="336" stopIfTrue="1">
      <formula>ISBLANK(G23)=TRUE</formula>
    </cfRule>
    <cfRule type="expression" dxfId="338" priority="337" stopIfTrue="1">
      <formula>INDIRECT("第１の３表②!"&amp;CELL("address",BZ23))="×××"</formula>
    </cfRule>
    <cfRule type="expression" dxfId="337" priority="338" stopIfTrue="1">
      <formula>INDIRECT("第１の３表②!"&amp;CELL("address",BZ23))="××"</formula>
    </cfRule>
    <cfRule type="expression" dxfId="336" priority="339" stopIfTrue="1">
      <formula>INDIRECT("第１の３表②!"&amp;CELL("address",BZ23))="×"</formula>
    </cfRule>
    <cfRule type="expression" dxfId="335" priority="340" stopIfTrue="1">
      <formula>ISBLANK(G23)=FALSE</formula>
    </cfRule>
  </conditionalFormatting>
  <conditionalFormatting sqref="G26:H27">
    <cfRule type="expression" dxfId="334" priority="331" stopIfTrue="1">
      <formula>ISBLANK(G26)=TRUE</formula>
    </cfRule>
    <cfRule type="expression" dxfId="333" priority="332" stopIfTrue="1">
      <formula>INDIRECT("第１の３表②!"&amp;CELL("address",BZ26))="×××"</formula>
    </cfRule>
    <cfRule type="expression" dxfId="332" priority="333" stopIfTrue="1">
      <formula>INDIRECT("第１の３表②!"&amp;CELL("address",BZ26))="××"</formula>
    </cfRule>
    <cfRule type="expression" dxfId="331" priority="334" stopIfTrue="1">
      <formula>INDIRECT("第１の３表②!"&amp;CELL("address",BZ26))="×"</formula>
    </cfRule>
    <cfRule type="expression" dxfId="330" priority="335" stopIfTrue="1">
      <formula>ISBLANK(G26)=FALSE</formula>
    </cfRule>
  </conditionalFormatting>
  <conditionalFormatting sqref="G26:H27">
    <cfRule type="expression" dxfId="329" priority="326" stopIfTrue="1">
      <formula>ISBLANK(G26)=TRUE</formula>
    </cfRule>
    <cfRule type="expression" dxfId="328" priority="327" stopIfTrue="1">
      <formula>INDIRECT("第１の３表②!"&amp;CELL("address",BZ26))="×××"</formula>
    </cfRule>
    <cfRule type="expression" dxfId="327" priority="328" stopIfTrue="1">
      <formula>INDIRECT("第１の３表②!"&amp;CELL("address",BZ26))="××"</formula>
    </cfRule>
    <cfRule type="expression" dxfId="326" priority="329" stopIfTrue="1">
      <formula>INDIRECT("第１の３表②!"&amp;CELL("address",BZ26))="×"</formula>
    </cfRule>
    <cfRule type="expression" dxfId="325" priority="330" stopIfTrue="1">
      <formula>ISBLANK(G26)=FALSE</formula>
    </cfRule>
  </conditionalFormatting>
  <conditionalFormatting sqref="G26:H27">
    <cfRule type="expression" dxfId="324" priority="321" stopIfTrue="1">
      <formula>ISBLANK(G26)=TRUE</formula>
    </cfRule>
    <cfRule type="expression" dxfId="323" priority="322" stopIfTrue="1">
      <formula>INDIRECT("第１の３表②!"&amp;CELL("address",BZ26))="×××"</formula>
    </cfRule>
    <cfRule type="expression" dxfId="322" priority="323" stopIfTrue="1">
      <formula>INDIRECT("第１の３表②!"&amp;CELL("address",BZ26))="××"</formula>
    </cfRule>
    <cfRule type="expression" dxfId="321" priority="324" stopIfTrue="1">
      <formula>INDIRECT("第１の３表②!"&amp;CELL("address",BZ26))="×"</formula>
    </cfRule>
    <cfRule type="expression" dxfId="320" priority="325" stopIfTrue="1">
      <formula>ISBLANK(G26)=FALSE</formula>
    </cfRule>
  </conditionalFormatting>
  <conditionalFormatting sqref="G29:H30">
    <cfRule type="expression" dxfId="319" priority="316" stopIfTrue="1">
      <formula>ISBLANK(G29)=TRUE</formula>
    </cfRule>
    <cfRule type="expression" dxfId="318" priority="317" stopIfTrue="1">
      <formula>INDIRECT("第１の３表②!"&amp;CELL("address",BZ29))="×××"</formula>
    </cfRule>
    <cfRule type="expression" dxfId="317" priority="318" stopIfTrue="1">
      <formula>INDIRECT("第１の３表②!"&amp;CELL("address",BZ29))="××"</formula>
    </cfRule>
    <cfRule type="expression" dxfId="316" priority="319" stopIfTrue="1">
      <formula>INDIRECT("第１の３表②!"&amp;CELL("address",BZ29))="×"</formula>
    </cfRule>
    <cfRule type="expression" dxfId="315" priority="320" stopIfTrue="1">
      <formula>ISBLANK(G29)=FALSE</formula>
    </cfRule>
  </conditionalFormatting>
  <conditionalFormatting sqref="G29:H30">
    <cfRule type="expression" dxfId="314" priority="311" stopIfTrue="1">
      <formula>ISBLANK(G29)=TRUE</formula>
    </cfRule>
    <cfRule type="expression" dxfId="313" priority="312" stopIfTrue="1">
      <formula>INDIRECT("第１の３表②!"&amp;CELL("address",BZ29))="×××"</formula>
    </cfRule>
    <cfRule type="expression" dxfId="312" priority="313" stopIfTrue="1">
      <formula>INDIRECT("第１の３表②!"&amp;CELL("address",BZ29))="××"</formula>
    </cfRule>
    <cfRule type="expression" dxfId="311" priority="314" stopIfTrue="1">
      <formula>INDIRECT("第１の３表②!"&amp;CELL("address",BZ29))="×"</formula>
    </cfRule>
    <cfRule type="expression" dxfId="310" priority="315" stopIfTrue="1">
      <formula>ISBLANK(G29)=FALSE</formula>
    </cfRule>
  </conditionalFormatting>
  <conditionalFormatting sqref="G29:H30">
    <cfRule type="expression" dxfId="309" priority="306" stopIfTrue="1">
      <formula>ISBLANK(G29)=TRUE</formula>
    </cfRule>
    <cfRule type="expression" dxfId="308" priority="307" stopIfTrue="1">
      <formula>INDIRECT("第１の３表②!"&amp;CELL("address",BZ29))="×××"</formula>
    </cfRule>
    <cfRule type="expression" dxfId="307" priority="308" stopIfTrue="1">
      <formula>INDIRECT("第１の３表②!"&amp;CELL("address",BZ29))="××"</formula>
    </cfRule>
    <cfRule type="expression" dxfId="306" priority="309" stopIfTrue="1">
      <formula>INDIRECT("第１の３表②!"&amp;CELL("address",BZ29))="×"</formula>
    </cfRule>
    <cfRule type="expression" dxfId="305" priority="310" stopIfTrue="1">
      <formula>ISBLANK(G29)=FALSE</formula>
    </cfRule>
  </conditionalFormatting>
  <conditionalFormatting sqref="G32:H33">
    <cfRule type="expression" dxfId="304" priority="301" stopIfTrue="1">
      <formula>ISBLANK(G32)=TRUE</formula>
    </cfRule>
    <cfRule type="expression" dxfId="303" priority="302" stopIfTrue="1">
      <formula>INDIRECT("第１の３表②!"&amp;CELL("address",BZ32))="×××"</formula>
    </cfRule>
    <cfRule type="expression" dxfId="302" priority="303" stopIfTrue="1">
      <formula>INDIRECT("第１の３表②!"&amp;CELL("address",BZ32))="××"</formula>
    </cfRule>
    <cfRule type="expression" dxfId="301" priority="304" stopIfTrue="1">
      <formula>INDIRECT("第１の３表②!"&amp;CELL("address",BZ32))="×"</formula>
    </cfRule>
    <cfRule type="expression" dxfId="300" priority="305" stopIfTrue="1">
      <formula>ISBLANK(G32)=FALSE</formula>
    </cfRule>
  </conditionalFormatting>
  <conditionalFormatting sqref="G32:H33">
    <cfRule type="expression" dxfId="299" priority="296" stopIfTrue="1">
      <formula>ISBLANK(G32)=TRUE</formula>
    </cfRule>
    <cfRule type="expression" dxfId="298" priority="297" stopIfTrue="1">
      <formula>INDIRECT("第１の３表②!"&amp;CELL("address",BZ32))="×××"</formula>
    </cfRule>
    <cfRule type="expression" dxfId="297" priority="298" stopIfTrue="1">
      <formula>INDIRECT("第１の３表②!"&amp;CELL("address",BZ32))="××"</formula>
    </cfRule>
    <cfRule type="expression" dxfId="296" priority="299" stopIfTrue="1">
      <formula>INDIRECT("第１の３表②!"&amp;CELL("address",BZ32))="×"</formula>
    </cfRule>
    <cfRule type="expression" dxfId="295" priority="300" stopIfTrue="1">
      <formula>ISBLANK(G32)=FALSE</formula>
    </cfRule>
  </conditionalFormatting>
  <conditionalFormatting sqref="G32:H33">
    <cfRule type="expression" dxfId="294" priority="291" stopIfTrue="1">
      <formula>ISBLANK(G32)=TRUE</formula>
    </cfRule>
    <cfRule type="expression" dxfId="293" priority="292" stopIfTrue="1">
      <formula>INDIRECT("第１の３表②!"&amp;CELL("address",BZ32))="×××"</formula>
    </cfRule>
    <cfRule type="expression" dxfId="292" priority="293" stopIfTrue="1">
      <formula>INDIRECT("第１の３表②!"&amp;CELL("address",BZ32))="××"</formula>
    </cfRule>
    <cfRule type="expression" dxfId="291" priority="294" stopIfTrue="1">
      <formula>INDIRECT("第１の３表②!"&amp;CELL("address",BZ32))="×"</formula>
    </cfRule>
    <cfRule type="expression" dxfId="290" priority="295" stopIfTrue="1">
      <formula>ISBLANK(G32)=FALSE</formula>
    </cfRule>
  </conditionalFormatting>
  <conditionalFormatting sqref="G35:H36">
    <cfRule type="expression" dxfId="289" priority="286" stopIfTrue="1">
      <formula>ISBLANK(G35)=TRUE</formula>
    </cfRule>
    <cfRule type="expression" dxfId="288" priority="287" stopIfTrue="1">
      <formula>INDIRECT("第１の３表②!"&amp;CELL("address",BZ35))="×××"</formula>
    </cfRule>
    <cfRule type="expression" dxfId="287" priority="288" stopIfTrue="1">
      <formula>INDIRECT("第１の３表②!"&amp;CELL("address",BZ35))="××"</formula>
    </cfRule>
    <cfRule type="expression" dxfId="286" priority="289" stopIfTrue="1">
      <formula>INDIRECT("第１の３表②!"&amp;CELL("address",BZ35))="×"</formula>
    </cfRule>
    <cfRule type="expression" dxfId="285" priority="290" stopIfTrue="1">
      <formula>ISBLANK(G35)=FALSE</formula>
    </cfRule>
  </conditionalFormatting>
  <conditionalFormatting sqref="G35:H36">
    <cfRule type="expression" dxfId="284" priority="281" stopIfTrue="1">
      <formula>ISBLANK(G35)=TRUE</formula>
    </cfRule>
    <cfRule type="expression" dxfId="283" priority="282" stopIfTrue="1">
      <formula>INDIRECT("第１の３表②!"&amp;CELL("address",BZ35))="×××"</formula>
    </cfRule>
    <cfRule type="expression" dxfId="282" priority="283" stopIfTrue="1">
      <formula>INDIRECT("第１の３表②!"&amp;CELL("address",BZ35))="××"</formula>
    </cfRule>
    <cfRule type="expression" dxfId="281" priority="284" stopIfTrue="1">
      <formula>INDIRECT("第１の３表②!"&amp;CELL("address",BZ35))="×"</formula>
    </cfRule>
    <cfRule type="expression" dxfId="280" priority="285" stopIfTrue="1">
      <formula>ISBLANK(G35)=FALSE</formula>
    </cfRule>
  </conditionalFormatting>
  <conditionalFormatting sqref="G35:H36">
    <cfRule type="expression" dxfId="279" priority="276" stopIfTrue="1">
      <formula>ISBLANK(G35)=TRUE</formula>
    </cfRule>
    <cfRule type="expression" dxfId="278" priority="277" stopIfTrue="1">
      <formula>INDIRECT("第１の３表②!"&amp;CELL("address",BZ35))="×××"</formula>
    </cfRule>
    <cfRule type="expression" dxfId="277" priority="278" stopIfTrue="1">
      <formula>INDIRECT("第１の３表②!"&amp;CELL("address",BZ35))="××"</formula>
    </cfRule>
    <cfRule type="expression" dxfId="276" priority="279" stopIfTrue="1">
      <formula>INDIRECT("第１の３表②!"&amp;CELL("address",BZ35))="×"</formula>
    </cfRule>
    <cfRule type="expression" dxfId="275" priority="280" stopIfTrue="1">
      <formula>ISBLANK(G35)=FALSE</formula>
    </cfRule>
  </conditionalFormatting>
  <conditionalFormatting sqref="G38:H39">
    <cfRule type="expression" dxfId="274" priority="271" stopIfTrue="1">
      <formula>ISBLANK(G38)=TRUE</formula>
    </cfRule>
    <cfRule type="expression" dxfId="273" priority="272" stopIfTrue="1">
      <formula>INDIRECT("第１の３表②!"&amp;CELL("address",BZ38))="×××"</formula>
    </cfRule>
    <cfRule type="expression" dxfId="272" priority="273" stopIfTrue="1">
      <formula>INDIRECT("第１の３表②!"&amp;CELL("address",BZ38))="××"</formula>
    </cfRule>
    <cfRule type="expression" dxfId="271" priority="274" stopIfTrue="1">
      <formula>INDIRECT("第１の３表②!"&amp;CELL("address",BZ38))="×"</formula>
    </cfRule>
    <cfRule type="expression" dxfId="270" priority="275" stopIfTrue="1">
      <formula>ISBLANK(G38)=FALSE</formula>
    </cfRule>
  </conditionalFormatting>
  <conditionalFormatting sqref="G38:H39">
    <cfRule type="expression" dxfId="269" priority="266" stopIfTrue="1">
      <formula>ISBLANK(G38)=TRUE</formula>
    </cfRule>
    <cfRule type="expression" dxfId="268" priority="267" stopIfTrue="1">
      <formula>INDIRECT("第１の３表②!"&amp;CELL("address",BZ38))="×××"</formula>
    </cfRule>
    <cfRule type="expression" dxfId="267" priority="268" stopIfTrue="1">
      <formula>INDIRECT("第１の３表②!"&amp;CELL("address",BZ38))="××"</formula>
    </cfRule>
    <cfRule type="expression" dxfId="266" priority="269" stopIfTrue="1">
      <formula>INDIRECT("第１の３表②!"&amp;CELL("address",BZ38))="×"</formula>
    </cfRule>
    <cfRule type="expression" dxfId="265" priority="270" stopIfTrue="1">
      <formula>ISBLANK(G38)=FALSE</formula>
    </cfRule>
  </conditionalFormatting>
  <conditionalFormatting sqref="G38:H39">
    <cfRule type="expression" dxfId="264" priority="261" stopIfTrue="1">
      <formula>ISBLANK(G38)=TRUE</formula>
    </cfRule>
    <cfRule type="expression" dxfId="263" priority="262" stopIfTrue="1">
      <formula>INDIRECT("第１の３表②!"&amp;CELL("address",BZ38))="×××"</formula>
    </cfRule>
    <cfRule type="expression" dxfId="262" priority="263" stopIfTrue="1">
      <formula>INDIRECT("第１の３表②!"&amp;CELL("address",BZ38))="××"</formula>
    </cfRule>
    <cfRule type="expression" dxfId="261" priority="264" stopIfTrue="1">
      <formula>INDIRECT("第１の３表②!"&amp;CELL("address",BZ38))="×"</formula>
    </cfRule>
    <cfRule type="expression" dxfId="260" priority="265" stopIfTrue="1">
      <formula>ISBLANK(G38)=FALSE</formula>
    </cfRule>
  </conditionalFormatting>
  <conditionalFormatting sqref="G41:H42">
    <cfRule type="expression" dxfId="259" priority="256" stopIfTrue="1">
      <formula>ISBLANK(G41)=TRUE</formula>
    </cfRule>
    <cfRule type="expression" dxfId="258" priority="257" stopIfTrue="1">
      <formula>INDIRECT("第１の３表②!"&amp;CELL("address",BZ41))="×××"</formula>
    </cfRule>
    <cfRule type="expression" dxfId="257" priority="258" stopIfTrue="1">
      <formula>INDIRECT("第１の３表②!"&amp;CELL("address",BZ41))="××"</formula>
    </cfRule>
    <cfRule type="expression" dxfId="256" priority="259" stopIfTrue="1">
      <formula>INDIRECT("第１の３表②!"&amp;CELL("address",BZ41))="×"</formula>
    </cfRule>
    <cfRule type="expression" dxfId="255" priority="260" stopIfTrue="1">
      <formula>ISBLANK(G41)=FALSE</formula>
    </cfRule>
  </conditionalFormatting>
  <conditionalFormatting sqref="G41:H42">
    <cfRule type="expression" dxfId="254" priority="251" stopIfTrue="1">
      <formula>ISBLANK(G41)=TRUE</formula>
    </cfRule>
    <cfRule type="expression" dxfId="253" priority="252" stopIfTrue="1">
      <formula>INDIRECT("第１の３表②!"&amp;CELL("address",BZ41))="×××"</formula>
    </cfRule>
    <cfRule type="expression" dxfId="252" priority="253" stopIfTrue="1">
      <formula>INDIRECT("第１の３表②!"&amp;CELL("address",BZ41))="××"</formula>
    </cfRule>
    <cfRule type="expression" dxfId="251" priority="254" stopIfTrue="1">
      <formula>INDIRECT("第１の３表②!"&amp;CELL("address",BZ41))="×"</formula>
    </cfRule>
    <cfRule type="expression" dxfId="250" priority="255" stopIfTrue="1">
      <formula>ISBLANK(G41)=FALSE</formula>
    </cfRule>
  </conditionalFormatting>
  <conditionalFormatting sqref="G41:H42">
    <cfRule type="expression" dxfId="249" priority="246" stopIfTrue="1">
      <formula>ISBLANK(G41)=TRUE</formula>
    </cfRule>
    <cfRule type="expression" dxfId="248" priority="247" stopIfTrue="1">
      <formula>INDIRECT("第１の３表②!"&amp;CELL("address",BZ41))="×××"</formula>
    </cfRule>
    <cfRule type="expression" dxfId="247" priority="248" stopIfTrue="1">
      <formula>INDIRECT("第１の３表②!"&amp;CELL("address",BZ41))="××"</formula>
    </cfRule>
    <cfRule type="expression" dxfId="246" priority="249" stopIfTrue="1">
      <formula>INDIRECT("第１の３表②!"&amp;CELL("address",BZ41))="×"</formula>
    </cfRule>
    <cfRule type="expression" dxfId="245" priority="250" stopIfTrue="1">
      <formula>ISBLANK(G41)=FALSE</formula>
    </cfRule>
  </conditionalFormatting>
  <conditionalFormatting sqref="G44:H45">
    <cfRule type="expression" dxfId="244" priority="241" stopIfTrue="1">
      <formula>ISBLANK(G44)=TRUE</formula>
    </cfRule>
    <cfRule type="expression" dxfId="243" priority="242" stopIfTrue="1">
      <formula>INDIRECT("第１の３表②!"&amp;CELL("address",BZ44))="×××"</formula>
    </cfRule>
    <cfRule type="expression" dxfId="242" priority="243" stopIfTrue="1">
      <formula>INDIRECT("第１の３表②!"&amp;CELL("address",BZ44))="××"</formula>
    </cfRule>
    <cfRule type="expression" dxfId="241" priority="244" stopIfTrue="1">
      <formula>INDIRECT("第１の３表②!"&amp;CELL("address",BZ44))="×"</formula>
    </cfRule>
    <cfRule type="expression" dxfId="240" priority="245" stopIfTrue="1">
      <formula>ISBLANK(G44)=FALSE</formula>
    </cfRule>
  </conditionalFormatting>
  <conditionalFormatting sqref="G44:H45">
    <cfRule type="expression" dxfId="239" priority="236" stopIfTrue="1">
      <formula>ISBLANK(G44)=TRUE</formula>
    </cfRule>
    <cfRule type="expression" dxfId="238" priority="237" stopIfTrue="1">
      <formula>INDIRECT("第１の３表②!"&amp;CELL("address",BZ44))="×××"</formula>
    </cfRule>
    <cfRule type="expression" dxfId="237" priority="238" stopIfTrue="1">
      <formula>INDIRECT("第１の３表②!"&amp;CELL("address",BZ44))="××"</formula>
    </cfRule>
    <cfRule type="expression" dxfId="236" priority="239" stopIfTrue="1">
      <formula>INDIRECT("第１の３表②!"&amp;CELL("address",BZ44))="×"</formula>
    </cfRule>
    <cfRule type="expression" dxfId="235" priority="240" stopIfTrue="1">
      <formula>ISBLANK(G44)=FALSE</formula>
    </cfRule>
  </conditionalFormatting>
  <conditionalFormatting sqref="G44:H45">
    <cfRule type="expression" dxfId="234" priority="231" stopIfTrue="1">
      <formula>ISBLANK(G44)=TRUE</formula>
    </cfRule>
    <cfRule type="expression" dxfId="233" priority="232" stopIfTrue="1">
      <formula>INDIRECT("第１の３表②!"&amp;CELL("address",BZ44))="×××"</formula>
    </cfRule>
    <cfRule type="expression" dxfId="232" priority="233" stopIfTrue="1">
      <formula>INDIRECT("第１の３表②!"&amp;CELL("address",BZ44))="××"</formula>
    </cfRule>
    <cfRule type="expression" dxfId="231" priority="234" stopIfTrue="1">
      <formula>INDIRECT("第１の３表②!"&amp;CELL("address",BZ44))="×"</formula>
    </cfRule>
    <cfRule type="expression" dxfId="230" priority="235" stopIfTrue="1">
      <formula>ISBLANK(G44)=FALSE</formula>
    </cfRule>
  </conditionalFormatting>
  <conditionalFormatting sqref="G47:H48">
    <cfRule type="expression" dxfId="229" priority="226" stopIfTrue="1">
      <formula>ISBLANK(G47)=TRUE</formula>
    </cfRule>
    <cfRule type="expression" dxfId="228" priority="227" stopIfTrue="1">
      <formula>INDIRECT("第１の３表②!"&amp;CELL("address",BZ47))="×××"</formula>
    </cfRule>
    <cfRule type="expression" dxfId="227" priority="228" stopIfTrue="1">
      <formula>INDIRECT("第１の３表②!"&amp;CELL("address",BZ47))="××"</formula>
    </cfRule>
    <cfRule type="expression" dxfId="226" priority="229" stopIfTrue="1">
      <formula>INDIRECT("第１の３表②!"&amp;CELL("address",BZ47))="×"</formula>
    </cfRule>
    <cfRule type="expression" dxfId="225" priority="230" stopIfTrue="1">
      <formula>ISBLANK(G47)=FALSE</formula>
    </cfRule>
  </conditionalFormatting>
  <conditionalFormatting sqref="G47:H48">
    <cfRule type="expression" dxfId="224" priority="221" stopIfTrue="1">
      <formula>ISBLANK(G47)=TRUE</formula>
    </cfRule>
    <cfRule type="expression" dxfId="223" priority="222" stopIfTrue="1">
      <formula>INDIRECT("第１の３表②!"&amp;CELL("address",BZ47))="×××"</formula>
    </cfRule>
    <cfRule type="expression" dxfId="222" priority="223" stopIfTrue="1">
      <formula>INDIRECT("第１の３表②!"&amp;CELL("address",BZ47))="××"</formula>
    </cfRule>
    <cfRule type="expression" dxfId="221" priority="224" stopIfTrue="1">
      <formula>INDIRECT("第１の３表②!"&amp;CELL("address",BZ47))="×"</formula>
    </cfRule>
    <cfRule type="expression" dxfId="220" priority="225" stopIfTrue="1">
      <formula>ISBLANK(G47)=FALSE</formula>
    </cfRule>
  </conditionalFormatting>
  <conditionalFormatting sqref="G47:H48">
    <cfRule type="expression" dxfId="219" priority="216" stopIfTrue="1">
      <formula>ISBLANK(G47)=TRUE</formula>
    </cfRule>
    <cfRule type="expression" dxfId="218" priority="217" stopIfTrue="1">
      <formula>INDIRECT("第１の３表②!"&amp;CELL("address",BZ47))="×××"</formula>
    </cfRule>
    <cfRule type="expression" dxfId="217" priority="218" stopIfTrue="1">
      <formula>INDIRECT("第１の３表②!"&amp;CELL("address",BZ47))="××"</formula>
    </cfRule>
    <cfRule type="expression" dxfId="216" priority="219" stopIfTrue="1">
      <formula>INDIRECT("第１の３表②!"&amp;CELL("address",BZ47))="×"</formula>
    </cfRule>
    <cfRule type="expression" dxfId="215" priority="220" stopIfTrue="1">
      <formula>ISBLANK(G47)=FALSE</formula>
    </cfRule>
  </conditionalFormatting>
  <conditionalFormatting sqref="G50:H51">
    <cfRule type="expression" dxfId="214" priority="211" stopIfTrue="1">
      <formula>ISBLANK(G50)=TRUE</formula>
    </cfRule>
    <cfRule type="expression" dxfId="213" priority="212" stopIfTrue="1">
      <formula>INDIRECT("第１の３表②!"&amp;CELL("address",BZ50))="×××"</formula>
    </cfRule>
    <cfRule type="expression" dxfId="212" priority="213" stopIfTrue="1">
      <formula>INDIRECT("第１の３表②!"&amp;CELL("address",BZ50))="××"</formula>
    </cfRule>
    <cfRule type="expression" dxfId="211" priority="214" stopIfTrue="1">
      <formula>INDIRECT("第１の３表②!"&amp;CELL("address",BZ50))="×"</formula>
    </cfRule>
    <cfRule type="expression" dxfId="210" priority="215" stopIfTrue="1">
      <formula>ISBLANK(G50)=FALSE</formula>
    </cfRule>
  </conditionalFormatting>
  <conditionalFormatting sqref="G50:H51">
    <cfRule type="expression" dxfId="209" priority="206" stopIfTrue="1">
      <formula>ISBLANK(G50)=TRUE</formula>
    </cfRule>
    <cfRule type="expression" dxfId="208" priority="207" stopIfTrue="1">
      <formula>INDIRECT("第１の３表②!"&amp;CELL("address",BZ50))="×××"</formula>
    </cfRule>
    <cfRule type="expression" dxfId="207" priority="208" stopIfTrue="1">
      <formula>INDIRECT("第１の３表②!"&amp;CELL("address",BZ50))="××"</formula>
    </cfRule>
    <cfRule type="expression" dxfId="206" priority="209" stopIfTrue="1">
      <formula>INDIRECT("第１の３表②!"&amp;CELL("address",BZ50))="×"</formula>
    </cfRule>
    <cfRule type="expression" dxfId="205" priority="210" stopIfTrue="1">
      <formula>ISBLANK(G50)=FALSE</formula>
    </cfRule>
  </conditionalFormatting>
  <conditionalFormatting sqref="G50:H51">
    <cfRule type="expression" dxfId="204" priority="201" stopIfTrue="1">
      <formula>ISBLANK(G50)=TRUE</formula>
    </cfRule>
    <cfRule type="expression" dxfId="203" priority="202" stopIfTrue="1">
      <formula>INDIRECT("第１の３表②!"&amp;CELL("address",BZ50))="×××"</formula>
    </cfRule>
    <cfRule type="expression" dxfId="202" priority="203" stopIfTrue="1">
      <formula>INDIRECT("第１の３表②!"&amp;CELL("address",BZ50))="××"</formula>
    </cfRule>
    <cfRule type="expression" dxfId="201" priority="204" stopIfTrue="1">
      <formula>INDIRECT("第１の３表②!"&amp;CELL("address",BZ50))="×"</formula>
    </cfRule>
    <cfRule type="expression" dxfId="200" priority="205" stopIfTrue="1">
      <formula>ISBLANK(G50)=FALSE</formula>
    </cfRule>
  </conditionalFormatting>
  <conditionalFormatting sqref="K190">
    <cfRule type="expression" dxfId="199" priority="196" stopIfTrue="1">
      <formula>ISBLANK(K190)=TRUE</formula>
    </cfRule>
    <cfRule type="expression" dxfId="198" priority="197" stopIfTrue="1">
      <formula>INDIRECT("第１の３表②!"&amp;CELL("address",CD190))="×××"</formula>
    </cfRule>
    <cfRule type="expression" dxfId="197" priority="198" stopIfTrue="1">
      <formula>INDIRECT("第１の３表②!"&amp;CELL("address",CD190))="××"</formula>
    </cfRule>
    <cfRule type="expression" dxfId="196" priority="199" stopIfTrue="1">
      <formula>INDIRECT("第１の３表②!"&amp;CELL("address",CD190))="×"</formula>
    </cfRule>
    <cfRule type="expression" dxfId="195" priority="200" stopIfTrue="1">
      <formula>ISBLANK(K190)=FALSE</formula>
    </cfRule>
  </conditionalFormatting>
  <conditionalFormatting sqref="K188:K189">
    <cfRule type="expression" dxfId="194" priority="191" stopIfTrue="1">
      <formula>ISBLANK(K188)=TRUE</formula>
    </cfRule>
    <cfRule type="expression" dxfId="193" priority="192" stopIfTrue="1">
      <formula>INDIRECT("第１の３表②!"&amp;CELL("address",CD188))="×××"</formula>
    </cfRule>
    <cfRule type="expression" dxfId="192" priority="193" stopIfTrue="1">
      <formula>INDIRECT("第１の３表②!"&amp;CELL("address",CD188))="××"</formula>
    </cfRule>
    <cfRule type="expression" dxfId="191" priority="194" stopIfTrue="1">
      <formula>INDIRECT("第１の３表②!"&amp;CELL("address",CD188))="×"</formula>
    </cfRule>
    <cfRule type="expression" dxfId="190" priority="195" stopIfTrue="1">
      <formula>ISBLANK(K188)=FALSE</formula>
    </cfRule>
  </conditionalFormatting>
  <conditionalFormatting sqref="N190">
    <cfRule type="expression" dxfId="189" priority="186" stopIfTrue="1">
      <formula>ISBLANK(N190)=TRUE</formula>
    </cfRule>
    <cfRule type="expression" dxfId="188" priority="187" stopIfTrue="1">
      <formula>INDIRECT("第１の３表②!"&amp;CELL("address",CG190))="×××"</formula>
    </cfRule>
    <cfRule type="expression" dxfId="187" priority="188" stopIfTrue="1">
      <formula>INDIRECT("第１の３表②!"&amp;CELL("address",CG190))="××"</formula>
    </cfRule>
    <cfRule type="expression" dxfId="186" priority="189" stopIfTrue="1">
      <formula>INDIRECT("第１の３表②!"&amp;CELL("address",CG190))="×"</formula>
    </cfRule>
    <cfRule type="expression" dxfId="185" priority="190" stopIfTrue="1">
      <formula>ISBLANK(N190)=FALSE</formula>
    </cfRule>
  </conditionalFormatting>
  <conditionalFormatting sqref="N188:N189">
    <cfRule type="expression" dxfId="184" priority="181" stopIfTrue="1">
      <formula>ISBLANK(N188)=TRUE</formula>
    </cfRule>
    <cfRule type="expression" dxfId="183" priority="182" stopIfTrue="1">
      <formula>INDIRECT("第１の３表②!"&amp;CELL("address",CG188))="×××"</formula>
    </cfRule>
    <cfRule type="expression" dxfId="182" priority="183" stopIfTrue="1">
      <formula>INDIRECT("第１の３表②!"&amp;CELL("address",CG188))="××"</formula>
    </cfRule>
    <cfRule type="expression" dxfId="181" priority="184" stopIfTrue="1">
      <formula>INDIRECT("第１の３表②!"&amp;CELL("address",CG188))="×"</formula>
    </cfRule>
    <cfRule type="expression" dxfId="180" priority="185" stopIfTrue="1">
      <formula>ISBLANK(N188)=FALSE</formula>
    </cfRule>
  </conditionalFormatting>
  <conditionalFormatting sqref="Q190">
    <cfRule type="expression" dxfId="179" priority="176" stopIfTrue="1">
      <formula>ISBLANK(Q190)=TRUE</formula>
    </cfRule>
    <cfRule type="expression" dxfId="178" priority="177" stopIfTrue="1">
      <formula>INDIRECT("第１の３表②!"&amp;CELL("address",CJ190))="×××"</formula>
    </cfRule>
    <cfRule type="expression" dxfId="177" priority="178" stopIfTrue="1">
      <formula>INDIRECT("第１の３表②!"&amp;CELL("address",CJ190))="××"</formula>
    </cfRule>
    <cfRule type="expression" dxfId="176" priority="179" stopIfTrue="1">
      <formula>INDIRECT("第１の３表②!"&amp;CELL("address",CJ190))="×"</formula>
    </cfRule>
    <cfRule type="expression" dxfId="175" priority="180" stopIfTrue="1">
      <formula>ISBLANK(Q190)=FALSE</formula>
    </cfRule>
  </conditionalFormatting>
  <conditionalFormatting sqref="Q188:Q189">
    <cfRule type="expression" dxfId="174" priority="171" stopIfTrue="1">
      <formula>ISBLANK(Q188)=TRUE</formula>
    </cfRule>
    <cfRule type="expression" dxfId="173" priority="172" stopIfTrue="1">
      <formula>INDIRECT("第１の３表②!"&amp;CELL("address",CJ188))="×××"</formula>
    </cfRule>
    <cfRule type="expression" dxfId="172" priority="173" stopIfTrue="1">
      <formula>INDIRECT("第１の３表②!"&amp;CELL("address",CJ188))="××"</formula>
    </cfRule>
    <cfRule type="expression" dxfId="171" priority="174" stopIfTrue="1">
      <formula>INDIRECT("第１の３表②!"&amp;CELL("address",CJ188))="×"</formula>
    </cfRule>
    <cfRule type="expression" dxfId="170" priority="175" stopIfTrue="1">
      <formula>ISBLANK(Q188)=FALSE</formula>
    </cfRule>
  </conditionalFormatting>
  <conditionalFormatting sqref="T190">
    <cfRule type="expression" dxfId="169" priority="166" stopIfTrue="1">
      <formula>ISBLANK(T190)=TRUE</formula>
    </cfRule>
    <cfRule type="expression" dxfId="168" priority="167" stopIfTrue="1">
      <formula>INDIRECT("第１の３表②!"&amp;CELL("address",CM190))="×××"</formula>
    </cfRule>
    <cfRule type="expression" dxfId="167" priority="168" stopIfTrue="1">
      <formula>INDIRECT("第１の３表②!"&amp;CELL("address",CM190))="××"</formula>
    </cfRule>
    <cfRule type="expression" dxfId="166" priority="169" stopIfTrue="1">
      <formula>INDIRECT("第１の３表②!"&amp;CELL("address",CM190))="×"</formula>
    </cfRule>
    <cfRule type="expression" dxfId="165" priority="170" stopIfTrue="1">
      <formula>ISBLANK(T190)=FALSE</formula>
    </cfRule>
  </conditionalFormatting>
  <conditionalFormatting sqref="T188:T189">
    <cfRule type="expression" dxfId="164" priority="161" stopIfTrue="1">
      <formula>ISBLANK(T188)=TRUE</formula>
    </cfRule>
    <cfRule type="expression" dxfId="163" priority="162" stopIfTrue="1">
      <formula>INDIRECT("第１の３表②!"&amp;CELL("address",CM188))="×××"</formula>
    </cfRule>
    <cfRule type="expression" dxfId="162" priority="163" stopIfTrue="1">
      <formula>INDIRECT("第１の３表②!"&amp;CELL("address",CM188))="××"</formula>
    </cfRule>
    <cfRule type="expression" dxfId="161" priority="164" stopIfTrue="1">
      <formula>INDIRECT("第１の３表②!"&amp;CELL("address",CM188))="×"</formula>
    </cfRule>
    <cfRule type="expression" dxfId="160" priority="165" stopIfTrue="1">
      <formula>ISBLANK(T188)=FALSE</formula>
    </cfRule>
  </conditionalFormatting>
  <conditionalFormatting sqref="W190">
    <cfRule type="expression" dxfId="159" priority="156" stopIfTrue="1">
      <formula>ISBLANK(W190)=TRUE</formula>
    </cfRule>
    <cfRule type="expression" dxfId="158" priority="157" stopIfTrue="1">
      <formula>INDIRECT("第１の３表②!"&amp;CELL("address",CP190))="×××"</formula>
    </cfRule>
    <cfRule type="expression" dxfId="157" priority="158" stopIfTrue="1">
      <formula>INDIRECT("第１の３表②!"&amp;CELL("address",CP190))="××"</formula>
    </cfRule>
    <cfRule type="expression" dxfId="156" priority="159" stopIfTrue="1">
      <formula>INDIRECT("第１の３表②!"&amp;CELL("address",CP190))="×"</formula>
    </cfRule>
    <cfRule type="expression" dxfId="155" priority="160" stopIfTrue="1">
      <formula>ISBLANK(W190)=FALSE</formula>
    </cfRule>
  </conditionalFormatting>
  <conditionalFormatting sqref="W188:W189">
    <cfRule type="expression" dxfId="154" priority="151" stopIfTrue="1">
      <formula>ISBLANK(W188)=TRUE</formula>
    </cfRule>
    <cfRule type="expression" dxfId="153" priority="152" stopIfTrue="1">
      <formula>INDIRECT("第１の３表②!"&amp;CELL("address",CP188))="×××"</formula>
    </cfRule>
    <cfRule type="expression" dxfId="152" priority="153" stopIfTrue="1">
      <formula>INDIRECT("第１の３表②!"&amp;CELL("address",CP188))="××"</formula>
    </cfRule>
    <cfRule type="expression" dxfId="151" priority="154" stopIfTrue="1">
      <formula>INDIRECT("第１の３表②!"&amp;CELL("address",CP188))="×"</formula>
    </cfRule>
    <cfRule type="expression" dxfId="150" priority="155" stopIfTrue="1">
      <formula>ISBLANK(W188)=FALSE</formula>
    </cfRule>
  </conditionalFormatting>
  <conditionalFormatting sqref="Z190">
    <cfRule type="expression" dxfId="149" priority="146" stopIfTrue="1">
      <formula>ISBLANK(Z190)=TRUE</formula>
    </cfRule>
    <cfRule type="expression" dxfId="148" priority="147" stopIfTrue="1">
      <formula>INDIRECT("第１の３表②!"&amp;CELL("address",CS190))="×××"</formula>
    </cfRule>
    <cfRule type="expression" dxfId="147" priority="148" stopIfTrue="1">
      <formula>INDIRECT("第１の３表②!"&amp;CELL("address",CS190))="××"</formula>
    </cfRule>
    <cfRule type="expression" dxfId="146" priority="149" stopIfTrue="1">
      <formula>INDIRECT("第１の３表②!"&amp;CELL("address",CS190))="×"</formula>
    </cfRule>
    <cfRule type="expression" dxfId="145" priority="150" stopIfTrue="1">
      <formula>ISBLANK(Z190)=FALSE</formula>
    </cfRule>
  </conditionalFormatting>
  <conditionalFormatting sqref="Z188:Z189">
    <cfRule type="expression" dxfId="144" priority="141" stopIfTrue="1">
      <formula>ISBLANK(Z188)=TRUE</formula>
    </cfRule>
    <cfRule type="expression" dxfId="143" priority="142" stopIfTrue="1">
      <formula>INDIRECT("第１の３表②!"&amp;CELL("address",CS188))="×××"</formula>
    </cfRule>
    <cfRule type="expression" dxfId="142" priority="143" stopIfTrue="1">
      <formula>INDIRECT("第１の３表②!"&amp;CELL("address",CS188))="××"</formula>
    </cfRule>
    <cfRule type="expression" dxfId="141" priority="144" stopIfTrue="1">
      <formula>INDIRECT("第１の３表②!"&amp;CELL("address",CS188))="×"</formula>
    </cfRule>
    <cfRule type="expression" dxfId="140" priority="145" stopIfTrue="1">
      <formula>ISBLANK(Z188)=FALSE</formula>
    </cfRule>
  </conditionalFormatting>
  <conditionalFormatting sqref="AC190">
    <cfRule type="expression" dxfId="139" priority="136" stopIfTrue="1">
      <formula>ISBLANK(AC190)=TRUE</formula>
    </cfRule>
    <cfRule type="expression" dxfId="138" priority="137" stopIfTrue="1">
      <formula>INDIRECT("第１の３表②!"&amp;CELL("address",CV190))="×××"</formula>
    </cfRule>
    <cfRule type="expression" dxfId="137" priority="138" stopIfTrue="1">
      <formula>INDIRECT("第１の３表②!"&amp;CELL("address",CV190))="××"</formula>
    </cfRule>
    <cfRule type="expression" dxfId="136" priority="139" stopIfTrue="1">
      <formula>INDIRECT("第１の３表②!"&amp;CELL("address",CV190))="×"</formula>
    </cfRule>
    <cfRule type="expression" dxfId="135" priority="140" stopIfTrue="1">
      <formula>ISBLANK(AC190)=FALSE</formula>
    </cfRule>
  </conditionalFormatting>
  <conditionalFormatting sqref="AC188:AC189">
    <cfRule type="expression" dxfId="134" priority="131" stopIfTrue="1">
      <formula>ISBLANK(AC188)=TRUE</formula>
    </cfRule>
    <cfRule type="expression" dxfId="133" priority="132" stopIfTrue="1">
      <formula>INDIRECT("第１の３表②!"&amp;CELL("address",CV188))="×××"</formula>
    </cfRule>
    <cfRule type="expression" dxfId="132" priority="133" stopIfTrue="1">
      <formula>INDIRECT("第１の３表②!"&amp;CELL("address",CV188))="××"</formula>
    </cfRule>
    <cfRule type="expression" dxfId="131" priority="134" stopIfTrue="1">
      <formula>INDIRECT("第１の３表②!"&amp;CELL("address",CV188))="×"</formula>
    </cfRule>
    <cfRule type="expression" dxfId="130" priority="135" stopIfTrue="1">
      <formula>ISBLANK(AC188)=FALSE</formula>
    </cfRule>
  </conditionalFormatting>
  <conditionalFormatting sqref="AF190">
    <cfRule type="expression" dxfId="129" priority="126" stopIfTrue="1">
      <formula>ISBLANK(AF190)=TRUE</formula>
    </cfRule>
    <cfRule type="expression" dxfId="128" priority="127" stopIfTrue="1">
      <formula>INDIRECT("第１の３表②!"&amp;CELL("address",CY190))="×××"</formula>
    </cfRule>
    <cfRule type="expression" dxfId="127" priority="128" stopIfTrue="1">
      <formula>INDIRECT("第１の３表②!"&amp;CELL("address",CY190))="××"</formula>
    </cfRule>
    <cfRule type="expression" dxfId="126" priority="129" stopIfTrue="1">
      <formula>INDIRECT("第１の３表②!"&amp;CELL("address",CY190))="×"</formula>
    </cfRule>
    <cfRule type="expression" dxfId="125" priority="130" stopIfTrue="1">
      <formula>ISBLANK(AF190)=FALSE</formula>
    </cfRule>
  </conditionalFormatting>
  <conditionalFormatting sqref="AF188:AF189">
    <cfRule type="expression" dxfId="124" priority="121" stopIfTrue="1">
      <formula>ISBLANK(AF188)=TRUE</formula>
    </cfRule>
    <cfRule type="expression" dxfId="123" priority="122" stopIfTrue="1">
      <formula>INDIRECT("第１の３表②!"&amp;CELL("address",CY188))="×××"</formula>
    </cfRule>
    <cfRule type="expression" dxfId="122" priority="123" stopIfTrue="1">
      <formula>INDIRECT("第１の３表②!"&amp;CELL("address",CY188))="××"</formula>
    </cfRule>
    <cfRule type="expression" dxfId="121" priority="124" stopIfTrue="1">
      <formula>INDIRECT("第１の３表②!"&amp;CELL("address",CY188))="×"</formula>
    </cfRule>
    <cfRule type="expression" dxfId="120" priority="125" stopIfTrue="1">
      <formula>ISBLANK(AF188)=FALSE</formula>
    </cfRule>
  </conditionalFormatting>
  <conditionalFormatting sqref="AI190">
    <cfRule type="expression" dxfId="119" priority="116" stopIfTrue="1">
      <formula>ISBLANK(AI190)=TRUE</formula>
    </cfRule>
    <cfRule type="expression" dxfId="118" priority="117" stopIfTrue="1">
      <formula>INDIRECT("第１の３表②!"&amp;CELL("address",DB190))="×××"</formula>
    </cfRule>
    <cfRule type="expression" dxfId="117" priority="118" stopIfTrue="1">
      <formula>INDIRECT("第１の３表②!"&amp;CELL("address",DB190))="××"</formula>
    </cfRule>
    <cfRule type="expression" dxfId="116" priority="119" stopIfTrue="1">
      <formula>INDIRECT("第１の３表②!"&amp;CELL("address",DB190))="×"</formula>
    </cfRule>
    <cfRule type="expression" dxfId="115" priority="120" stopIfTrue="1">
      <formula>ISBLANK(AI190)=FALSE</formula>
    </cfRule>
  </conditionalFormatting>
  <conditionalFormatting sqref="AI188:AI189">
    <cfRule type="expression" dxfId="114" priority="111" stopIfTrue="1">
      <formula>ISBLANK(AI188)=TRUE</formula>
    </cfRule>
    <cfRule type="expression" dxfId="113" priority="112" stopIfTrue="1">
      <formula>INDIRECT("第１の３表②!"&amp;CELL("address",DB188))="×××"</formula>
    </cfRule>
    <cfRule type="expression" dxfId="112" priority="113" stopIfTrue="1">
      <formula>INDIRECT("第１の３表②!"&amp;CELL("address",DB188))="××"</formula>
    </cfRule>
    <cfRule type="expression" dxfId="111" priority="114" stopIfTrue="1">
      <formula>INDIRECT("第１の３表②!"&amp;CELL("address",DB188))="×"</formula>
    </cfRule>
    <cfRule type="expression" dxfId="110" priority="115" stopIfTrue="1">
      <formula>ISBLANK(AI188)=FALSE</formula>
    </cfRule>
  </conditionalFormatting>
  <conditionalFormatting sqref="AL190">
    <cfRule type="expression" dxfId="109" priority="106" stopIfTrue="1">
      <formula>ISBLANK(AL190)=TRUE</formula>
    </cfRule>
    <cfRule type="expression" dxfId="108" priority="107" stopIfTrue="1">
      <formula>INDIRECT("第１の３表②!"&amp;CELL("address",DE190))="×××"</formula>
    </cfRule>
    <cfRule type="expression" dxfId="107" priority="108" stopIfTrue="1">
      <formula>INDIRECT("第１の３表②!"&amp;CELL("address",DE190))="××"</formula>
    </cfRule>
    <cfRule type="expression" dxfId="106" priority="109" stopIfTrue="1">
      <formula>INDIRECT("第１の３表②!"&amp;CELL("address",DE190))="×"</formula>
    </cfRule>
    <cfRule type="expression" dxfId="105" priority="110" stopIfTrue="1">
      <formula>ISBLANK(AL190)=FALSE</formula>
    </cfRule>
  </conditionalFormatting>
  <conditionalFormatting sqref="AL188:AL189">
    <cfRule type="expression" dxfId="104" priority="101" stopIfTrue="1">
      <formula>ISBLANK(AL188)=TRUE</formula>
    </cfRule>
    <cfRule type="expression" dxfId="103" priority="102" stopIfTrue="1">
      <formula>INDIRECT("第１の３表②!"&amp;CELL("address",DE188))="×××"</formula>
    </cfRule>
    <cfRule type="expression" dxfId="102" priority="103" stopIfTrue="1">
      <formula>INDIRECT("第１の３表②!"&amp;CELL("address",DE188))="××"</formula>
    </cfRule>
    <cfRule type="expression" dxfId="101" priority="104" stopIfTrue="1">
      <formula>INDIRECT("第１の３表②!"&amp;CELL("address",DE188))="×"</formula>
    </cfRule>
    <cfRule type="expression" dxfId="100" priority="105" stopIfTrue="1">
      <formula>ISBLANK(AL188)=FALSE</formula>
    </cfRule>
  </conditionalFormatting>
  <conditionalFormatting sqref="AO190">
    <cfRule type="expression" dxfId="99" priority="96" stopIfTrue="1">
      <formula>ISBLANK(AO190)=TRUE</formula>
    </cfRule>
    <cfRule type="expression" dxfId="98" priority="97" stopIfTrue="1">
      <formula>INDIRECT("第１の３表②!"&amp;CELL("address",DH190))="×××"</formula>
    </cfRule>
    <cfRule type="expression" dxfId="97" priority="98" stopIfTrue="1">
      <formula>INDIRECT("第１の３表②!"&amp;CELL("address",DH190))="××"</formula>
    </cfRule>
    <cfRule type="expression" dxfId="96" priority="99" stopIfTrue="1">
      <formula>INDIRECT("第１の３表②!"&amp;CELL("address",DH190))="×"</formula>
    </cfRule>
    <cfRule type="expression" dxfId="95" priority="100" stopIfTrue="1">
      <formula>ISBLANK(AO190)=FALSE</formula>
    </cfRule>
  </conditionalFormatting>
  <conditionalFormatting sqref="AO188:AO189">
    <cfRule type="expression" dxfId="94" priority="91" stopIfTrue="1">
      <formula>ISBLANK(AO188)=TRUE</formula>
    </cfRule>
    <cfRule type="expression" dxfId="93" priority="92" stopIfTrue="1">
      <formula>INDIRECT("第１の３表②!"&amp;CELL("address",DH188))="×××"</formula>
    </cfRule>
    <cfRule type="expression" dxfId="92" priority="93" stopIfTrue="1">
      <formula>INDIRECT("第１の３表②!"&amp;CELL("address",DH188))="××"</formula>
    </cfRule>
    <cfRule type="expression" dxfId="91" priority="94" stopIfTrue="1">
      <formula>INDIRECT("第１の３表②!"&amp;CELL("address",DH188))="×"</formula>
    </cfRule>
    <cfRule type="expression" dxfId="90" priority="95" stopIfTrue="1">
      <formula>ISBLANK(AO188)=FALSE</formula>
    </cfRule>
  </conditionalFormatting>
  <conditionalFormatting sqref="AR190">
    <cfRule type="expression" dxfId="89" priority="86" stopIfTrue="1">
      <formula>ISBLANK(AR190)=TRUE</formula>
    </cfRule>
    <cfRule type="expression" dxfId="88" priority="87" stopIfTrue="1">
      <formula>INDIRECT("第１の３表②!"&amp;CELL("address",DK190))="×××"</formula>
    </cfRule>
    <cfRule type="expression" dxfId="87" priority="88" stopIfTrue="1">
      <formula>INDIRECT("第１の３表②!"&amp;CELL("address",DK190))="××"</formula>
    </cfRule>
    <cfRule type="expression" dxfId="86" priority="89" stopIfTrue="1">
      <formula>INDIRECT("第１の３表②!"&amp;CELL("address",DK190))="×"</formula>
    </cfRule>
    <cfRule type="expression" dxfId="85" priority="90" stopIfTrue="1">
      <formula>ISBLANK(AR190)=FALSE</formula>
    </cfRule>
  </conditionalFormatting>
  <conditionalFormatting sqref="AR188:AR189">
    <cfRule type="expression" dxfId="84" priority="81" stopIfTrue="1">
      <formula>ISBLANK(AR188)=TRUE</formula>
    </cfRule>
    <cfRule type="expression" dxfId="83" priority="82" stopIfTrue="1">
      <formula>INDIRECT("第１の３表②!"&amp;CELL("address",DK188))="×××"</formula>
    </cfRule>
    <cfRule type="expression" dxfId="82" priority="83" stopIfTrue="1">
      <formula>INDIRECT("第１の３表②!"&amp;CELL("address",DK188))="××"</formula>
    </cfRule>
    <cfRule type="expression" dxfId="81" priority="84" stopIfTrue="1">
      <formula>INDIRECT("第１の３表②!"&amp;CELL("address",DK188))="×"</formula>
    </cfRule>
    <cfRule type="expression" dxfId="80" priority="85" stopIfTrue="1">
      <formula>ISBLANK(AR188)=FALSE</formula>
    </cfRule>
  </conditionalFormatting>
  <conditionalFormatting sqref="AU190">
    <cfRule type="expression" dxfId="79" priority="76" stopIfTrue="1">
      <formula>ISBLANK(AU190)=TRUE</formula>
    </cfRule>
    <cfRule type="expression" dxfId="78" priority="77" stopIfTrue="1">
      <formula>INDIRECT("第１の３表②!"&amp;CELL("address",DN190))="×××"</formula>
    </cfRule>
    <cfRule type="expression" dxfId="77" priority="78" stopIfTrue="1">
      <formula>INDIRECT("第１の３表②!"&amp;CELL("address",DN190))="××"</formula>
    </cfRule>
    <cfRule type="expression" dxfId="76" priority="79" stopIfTrue="1">
      <formula>INDIRECT("第１の３表②!"&amp;CELL("address",DN190))="×"</formula>
    </cfRule>
    <cfRule type="expression" dxfId="75" priority="80" stopIfTrue="1">
      <formula>ISBLANK(AU190)=FALSE</formula>
    </cfRule>
  </conditionalFormatting>
  <conditionalFormatting sqref="AU188:AU189">
    <cfRule type="expression" dxfId="74" priority="71" stopIfTrue="1">
      <formula>ISBLANK(AU188)=TRUE</formula>
    </cfRule>
    <cfRule type="expression" dxfId="73" priority="72" stopIfTrue="1">
      <formula>INDIRECT("第１の３表②!"&amp;CELL("address",DN188))="×××"</formula>
    </cfRule>
    <cfRule type="expression" dxfId="72" priority="73" stopIfTrue="1">
      <formula>INDIRECT("第１の３表②!"&amp;CELL("address",DN188))="××"</formula>
    </cfRule>
    <cfRule type="expression" dxfId="71" priority="74" stopIfTrue="1">
      <formula>INDIRECT("第１の３表②!"&amp;CELL("address",DN188))="×"</formula>
    </cfRule>
    <cfRule type="expression" dxfId="70" priority="75" stopIfTrue="1">
      <formula>ISBLANK(AU188)=FALSE</formula>
    </cfRule>
  </conditionalFormatting>
  <conditionalFormatting sqref="AX190">
    <cfRule type="expression" dxfId="69" priority="66" stopIfTrue="1">
      <formula>ISBLANK(AX190)=TRUE</formula>
    </cfRule>
    <cfRule type="expression" dxfId="68" priority="67" stopIfTrue="1">
      <formula>INDIRECT("第１の３表②!"&amp;CELL("address",DQ190))="×××"</formula>
    </cfRule>
    <cfRule type="expression" dxfId="67" priority="68" stopIfTrue="1">
      <formula>INDIRECT("第１の３表②!"&amp;CELL("address",DQ190))="××"</formula>
    </cfRule>
    <cfRule type="expression" dxfId="66" priority="69" stopIfTrue="1">
      <formula>INDIRECT("第１の３表②!"&amp;CELL("address",DQ190))="×"</formula>
    </cfRule>
    <cfRule type="expression" dxfId="65" priority="70" stopIfTrue="1">
      <formula>ISBLANK(AX190)=FALSE</formula>
    </cfRule>
  </conditionalFormatting>
  <conditionalFormatting sqref="AX188:AX189">
    <cfRule type="expression" dxfId="64" priority="61" stopIfTrue="1">
      <formula>ISBLANK(AX188)=TRUE</formula>
    </cfRule>
    <cfRule type="expression" dxfId="63" priority="62" stopIfTrue="1">
      <formula>INDIRECT("第１の３表②!"&amp;CELL("address",DQ188))="×××"</formula>
    </cfRule>
    <cfRule type="expression" dxfId="62" priority="63" stopIfTrue="1">
      <formula>INDIRECT("第１の３表②!"&amp;CELL("address",DQ188))="××"</formula>
    </cfRule>
    <cfRule type="expression" dxfId="61" priority="64" stopIfTrue="1">
      <formula>INDIRECT("第１の３表②!"&amp;CELL("address",DQ188))="×"</formula>
    </cfRule>
    <cfRule type="expression" dxfId="60" priority="65" stopIfTrue="1">
      <formula>ISBLANK(AX188)=FALSE</formula>
    </cfRule>
  </conditionalFormatting>
  <conditionalFormatting sqref="BA190">
    <cfRule type="expression" dxfId="59" priority="56" stopIfTrue="1">
      <formula>ISBLANK(BA190)=TRUE</formula>
    </cfRule>
    <cfRule type="expression" dxfId="58" priority="57" stopIfTrue="1">
      <formula>INDIRECT("第１の３表②!"&amp;CELL("address",DT190))="×××"</formula>
    </cfRule>
    <cfRule type="expression" dxfId="57" priority="58" stopIfTrue="1">
      <formula>INDIRECT("第１の３表②!"&amp;CELL("address",DT190))="××"</formula>
    </cfRule>
    <cfRule type="expression" dxfId="56" priority="59" stopIfTrue="1">
      <formula>INDIRECT("第１の３表②!"&amp;CELL("address",DT190))="×"</formula>
    </cfRule>
    <cfRule type="expression" dxfId="55" priority="60" stopIfTrue="1">
      <formula>ISBLANK(BA190)=FALSE</formula>
    </cfRule>
  </conditionalFormatting>
  <conditionalFormatting sqref="BA188:BA189">
    <cfRule type="expression" dxfId="54" priority="51" stopIfTrue="1">
      <formula>ISBLANK(BA188)=TRUE</formula>
    </cfRule>
    <cfRule type="expression" dxfId="53" priority="52" stopIfTrue="1">
      <formula>INDIRECT("第１の３表②!"&amp;CELL("address",DT188))="×××"</formula>
    </cfRule>
    <cfRule type="expression" dxfId="52" priority="53" stopIfTrue="1">
      <formula>INDIRECT("第１の３表②!"&amp;CELL("address",DT188))="××"</formula>
    </cfRule>
    <cfRule type="expression" dxfId="51" priority="54" stopIfTrue="1">
      <formula>INDIRECT("第１の３表②!"&amp;CELL("address",DT188))="×"</formula>
    </cfRule>
    <cfRule type="expression" dxfId="50" priority="55" stopIfTrue="1">
      <formula>ISBLANK(BA188)=FALSE</formula>
    </cfRule>
  </conditionalFormatting>
  <conditionalFormatting sqref="BD190">
    <cfRule type="expression" dxfId="49" priority="46" stopIfTrue="1">
      <formula>ISBLANK(BD190)=TRUE</formula>
    </cfRule>
    <cfRule type="expression" dxfId="48" priority="47" stopIfTrue="1">
      <formula>INDIRECT("第１の３表②!"&amp;CELL("address",DW190))="×××"</formula>
    </cfRule>
    <cfRule type="expression" dxfId="47" priority="48" stopIfTrue="1">
      <formula>INDIRECT("第１の３表②!"&amp;CELL("address",DW190))="××"</formula>
    </cfRule>
    <cfRule type="expression" dxfId="46" priority="49" stopIfTrue="1">
      <formula>INDIRECT("第１の３表②!"&amp;CELL("address",DW190))="×"</formula>
    </cfRule>
    <cfRule type="expression" dxfId="45" priority="50" stopIfTrue="1">
      <formula>ISBLANK(BD190)=FALSE</formula>
    </cfRule>
  </conditionalFormatting>
  <conditionalFormatting sqref="BD188:BD189">
    <cfRule type="expression" dxfId="44" priority="41" stopIfTrue="1">
      <formula>ISBLANK(BD188)=TRUE</formula>
    </cfRule>
    <cfRule type="expression" dxfId="43" priority="42" stopIfTrue="1">
      <formula>INDIRECT("第１の３表②!"&amp;CELL("address",DW188))="×××"</formula>
    </cfRule>
    <cfRule type="expression" dxfId="42" priority="43" stopIfTrue="1">
      <formula>INDIRECT("第１の３表②!"&amp;CELL("address",DW188))="××"</formula>
    </cfRule>
    <cfRule type="expression" dxfId="41" priority="44" stopIfTrue="1">
      <formula>INDIRECT("第１の３表②!"&amp;CELL("address",DW188))="×"</formula>
    </cfRule>
    <cfRule type="expression" dxfId="40" priority="45" stopIfTrue="1">
      <formula>ISBLANK(BD188)=FALSE</formula>
    </cfRule>
  </conditionalFormatting>
  <conditionalFormatting sqref="BG190">
    <cfRule type="expression" dxfId="39" priority="36" stopIfTrue="1">
      <formula>ISBLANK(BG190)=TRUE</formula>
    </cfRule>
    <cfRule type="expression" dxfId="38" priority="37" stopIfTrue="1">
      <formula>INDIRECT("第１の３表②!"&amp;CELL("address",DZ190))="×××"</formula>
    </cfRule>
    <cfRule type="expression" dxfId="37" priority="38" stopIfTrue="1">
      <formula>INDIRECT("第１の３表②!"&amp;CELL("address",DZ190))="××"</formula>
    </cfRule>
    <cfRule type="expression" dxfId="36" priority="39" stopIfTrue="1">
      <formula>INDIRECT("第１の３表②!"&amp;CELL("address",DZ190))="×"</formula>
    </cfRule>
    <cfRule type="expression" dxfId="35" priority="40" stopIfTrue="1">
      <formula>ISBLANK(BG190)=FALSE</formula>
    </cfRule>
  </conditionalFormatting>
  <conditionalFormatting sqref="BG188:BG189">
    <cfRule type="expression" dxfId="34" priority="31" stopIfTrue="1">
      <formula>ISBLANK(BG188)=TRUE</formula>
    </cfRule>
    <cfRule type="expression" dxfId="33" priority="32" stopIfTrue="1">
      <formula>INDIRECT("第１の３表②!"&amp;CELL("address",DZ188))="×××"</formula>
    </cfRule>
    <cfRule type="expression" dxfId="32" priority="33" stopIfTrue="1">
      <formula>INDIRECT("第１の３表②!"&amp;CELL("address",DZ188))="××"</formula>
    </cfRule>
    <cfRule type="expression" dxfId="31" priority="34" stopIfTrue="1">
      <formula>INDIRECT("第１の３表②!"&amp;CELL("address",DZ188))="×"</formula>
    </cfRule>
    <cfRule type="expression" dxfId="30" priority="35" stopIfTrue="1">
      <formula>ISBLANK(BG188)=FALSE</formula>
    </cfRule>
  </conditionalFormatting>
  <conditionalFormatting sqref="BJ190">
    <cfRule type="expression" dxfId="29" priority="26" stopIfTrue="1">
      <formula>ISBLANK(BJ190)=TRUE</formula>
    </cfRule>
    <cfRule type="expression" dxfId="28" priority="27" stopIfTrue="1">
      <formula>INDIRECT("第１の３表②!"&amp;CELL("address",EC190))="×××"</formula>
    </cfRule>
    <cfRule type="expression" dxfId="27" priority="28" stopIfTrue="1">
      <formula>INDIRECT("第１の３表②!"&amp;CELL("address",EC190))="××"</formula>
    </cfRule>
    <cfRule type="expression" dxfId="26" priority="29" stopIfTrue="1">
      <formula>INDIRECT("第１の３表②!"&amp;CELL("address",EC190))="×"</formula>
    </cfRule>
    <cfRule type="expression" dxfId="25" priority="30" stopIfTrue="1">
      <formula>ISBLANK(BJ190)=FALSE</formula>
    </cfRule>
  </conditionalFormatting>
  <conditionalFormatting sqref="BJ188:BJ189">
    <cfRule type="expression" dxfId="24" priority="21" stopIfTrue="1">
      <formula>ISBLANK(BJ188)=TRUE</formula>
    </cfRule>
    <cfRule type="expression" dxfId="23" priority="22" stopIfTrue="1">
      <formula>INDIRECT("第１の３表②!"&amp;CELL("address",EC188))="×××"</formula>
    </cfRule>
    <cfRule type="expression" dxfId="22" priority="23" stopIfTrue="1">
      <formula>INDIRECT("第１の３表②!"&amp;CELL("address",EC188))="××"</formula>
    </cfRule>
    <cfRule type="expression" dxfId="21" priority="24" stopIfTrue="1">
      <formula>INDIRECT("第１の３表②!"&amp;CELL("address",EC188))="×"</formula>
    </cfRule>
    <cfRule type="expression" dxfId="20" priority="25" stopIfTrue="1">
      <formula>ISBLANK(BJ188)=FALSE</formula>
    </cfRule>
  </conditionalFormatting>
  <conditionalFormatting sqref="BM190">
    <cfRule type="expression" dxfId="19" priority="16" stopIfTrue="1">
      <formula>ISBLANK(BM190)=TRUE</formula>
    </cfRule>
    <cfRule type="expression" dxfId="18" priority="17" stopIfTrue="1">
      <formula>INDIRECT("第１の３表②!"&amp;CELL("address",EF190))="×××"</formula>
    </cfRule>
    <cfRule type="expression" dxfId="17" priority="18" stopIfTrue="1">
      <formula>INDIRECT("第１の３表②!"&amp;CELL("address",EF190))="××"</formula>
    </cfRule>
    <cfRule type="expression" dxfId="16" priority="19" stopIfTrue="1">
      <formula>INDIRECT("第１の３表②!"&amp;CELL("address",EF190))="×"</formula>
    </cfRule>
    <cfRule type="expression" dxfId="15" priority="20" stopIfTrue="1">
      <formula>ISBLANK(BM190)=FALSE</formula>
    </cfRule>
  </conditionalFormatting>
  <conditionalFormatting sqref="BM188:BM189">
    <cfRule type="expression" dxfId="14" priority="11" stopIfTrue="1">
      <formula>ISBLANK(BM188)=TRUE</formula>
    </cfRule>
    <cfRule type="expression" dxfId="13" priority="12" stopIfTrue="1">
      <formula>INDIRECT("第１の３表②!"&amp;CELL("address",EF188))="×××"</formula>
    </cfRule>
    <cfRule type="expression" dxfId="12" priority="13" stopIfTrue="1">
      <formula>INDIRECT("第１の３表②!"&amp;CELL("address",EF188))="××"</formula>
    </cfRule>
    <cfRule type="expression" dxfId="11" priority="14" stopIfTrue="1">
      <formula>INDIRECT("第１の３表②!"&amp;CELL("address",EF188))="×"</formula>
    </cfRule>
    <cfRule type="expression" dxfId="10" priority="15" stopIfTrue="1">
      <formula>ISBLANK(BM188)=FALSE</formula>
    </cfRule>
  </conditionalFormatting>
  <conditionalFormatting sqref="BP190">
    <cfRule type="expression" dxfId="9" priority="6" stopIfTrue="1">
      <formula>ISBLANK(BP190)=TRUE</formula>
    </cfRule>
    <cfRule type="expression" dxfId="8" priority="7" stopIfTrue="1">
      <formula>INDIRECT("第１の３表②!"&amp;CELL("address",EI190))="×××"</formula>
    </cfRule>
    <cfRule type="expression" dxfId="7" priority="8" stopIfTrue="1">
      <formula>INDIRECT("第１の３表②!"&amp;CELL("address",EI190))="××"</formula>
    </cfRule>
    <cfRule type="expression" dxfId="6" priority="9" stopIfTrue="1">
      <formula>INDIRECT("第１の３表②!"&amp;CELL("address",EI190))="×"</formula>
    </cfRule>
    <cfRule type="expression" dxfId="5" priority="10" stopIfTrue="1">
      <formula>ISBLANK(BP190)=FALSE</formula>
    </cfRule>
  </conditionalFormatting>
  <conditionalFormatting sqref="BP188:BP189">
    <cfRule type="expression" dxfId="4" priority="1" stopIfTrue="1">
      <formula>ISBLANK(BP188)=TRUE</formula>
    </cfRule>
    <cfRule type="expression" dxfId="3" priority="2" stopIfTrue="1">
      <formula>INDIRECT("第１の３表②!"&amp;CELL("address",EI188))="×××"</formula>
    </cfRule>
    <cfRule type="expression" dxfId="2" priority="3" stopIfTrue="1">
      <formula>INDIRECT("第１の３表②!"&amp;CELL("address",EI188))="××"</formula>
    </cfRule>
    <cfRule type="expression" dxfId="1" priority="4" stopIfTrue="1">
      <formula>INDIRECT("第１の３表②!"&amp;CELL("address",EI188))="×"</formula>
    </cfRule>
    <cfRule type="expression" dxfId="0" priority="5" stopIfTrue="1">
      <formula>ISBLANK(BP188)=FALSE</formula>
    </cfRule>
  </conditionalFormatting>
  <pageMargins left="0.70866141732283472" right="0.70866141732283472" top="0.74803149606299213" bottom="0.74803149606299213" header="0.31496062992125984" footer="0.31496062992125984"/>
  <pageSetup paperSize="8" scale="53" orientation="landscape" r:id="rId1"/>
  <rowBreaks count="1" manualBreakCount="1">
    <brk id="100" max="68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Sheet1</vt:lpstr>
      <vt:lpstr>Sheet1!Print_Area</vt:lpstr>
      <vt:lpstr>Sheet1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Ryo OTANI</cp:lastModifiedBy>
  <cp:lastPrinted>2022-03-28T09:08:49Z</cp:lastPrinted>
  <dcterms:created xsi:type="dcterms:W3CDTF">2020-02-28T02:22:46Z</dcterms:created>
  <dcterms:modified xsi:type="dcterms:W3CDTF">2022-08-04T23:25:25Z</dcterms:modified>
</cp:coreProperties>
</file>